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127"/>
  <workbookPr filterPrivacy="1"/>
  <xr:revisionPtr revIDLastSave="0" documentId="13_ncr:1_{DFC9822A-0603-47F6-8AA9-0873CD2B2F6A}" xr6:coauthVersionLast="47" xr6:coauthVersionMax="47" xr10:uidLastSave="{00000000-0000-0000-0000-000000000000}"/>
  <bookViews>
    <workbookView xWindow="-28920" yWindow="-7020" windowWidth="29040" windowHeight="15720" tabRatio="825" xr2:uid="{00000000-000D-0000-FFFF-FFFF00000000}"/>
  </bookViews>
  <sheets>
    <sheet name="Figuur 1" sheetId="3" r:id="rId1"/>
    <sheet name="Figuur 2" sheetId="4" r:id="rId2"/>
    <sheet name="Figuur 3" sheetId="5" r:id="rId3"/>
    <sheet name="Figuur 4" sheetId="6" r:id="rId4"/>
    <sheet name="Figuur 5" sheetId="7" r:id="rId5"/>
    <sheet name="Figuur 6" sheetId="8" r:id="rId6"/>
    <sheet name="Figuur 7" sheetId="9" r:id="rId7"/>
    <sheet name="Figuur 8" sheetId="10" r:id="rId8"/>
    <sheet name="Figuur 9" sheetId="11" r:id="rId9"/>
    <sheet name="Figuur 10" sheetId="12" r:id="rId10"/>
    <sheet name="Figuur 11" sheetId="13" r:id="rId11"/>
    <sheet name="Figuur 12" sheetId="14" r:id="rId12"/>
    <sheet name="Figuur 13" sheetId="15" r:id="rId13"/>
    <sheet name="Figuur 14" sheetId="16" r:id="rId14"/>
    <sheet name="Figuur 15" sheetId="17" r:id="rId15"/>
    <sheet name="Figuur 16" sheetId="18" r:id="rId16"/>
    <sheet name="Figuur 17" sheetId="19" r:id="rId17"/>
    <sheet name="Figuur 18" sheetId="20" r:id="rId18"/>
    <sheet name="Figuur 19" sheetId="21" r:id="rId19"/>
    <sheet name="Figuur 20" sheetId="22" r:id="rId20"/>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333" uniqueCount="196">
  <si>
    <t>Bloomberg</t>
  </si>
  <si>
    <t>Toelichting</t>
  </si>
  <si>
    <t>Bron</t>
  </si>
  <si>
    <t>Titel</t>
  </si>
  <si>
    <t>Figuur</t>
  </si>
  <si>
    <t>Subtitel</t>
  </si>
  <si>
    <t>Index</t>
  </si>
  <si>
    <t>Procenten</t>
  </si>
  <si>
    <t>Periode</t>
  </si>
  <si>
    <t>Rechter paneel</t>
  </si>
  <si>
    <t>Linker paneel</t>
  </si>
  <si>
    <t xml:space="preserve"> </t>
  </si>
  <si>
    <t>Economisch beleid (EPU Index)</t>
  </si>
  <si>
    <t>Financieel (VIX Index)</t>
  </si>
  <si>
    <t>Geopolitiek (GPR Index)</t>
  </si>
  <si>
    <t>Samengestelde indicator</t>
  </si>
  <si>
    <t>figuur toont de eerste hoofdcomponent van een gestandaardiseerde tijdreeks van de Economic Policy Uncertainty Index (EPU), VIX index en Geopolitical Risk Index (GPR), zie Baker et al. (2016) en Caldara et al. (2019).</t>
  </si>
  <si>
    <t>Refinitiv.</t>
  </si>
  <si>
    <t>Banken</t>
  </si>
  <si>
    <t>Overig</t>
  </si>
  <si>
    <t>Sector</t>
  </si>
  <si>
    <t>Verzekeraars</t>
  </si>
  <si>
    <t>Pensioenfondsen</t>
  </si>
  <si>
    <t>Nederland</t>
  </si>
  <si>
    <t>Eurogebied</t>
  </si>
  <si>
    <t>Mondiale economische onzekerheid blijft op hoog niveau</t>
  </si>
  <si>
    <t>Eigen berekeningen DNB</t>
  </si>
  <si>
    <t>Amerikaanse (technologie)aandelen zijn dit jaar flink in waarde toegenomen</t>
  </si>
  <si>
    <t>Index primo 2024 = 100</t>
  </si>
  <si>
    <t>Bloomberg.</t>
  </si>
  <si>
    <t>Amerikaanse aandelen (S&amp;P500)</t>
  </si>
  <si>
    <t>Europese aandelen (STOXX50)</t>
  </si>
  <si>
    <t xml:space="preserve"> Magnificent Seven (US)</t>
  </si>
  <si>
    <t>De dollar/euro koers stabiliseert sinds de zomer ondanks lagere rentes in de VS</t>
  </si>
  <si>
    <t>Aantal EUR per USD (links), tweejaars renteverschil VS en Duitsland in basispunten (rechts)</t>
  </si>
  <si>
    <t>Wisselkoers USD/EUR</t>
  </si>
  <si>
    <t>Renteverschil VS en Duitsland (rechteras)</t>
  </si>
  <si>
    <t>Miljarden dollar</t>
  </si>
  <si>
    <t>Buitenlandse investeerders blijven per saldo Amerikaanse activa aankopen</t>
  </si>
  <si>
    <t>Federal Reserve.</t>
  </si>
  <si>
    <t>Staatsobligaties</t>
  </si>
  <si>
    <t>Aandelen</t>
  </si>
  <si>
    <t>Bedrijfsobligaties</t>
  </si>
  <si>
    <t>Amerikaanse aandelen zijn hoog gewaardeerd, terwijl Europese aandelen dichterbij historische gemiddeldes liggen</t>
  </si>
  <si>
    <t>Koers-winstverhouding (links) en koers-boekwaardeverhouding (rechts)</t>
  </si>
  <si>
    <t>figuur toont de historische verdeling waarbij de blokjes de meest recente waarnemingen (30 oktober) weergeven en de horizontale lijn de mediaan.</t>
  </si>
  <si>
    <t>Percentiel</t>
  </si>
  <si>
    <t>Verenigde Staten</t>
  </si>
  <si>
    <t>Europa</t>
  </si>
  <si>
    <t>Europese banken zijn dollarverstrekkers in valutaswaps</t>
  </si>
  <si>
    <t>Miljarden dollar, gemiddelde notionale waarde valutaderivaten in derde kwartaal 2025</t>
  </si>
  <si>
    <t>MMSR data.</t>
  </si>
  <si>
    <t>Eurozone beleggingsfondsen</t>
  </si>
  <si>
    <t>Niet-eurozone banken</t>
  </si>
  <si>
    <t>Eurozone pensionfondsen</t>
  </si>
  <si>
    <t>Eurozone overige investeerders</t>
  </si>
  <si>
    <t>Overige investeerders</t>
  </si>
  <si>
    <t>Netto positie</t>
  </si>
  <si>
    <t>Derde kwartaal 2025</t>
  </si>
  <si>
    <t>Verenigd Koninkrijk</t>
  </si>
  <si>
    <t>Frankrijk</t>
  </si>
  <si>
    <t>Duitsland</t>
  </si>
  <si>
    <t>Japan</t>
  </si>
  <si>
    <t>Lange rentes op staatsobligaties nemen in veel Westerse landen toe</t>
  </si>
  <si>
    <t>Procenten; nominale rente op dertigjaars staatsobligaties</t>
  </si>
  <si>
    <t>Schuldhoudbaarheid in veel landen verslechtert door hogere rentelasten, vergrijzingskosten en defensie-uitgaven</t>
  </si>
  <si>
    <t>Verwachte verandering overheidsschuld in procentpunten van bbp tussen 2024 en 2035</t>
  </si>
  <si>
    <t>DNB berekening o.b.v. EC en CBO</t>
  </si>
  <si>
    <t>de figuur toont deterministische puntschattingen die met veel onzekerheid zijn omgeven. Voor de VS is het niet mogelijk om de vergrijzingskosten en defensie_x001F_uitgaven apart uit te splitsen, welke terugkomen in het begrotingstekort.</t>
  </si>
  <si>
    <t>Defensie-uitgaven</t>
  </si>
  <si>
    <t>Rentelasten</t>
  </si>
  <si>
    <t>Doorlopend tekort/surplus</t>
  </si>
  <si>
    <t>Vergrijzingskosten</t>
  </si>
  <si>
    <t>Inflatie</t>
  </si>
  <si>
    <t>Economische groei</t>
  </si>
  <si>
    <t>Totale verandering</t>
  </si>
  <si>
    <t>IE</t>
  </si>
  <si>
    <t>DE</t>
  </si>
  <si>
    <t>NL</t>
  </si>
  <si>
    <t>ES</t>
  </si>
  <si>
    <t>VS</t>
  </si>
  <si>
    <t>IT</t>
  </si>
  <si>
    <t>FR</t>
  </si>
  <si>
    <t>Landencode</t>
  </si>
  <si>
    <t xml:space="preserve">Lichte toename kredietrisico voor bedrijven met hoge afhankelijkheid van handel met de VS
</t>
  </si>
  <si>
    <t>Aandeel blootstellingen (links); Procentpunt verandering in risico op wanbetaling tussen 2024K4 en 2025K2 (rechts)</t>
  </si>
  <si>
    <t>Eigen berekeningen DNB op basis van OECD en Anacredit data.</t>
  </si>
  <si>
    <t>Blootstellingen buiten de VS worden beschouwd als 'hoog'  ('gemiddeld') wanneer de afhankelijkheid van Amerikaanse export het 90e percentiel (tussen het 75e en 90e percentiel) van de land-sectorverdeling overschrijdt. Voor Amerikaanse blootstellingen is de kwetsbaarheid gebaseerd op de afhankelijkheid van EUimport.</t>
  </si>
  <si>
    <t>Uitzettingen</t>
  </si>
  <si>
    <t>Verandering in risico op wanbetaling (rechteras)</t>
  </si>
  <si>
    <t>Laag</t>
  </si>
  <si>
    <t>Middel</t>
  </si>
  <si>
    <t>Hoog</t>
  </si>
  <si>
    <t>Pensioenfondsen kopen meer renteswaps om renterisico in aanloop naar transitie af te dekken</t>
  </si>
  <si>
    <t>Miljarden euro, notionele blootstelling voor verschillende resterende looptijden</t>
  </si>
  <si>
    <t>EMIR.</t>
  </si>
  <si>
    <t>September 2024</t>
  </si>
  <si>
    <t>September 2025</t>
  </si>
  <si>
    <t>5-15 jaar</t>
  </si>
  <si>
    <t>15-25 jaar</t>
  </si>
  <si>
    <t>25-35 jaar</t>
  </si>
  <si>
    <t>35-45 jaar</t>
  </si>
  <si>
    <t>45+ jaar</t>
  </si>
  <si>
    <t>Nederlandse huizenprijzen zijn afgelopen jaar verder gestegen, mede als gevolg van licht gedaalde hypotheekrenteSwaprentes stijgen na verwerping amendement over instemmingsrecht van pensioendeelnemers</t>
  </si>
  <si>
    <t>Tijd</t>
  </si>
  <si>
    <t>20-jaars</t>
  </si>
  <si>
    <t>30-jaars</t>
  </si>
  <si>
    <t>50-jaars</t>
  </si>
  <si>
    <t>Sinds begin 2025 heeft de Nederlandse financiële sector maandelijks gemiddeld 13 significante ICT-incidenten gemeld</t>
  </si>
  <si>
    <t>Aantal ernstige ICT-meldingen</t>
  </si>
  <si>
    <t>DORA.</t>
  </si>
  <si>
    <t>Elektronischgeld- en betaalinstellingen</t>
  </si>
  <si>
    <t>Oversight</t>
  </si>
  <si>
    <t>Januari</t>
  </si>
  <si>
    <t>Februari</t>
  </si>
  <si>
    <t>Maart</t>
  </si>
  <si>
    <t>April</t>
  </si>
  <si>
    <t>Mei</t>
  </si>
  <si>
    <t>Juni</t>
  </si>
  <si>
    <t>Juli</t>
  </si>
  <si>
    <t>Augustus</t>
  </si>
  <si>
    <t>September</t>
  </si>
  <si>
    <t>Oktober</t>
  </si>
  <si>
    <t>De stablecoin markt is in rap tempo gegroeid</t>
  </si>
  <si>
    <t>DefiLlama DeFi dashboard</t>
  </si>
  <si>
    <t>Date</t>
  </si>
  <si>
    <t>Tether (USDT)</t>
  </si>
  <si>
    <t>Circle (USDC)</t>
  </si>
  <si>
    <t>Overige</t>
  </si>
  <si>
    <t>Reserves van grootste stablecoin uitgevers bestaan voor
meer dan de helft uit Amerikaanse staatsobligaties</t>
  </si>
  <si>
    <t>Reserves Reports of Tether Holdings Limited and Tether International, USDC Reserve Reports.</t>
  </si>
  <si>
    <t>Totale reserves van de grootste twee uitgevers van stablecoins, namelijk Tether (USDT) en Circle (USDC)</t>
  </si>
  <si>
    <t>Amerikaanse staatsobligaties en reverse-repo's</t>
  </si>
  <si>
    <t>Treasuries</t>
  </si>
  <si>
    <t>Kasmiddelen</t>
  </si>
  <si>
    <t>Treasury reverse repo's</t>
  </si>
  <si>
    <t>Geldmarktfondsen</t>
  </si>
  <si>
    <t>Nederlandse en Europese groei van arbeidsproductiviteit blijft
structureel achter op de Verenigde Staten</t>
  </si>
  <si>
    <t>Gemiddelde jaarlijkse mutatie in procenten; bruto toegevoegde waarde (euro) per gewerkt uur in alle
relevante marktsectoren</t>
  </si>
  <si>
    <t>Eigen bewerkingen DNB op basis van EUKLEMS</t>
  </si>
  <si>
    <t>2003-2013</t>
  </si>
  <si>
    <t>2013-2023</t>
  </si>
  <si>
    <t>R&amp;D-uitgaven in procenten bbp, 2022 of dichtsbijzijnde jaar</t>
  </si>
  <si>
    <t>Amerikaanse bedrijven besteden relatief meer aan Research &amp; Development dan Europese of Nederlandse concurrenten</t>
  </si>
  <si>
    <t>OECD, Eurostat en MSTI.</t>
  </si>
  <si>
    <t>Italië</t>
  </si>
  <si>
    <t>Spanje</t>
  </si>
  <si>
    <t>Europese Unie</t>
  </si>
  <si>
    <t>China</t>
  </si>
  <si>
    <t>Denemarken</t>
  </si>
  <si>
    <t>Zweden</t>
  </si>
  <si>
    <t>Zuid Korea</t>
  </si>
  <si>
    <t>Onderzoeksinstellingen</t>
  </si>
  <si>
    <t>Hoger onderwijs</t>
  </si>
  <si>
    <t>Bedrijven</t>
  </si>
  <si>
    <t>Steeds meer bedrijfsleningen in Nederland worden door niet-bancaire instellingen verstrekt</t>
  </si>
  <si>
    <t>Verstrekte lange leningen in procenten bbp</t>
  </si>
  <si>
    <t>CBS.</t>
  </si>
  <si>
    <t>figuur toont de verstrekte lange leningen door verschillende type financiële instellingen.
Indirecte kredietverlening via beleggingsfondsen, bijvoorbeeld private credit fondsen, valt onder
overige financiële instellingen.</t>
  </si>
  <si>
    <t>Overige financiële instellingen</t>
  </si>
  <si>
    <t>Beschikbaar lange termijnkapitaal verschilt aanzienlijk tussen landen</t>
  </si>
  <si>
    <t>Procenten bbp; 2020-2022</t>
  </si>
  <si>
    <t>New Financial.</t>
  </si>
  <si>
    <t xml:space="preserve"> 
</t>
  </si>
  <si>
    <t>Pensioenen</t>
  </si>
  <si>
    <t>Retailbeleggingen</t>
  </si>
  <si>
    <t>Verzekeringen</t>
  </si>
  <si>
    <t>totaal</t>
  </si>
  <si>
    <t>Australië</t>
  </si>
  <si>
    <t>VK</t>
  </si>
  <si>
    <t>EU (gemiddelde)</t>
  </si>
  <si>
    <t>Land</t>
  </si>
  <si>
    <t>Door gelijktijdige vereisten zijn buffers niet volledig bruikbaar voor grote Europese banken</t>
  </si>
  <si>
    <t>Percentage kapitaal van de gecombineerde buffervereiste</t>
  </si>
  <si>
    <t>Eigen berekening met ECB tool o.b.v. COREP, LDR, RESOL en Pijler 3 disclosures.</t>
  </si>
  <si>
    <t xml:space="preserve">De selectie bestaat uit alle Nederlandse resolutiebanken en de grootste 11 Europese banken met een Single point of entry (SPE) resolutiestrategie.
</t>
  </si>
  <si>
    <t>Beperkt door ongewogen prudentiële vereiste</t>
  </si>
  <si>
    <t>Beperkt door resolutievereisten</t>
  </si>
  <si>
    <t>Beperkt door beide vereisten</t>
  </si>
  <si>
    <t xml:space="preserve">Bruikbaar </t>
  </si>
  <si>
    <t>Nederlandse banken</t>
  </si>
  <si>
    <t>Grote Europese banken</t>
  </si>
  <si>
    <t>Kwetsbaarheden verschoven van banken naar niet- bancaire sector</t>
  </si>
  <si>
    <t>Procentuele afwijking, actueel ten opzichte van 2006 (tenzij anders aangegeven)</t>
  </si>
  <si>
    <t>ECB, CBS, DNB, MinFin, Refinitiv.</t>
  </si>
  <si>
    <t>Eurozone</t>
  </si>
  <si>
    <t>Aandeel NBFI binnen financiële sector</t>
  </si>
  <si>
    <t>Overheidsschuld op bankbalans</t>
  </si>
  <si>
    <t>Bankbalans (%bbp, 2008)</t>
  </si>
  <si>
    <t>Financieringsbehoefte overheid (%bbp)</t>
  </si>
  <si>
    <t>Bedrijfsschuld (%bbp)</t>
  </si>
  <si>
    <t>Schuld huishoudens (%bbp)</t>
  </si>
  <si>
    <t>Financiële instellingen</t>
  </si>
  <si>
    <t>Macro-economie</t>
  </si>
  <si>
    <t>Resterende looptijd</t>
  </si>
  <si>
    <t>Afhankelijkheid</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5">
    <numFmt numFmtId="43" formatCode="_-* #,##0.00_-;\-* #,##0.00_-;_-* &quot;-&quot;??_-;_-@_-"/>
    <numFmt numFmtId="164" formatCode="0.0"/>
    <numFmt numFmtId="165" formatCode="[$]mmmm/yyyy;@" x16r2:formatCode16="[$-en-NL,1]mmmm/yyyy;@"/>
    <numFmt numFmtId="166" formatCode="[$-413]mmm/yy;@"/>
    <numFmt numFmtId="167" formatCode="0.000"/>
  </numFmts>
  <fonts count="4" x14ac:knownFonts="1">
    <font>
      <sz val="11"/>
      <color theme="1"/>
      <name val="Aptos Narrow"/>
      <family val="2"/>
      <scheme val="minor"/>
    </font>
    <font>
      <sz val="11"/>
      <color theme="1"/>
      <name val="Times New Roman"/>
      <family val="1"/>
    </font>
    <font>
      <sz val="11"/>
      <color indexed="8"/>
      <name val="Aptos Narrow"/>
      <family val="2"/>
      <scheme val="minor"/>
    </font>
    <font>
      <sz val="11"/>
      <color theme="1"/>
      <name val="Aptos Narrow"/>
      <family val="2"/>
      <scheme val="minor"/>
    </font>
  </fonts>
  <fills count="2">
    <fill>
      <patternFill patternType="none"/>
    </fill>
    <fill>
      <patternFill patternType="gray125"/>
    </fill>
  </fills>
  <borders count="2">
    <border>
      <left/>
      <right/>
      <top/>
      <bottom/>
      <diagonal/>
    </border>
    <border>
      <left/>
      <right/>
      <top/>
      <bottom style="thin">
        <color indexed="64"/>
      </bottom>
      <diagonal/>
    </border>
  </borders>
  <cellStyleXfs count="4">
    <xf numFmtId="0" fontId="0" fillId="0" borderId="0"/>
    <xf numFmtId="0" fontId="2" fillId="0" borderId="0"/>
    <xf numFmtId="43" fontId="3" fillId="0" borderId="0" applyFont="0" applyFill="0" applyBorder="0" applyAlignment="0" applyProtection="0"/>
    <xf numFmtId="9" fontId="3" fillId="0" borderId="0" applyFont="0" applyFill="0" applyBorder="0" applyAlignment="0" applyProtection="0"/>
  </cellStyleXfs>
  <cellXfs count="18">
    <xf numFmtId="0" fontId="0" fillId="0" borderId="0" xfId="0"/>
    <xf numFmtId="0" fontId="1" fillId="0" borderId="0" xfId="0" applyFont="1"/>
    <xf numFmtId="2" fontId="1" fillId="0" borderId="0" xfId="0" applyNumberFormat="1" applyFont="1"/>
    <xf numFmtId="164" fontId="1" fillId="0" borderId="0" xfId="0" applyNumberFormat="1" applyFont="1"/>
    <xf numFmtId="165" fontId="1" fillId="0" borderId="0" xfId="0" applyNumberFormat="1" applyFont="1"/>
    <xf numFmtId="166" fontId="1" fillId="0" borderId="0" xfId="0" applyNumberFormat="1" applyFont="1"/>
    <xf numFmtId="14" fontId="1" fillId="0" borderId="0" xfId="0" applyNumberFormat="1" applyFont="1"/>
    <xf numFmtId="1" fontId="1" fillId="0" borderId="0" xfId="0" applyNumberFormat="1" applyFont="1"/>
    <xf numFmtId="167" fontId="1" fillId="0" borderId="0" xfId="0" applyNumberFormat="1" applyFont="1"/>
    <xf numFmtId="0" fontId="1" fillId="0" borderId="0" xfId="0" quotePrefix="1" applyFont="1"/>
    <xf numFmtId="14" fontId="0" fillId="0" borderId="0" xfId="0" applyNumberFormat="1"/>
    <xf numFmtId="22" fontId="1" fillId="0" borderId="0" xfId="0" applyNumberFormat="1" applyFont="1"/>
    <xf numFmtId="0" fontId="1" fillId="0" borderId="1" xfId="0" applyFont="1" applyBorder="1"/>
    <xf numFmtId="0" fontId="1" fillId="0" borderId="0" xfId="0" applyFont="1" applyAlignment="1">
      <alignment wrapText="1"/>
    </xf>
    <xf numFmtId="0" fontId="1" fillId="0" borderId="0" xfId="0" applyFont="1" applyAlignment="1"/>
    <xf numFmtId="43" fontId="1" fillId="0" borderId="0" xfId="2" applyFont="1"/>
    <xf numFmtId="1" fontId="0" fillId="0" borderId="0" xfId="0" applyNumberFormat="1"/>
    <xf numFmtId="9" fontId="1" fillId="0" borderId="0" xfId="3" applyFont="1"/>
  </cellXfs>
  <cellStyles count="4">
    <cellStyle name="Komma" xfId="2" builtinId="3"/>
    <cellStyle name="Normal 2" xfId="1" xr:uid="{EC55F457-FA48-428F-82AD-ECE8CCB7EFBA}"/>
    <cellStyle name="Procent" xfId="3" builtinId="5"/>
    <cellStyle name="Standaard"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worksheet" Target="worksheets/sheet18.xml"/><Relationship Id="rId3" Type="http://schemas.openxmlformats.org/officeDocument/2006/relationships/worksheet" Target="worksheets/sheet3.xml"/><Relationship Id="rId21" Type="http://schemas.openxmlformats.org/officeDocument/2006/relationships/theme" Target="theme/theme1.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customXml" Target="../customXml/item2.xml"/><Relationship Id="rId2" Type="http://schemas.openxmlformats.org/officeDocument/2006/relationships/worksheet" Target="worksheets/sheet2.xml"/><Relationship Id="rId16" Type="http://schemas.openxmlformats.org/officeDocument/2006/relationships/worksheet" Target="worksheets/sheet16.xml"/><Relationship Id="rId20" Type="http://schemas.openxmlformats.org/officeDocument/2006/relationships/worksheet" Target="worksheets/sheet20.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worksheet" Target="worksheets/sheet15.xml"/><Relationship Id="rId23" Type="http://schemas.openxmlformats.org/officeDocument/2006/relationships/sharedStrings" Target="sharedStrings.xml"/><Relationship Id="rId10" Type="http://schemas.openxmlformats.org/officeDocument/2006/relationships/worksheet" Target="worksheets/sheet10.xml"/><Relationship Id="rId19" Type="http://schemas.openxmlformats.org/officeDocument/2006/relationships/worksheet" Target="worksheets/sheet19.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 Id="rId22" Type="http://schemas.openxmlformats.org/officeDocument/2006/relationships/styles" Target="styles.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5.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16.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17.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18.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19.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0.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56F596-51A6-4420-B549-E270F8D633B4}">
  <dimension ref="A1:N123"/>
  <sheetViews>
    <sheetView tabSelected="1" workbookViewId="0"/>
  </sheetViews>
  <sheetFormatPr defaultColWidth="12.1796875" defaultRowHeight="14" x14ac:dyDescent="0.3"/>
  <cols>
    <col min="1" max="1" width="15.7265625" style="4" customWidth="1"/>
    <col min="2" max="14" width="15.7265625" style="3" customWidth="1"/>
    <col min="15" max="16384" width="12.1796875" style="1"/>
  </cols>
  <sheetData>
    <row r="1" spans="1:7" x14ac:dyDescent="0.3">
      <c r="A1" s="4" t="s">
        <v>4</v>
      </c>
      <c r="B1" s="1">
        <v>1</v>
      </c>
    </row>
    <row r="2" spans="1:7" x14ac:dyDescent="0.3">
      <c r="A2" s="4" t="s">
        <v>3</v>
      </c>
      <c r="B2" s="3" t="s">
        <v>25</v>
      </c>
    </row>
    <row r="3" spans="1:7" x14ac:dyDescent="0.3">
      <c r="A3" s="4" t="s">
        <v>5</v>
      </c>
      <c r="B3" s="3" t="s">
        <v>6</v>
      </c>
    </row>
    <row r="4" spans="1:7" x14ac:dyDescent="0.3">
      <c r="A4" s="4" t="s">
        <v>2</v>
      </c>
      <c r="B4" s="3" t="s">
        <v>26</v>
      </c>
    </row>
    <row r="5" spans="1:7" x14ac:dyDescent="0.3">
      <c r="A5" s="4" t="s">
        <v>1</v>
      </c>
      <c r="B5" s="3" t="s">
        <v>16</v>
      </c>
    </row>
    <row r="7" spans="1:7" x14ac:dyDescent="0.3">
      <c r="A7" s="5" t="s">
        <v>8</v>
      </c>
      <c r="B7" s="3" t="s">
        <v>12</v>
      </c>
      <c r="C7" s="3" t="s">
        <v>13</v>
      </c>
      <c r="D7" s="3" t="s">
        <v>14</v>
      </c>
      <c r="E7" s="3" t="s">
        <v>15</v>
      </c>
    </row>
    <row r="8" spans="1:7" ht="14.5" x14ac:dyDescent="0.35">
      <c r="A8" s="5">
        <v>35520</v>
      </c>
      <c r="B8" s="3">
        <v>-0.68138715267393102</v>
      </c>
      <c r="C8" s="3">
        <v>1.1587610851555699E-2</v>
      </c>
      <c r="D8" s="3">
        <v>-0.497473443272407</v>
      </c>
      <c r="E8" s="3">
        <v>-1.1672729850947801</v>
      </c>
      <c r="G8" s="10"/>
    </row>
    <row r="9" spans="1:7" ht="14.5" x14ac:dyDescent="0.35">
      <c r="A9" s="5">
        <v>35611</v>
      </c>
      <c r="B9" s="3">
        <v>-0.65617632933079595</v>
      </c>
      <c r="C9" s="3">
        <v>1.04636438745577E-2</v>
      </c>
      <c r="D9" s="3">
        <v>-0.55472011214496697</v>
      </c>
      <c r="E9" s="3">
        <v>-1.2004327976011999</v>
      </c>
      <c r="G9" s="10"/>
    </row>
    <row r="10" spans="1:7" ht="14.5" x14ac:dyDescent="0.35">
      <c r="A10" s="5">
        <v>35703</v>
      </c>
      <c r="B10" s="3">
        <v>-0.75310584620694199</v>
      </c>
      <c r="C10" s="3">
        <v>0.151184309394719</v>
      </c>
      <c r="D10" s="3">
        <v>-0.55518345958028703</v>
      </c>
      <c r="E10" s="3">
        <v>-1.15710499639251</v>
      </c>
      <c r="G10" s="10"/>
    </row>
    <row r="11" spans="1:7" ht="14.5" x14ac:dyDescent="0.35">
      <c r="A11" s="5">
        <v>35795</v>
      </c>
      <c r="B11" s="3">
        <v>-0.49540309029004198</v>
      </c>
      <c r="C11" s="3">
        <v>0.43442398759824102</v>
      </c>
      <c r="D11" s="3">
        <v>-0.48278293848995402</v>
      </c>
      <c r="E11" s="3">
        <v>-0.54376204118175497</v>
      </c>
      <c r="G11" s="10"/>
    </row>
    <row r="12" spans="1:7" ht="14.5" x14ac:dyDescent="0.35">
      <c r="A12" s="5">
        <v>35885</v>
      </c>
      <c r="B12" s="3">
        <v>-0.552123509331923</v>
      </c>
      <c r="C12" s="3">
        <v>6.4638852165866206E-2</v>
      </c>
      <c r="D12" s="3">
        <v>-0.564747778507111</v>
      </c>
      <c r="E12" s="3">
        <v>-1.05223243567316</v>
      </c>
      <c r="G12" s="10"/>
    </row>
    <row r="13" spans="1:7" ht="14.5" x14ac:dyDescent="0.35">
      <c r="A13" s="5">
        <v>35976</v>
      </c>
      <c r="B13" s="3">
        <v>-0.60070626555323803</v>
      </c>
      <c r="C13" s="3">
        <v>9.9931415243606297E-2</v>
      </c>
      <c r="D13" s="3">
        <v>-0.23036993905219499</v>
      </c>
      <c r="E13" s="3">
        <v>-0.73114478936182703</v>
      </c>
      <c r="G13" s="10"/>
    </row>
    <row r="14" spans="1:7" ht="14.5" x14ac:dyDescent="0.35">
      <c r="A14" s="5">
        <v>36068</v>
      </c>
      <c r="B14" s="3">
        <v>-0.264409433334997</v>
      </c>
      <c r="C14" s="3">
        <v>0.43532316117983899</v>
      </c>
      <c r="D14" s="3">
        <v>-0.31736253671926301</v>
      </c>
      <c r="E14" s="3">
        <v>-0.14644880887442099</v>
      </c>
      <c r="G14" s="10"/>
    </row>
    <row r="15" spans="1:7" ht="14.5" x14ac:dyDescent="0.35">
      <c r="A15" s="5">
        <v>36160</v>
      </c>
      <c r="B15" s="3">
        <v>-0.41693343920492898</v>
      </c>
      <c r="C15" s="3">
        <v>0.77813308916425905</v>
      </c>
      <c r="D15" s="3">
        <v>-0.53066021259704599</v>
      </c>
      <c r="E15" s="3">
        <v>-0.169460562637715</v>
      </c>
      <c r="G15" s="10"/>
    </row>
    <row r="16" spans="1:7" ht="14.5" x14ac:dyDescent="0.35">
      <c r="A16" s="5">
        <v>36250</v>
      </c>
      <c r="B16" s="3">
        <v>-0.63046564878631595</v>
      </c>
      <c r="C16" s="3">
        <v>0.47466200537477299</v>
      </c>
      <c r="D16" s="3">
        <v>-0.29394680640949</v>
      </c>
      <c r="E16" s="3">
        <v>-0.44975044982103302</v>
      </c>
      <c r="G16" s="10"/>
    </row>
    <row r="17" spans="1:7" ht="14.5" x14ac:dyDescent="0.35">
      <c r="A17" s="5">
        <v>36341</v>
      </c>
      <c r="B17" s="3">
        <v>-0.72698004067305799</v>
      </c>
      <c r="C17" s="3">
        <v>0.26380580048992902</v>
      </c>
      <c r="D17" s="3">
        <v>-0.103305799400097</v>
      </c>
      <c r="E17" s="3">
        <v>-0.56648003958322701</v>
      </c>
      <c r="G17" s="10"/>
    </row>
    <row r="18" spans="1:7" ht="14.5" x14ac:dyDescent="0.35">
      <c r="A18" s="5">
        <v>36433</v>
      </c>
      <c r="B18" s="3">
        <v>-0.72941905152856801</v>
      </c>
      <c r="C18" s="3">
        <v>0.15995125181530501</v>
      </c>
      <c r="D18" s="3">
        <v>-0.47395745678699702</v>
      </c>
      <c r="E18" s="3">
        <v>-1.04342525650026</v>
      </c>
      <c r="G18" s="10"/>
    </row>
    <row r="19" spans="1:7" ht="14.5" x14ac:dyDescent="0.35">
      <c r="A19" s="5">
        <v>36525</v>
      </c>
      <c r="B19" s="3">
        <v>-0.75464237656010402</v>
      </c>
      <c r="C19" s="3">
        <v>0.18332976493686501</v>
      </c>
      <c r="D19" s="3">
        <v>-0.349679971397097</v>
      </c>
      <c r="E19" s="3">
        <v>-0.92099258302033604</v>
      </c>
      <c r="G19" s="10"/>
    </row>
    <row r="20" spans="1:7" ht="14.5" x14ac:dyDescent="0.35">
      <c r="A20" s="5">
        <v>36616</v>
      </c>
      <c r="B20" s="3">
        <v>-0.77781802589044502</v>
      </c>
      <c r="C20" s="3">
        <v>0.18445373191386299</v>
      </c>
      <c r="D20" s="3">
        <v>-0.13684229985528801</v>
      </c>
      <c r="E20" s="3">
        <v>-0.73020659383187003</v>
      </c>
      <c r="G20" s="10"/>
    </row>
    <row r="21" spans="1:7" ht="14.5" x14ac:dyDescent="0.35">
      <c r="A21" s="5">
        <v>36707</v>
      </c>
      <c r="B21" s="3">
        <v>-0.61636152139589695</v>
      </c>
      <c r="C21" s="3">
        <v>0.25121737034754998</v>
      </c>
      <c r="D21" s="3">
        <v>-0.310198133734437</v>
      </c>
      <c r="E21" s="3">
        <v>-0.67534228478278302</v>
      </c>
      <c r="G21" s="10"/>
    </row>
    <row r="22" spans="1:7" ht="14.5" x14ac:dyDescent="0.35">
      <c r="A22" s="5">
        <v>36799</v>
      </c>
      <c r="B22" s="3">
        <v>-0.789985809645113</v>
      </c>
      <c r="C22" s="3">
        <v>-7.1585945446303603E-2</v>
      </c>
      <c r="D22" s="3">
        <v>-0.46475134635457299</v>
      </c>
      <c r="E22" s="3">
        <v>-1.32632310144599</v>
      </c>
      <c r="G22" s="10"/>
    </row>
    <row r="23" spans="1:7" ht="14.5" x14ac:dyDescent="0.35">
      <c r="A23" s="5">
        <v>36891</v>
      </c>
      <c r="B23" s="3">
        <v>-0.51116923974000295</v>
      </c>
      <c r="C23" s="3">
        <v>0.267402494816323</v>
      </c>
      <c r="D23" s="3">
        <v>-0.62824457710152104</v>
      </c>
      <c r="E23" s="3">
        <v>-0.87201132202520004</v>
      </c>
      <c r="G23" s="10"/>
    </row>
    <row r="24" spans="1:7" ht="14.5" x14ac:dyDescent="0.35">
      <c r="A24" s="5">
        <v>36981</v>
      </c>
      <c r="B24" s="3">
        <v>-0.39813482912334802</v>
      </c>
      <c r="C24" s="3">
        <v>0.41891324331566698</v>
      </c>
      <c r="D24" s="3">
        <v>-0.55577319457329299</v>
      </c>
      <c r="E24" s="3">
        <v>-0.53499478038097403</v>
      </c>
      <c r="G24" s="10"/>
    </row>
    <row r="25" spans="1:7" ht="14.5" x14ac:dyDescent="0.35">
      <c r="A25" s="5">
        <v>37072</v>
      </c>
      <c r="B25" s="3">
        <v>-0.54196434250199199</v>
      </c>
      <c r="C25" s="3">
        <v>0.35754464637157102</v>
      </c>
      <c r="D25" s="3">
        <v>-0.49731618878644201</v>
      </c>
      <c r="E25" s="3">
        <v>-0.68173588491686299</v>
      </c>
      <c r="G25" s="10"/>
    </row>
    <row r="26" spans="1:7" ht="14.5" x14ac:dyDescent="0.35">
      <c r="A26" s="5">
        <v>37164</v>
      </c>
      <c r="B26" s="3">
        <v>-0.26543190339223999</v>
      </c>
      <c r="C26" s="3">
        <v>9.1614059613820506E-2</v>
      </c>
      <c r="D26" s="3">
        <v>-0.56405832714166604</v>
      </c>
      <c r="E26" s="3">
        <v>-0.73787617092008595</v>
      </c>
      <c r="G26" s="10"/>
    </row>
    <row r="27" spans="1:7" ht="14.5" x14ac:dyDescent="0.35">
      <c r="A27" s="5">
        <v>37256</v>
      </c>
      <c r="B27" s="3">
        <v>-0.14756480044860801</v>
      </c>
      <c r="C27" s="3">
        <v>0.65876779620706105</v>
      </c>
      <c r="D27" s="3">
        <v>2.8932388886259899</v>
      </c>
      <c r="E27" s="3">
        <v>3.4044418843844402</v>
      </c>
      <c r="G27" s="10"/>
    </row>
    <row r="28" spans="1:7" ht="14.5" x14ac:dyDescent="0.35">
      <c r="A28" s="5">
        <v>37346</v>
      </c>
      <c r="B28" s="3">
        <v>-0.53218910862975899</v>
      </c>
      <c r="C28" s="3">
        <v>6.0592571048673098E-2</v>
      </c>
      <c r="D28" s="3">
        <v>0.88931079461371598</v>
      </c>
      <c r="E28" s="3">
        <v>0.41771425703262999</v>
      </c>
      <c r="G28" s="10"/>
    </row>
    <row r="29" spans="1:7" ht="14.5" x14ac:dyDescent="0.35">
      <c r="A29" s="5">
        <v>37437</v>
      </c>
      <c r="B29" s="3">
        <v>-0.57293449336664704</v>
      </c>
      <c r="C29" s="3">
        <v>2.39512475985348E-2</v>
      </c>
      <c r="D29" s="3">
        <v>0.38281914709527298</v>
      </c>
      <c r="E29" s="3">
        <v>-0.16616409867283899</v>
      </c>
      <c r="G29" s="10"/>
    </row>
    <row r="30" spans="1:7" ht="14.5" x14ac:dyDescent="0.35">
      <c r="A30" s="5">
        <v>37529</v>
      </c>
      <c r="B30" s="3">
        <v>-0.36102038594062602</v>
      </c>
      <c r="C30" s="3">
        <v>0.96516119413674295</v>
      </c>
      <c r="D30" s="3">
        <v>8.0635820542397693E-2</v>
      </c>
      <c r="E30" s="3">
        <v>0.68477662873851497</v>
      </c>
      <c r="G30" s="10"/>
    </row>
    <row r="31" spans="1:7" ht="14.5" x14ac:dyDescent="0.35">
      <c r="A31" s="5">
        <v>37621</v>
      </c>
      <c r="B31" s="3">
        <v>-0.262167649507346</v>
      </c>
      <c r="C31" s="3">
        <v>0.66955787918624299</v>
      </c>
      <c r="D31" s="3">
        <v>0.42739845062981702</v>
      </c>
      <c r="E31" s="3">
        <v>0.834788680308714</v>
      </c>
      <c r="G31" s="10"/>
    </row>
    <row r="32" spans="1:7" ht="14.5" x14ac:dyDescent="0.35">
      <c r="A32" s="5">
        <v>37711</v>
      </c>
      <c r="B32" s="3">
        <v>-4.2736015325728897E-2</v>
      </c>
      <c r="C32" s="3">
        <v>0.57874134744479699</v>
      </c>
      <c r="D32" s="3">
        <v>1.17341623477291</v>
      </c>
      <c r="E32" s="3">
        <v>1.7094215668919801</v>
      </c>
      <c r="G32" s="10"/>
    </row>
    <row r="33" spans="1:7" ht="14.5" x14ac:dyDescent="0.35">
      <c r="A33" s="5">
        <v>37802</v>
      </c>
      <c r="B33" s="3">
        <v>-0.336958195009948</v>
      </c>
      <c r="C33" s="3">
        <v>0.218172741223806</v>
      </c>
      <c r="D33" s="3">
        <v>1.57875909299521</v>
      </c>
      <c r="E33" s="3">
        <v>1.4599736392090701</v>
      </c>
      <c r="G33" s="10"/>
    </row>
    <row r="34" spans="1:7" ht="14.5" x14ac:dyDescent="0.35">
      <c r="A34" s="5">
        <v>37894</v>
      </c>
      <c r="B34" s="3">
        <v>-0.64530230704343905</v>
      </c>
      <c r="C34" s="3">
        <v>-4.1913217253553403E-2</v>
      </c>
      <c r="D34" s="3">
        <v>0.49458441762747901</v>
      </c>
      <c r="E34" s="3">
        <v>-0.192631106669513</v>
      </c>
      <c r="G34" s="10"/>
    </row>
    <row r="35" spans="1:7" ht="14.5" x14ac:dyDescent="0.35">
      <c r="A35" s="5">
        <v>37986</v>
      </c>
      <c r="B35" s="3">
        <v>-0.674867918361712</v>
      </c>
      <c r="C35" s="3">
        <v>-0.15071322062696901</v>
      </c>
      <c r="D35" s="3">
        <v>1.0438070678644801E-2</v>
      </c>
      <c r="E35" s="3">
        <v>-0.81514306831003702</v>
      </c>
      <c r="G35" s="10"/>
    </row>
    <row r="36" spans="1:7" ht="14.5" x14ac:dyDescent="0.35">
      <c r="A36" s="5">
        <v>38077</v>
      </c>
      <c r="B36" s="3">
        <v>-0.66753179094128201</v>
      </c>
      <c r="C36" s="3">
        <v>-0.25456776930159403</v>
      </c>
      <c r="D36" s="3">
        <v>0.37659835690401999</v>
      </c>
      <c r="E36" s="3">
        <v>-0.54550120333885599</v>
      </c>
      <c r="G36" s="10"/>
    </row>
    <row r="37" spans="1:7" ht="14.5" x14ac:dyDescent="0.35">
      <c r="A37" s="5">
        <v>38168</v>
      </c>
      <c r="B37" s="3">
        <v>-0.60167180354830196</v>
      </c>
      <c r="C37" s="3">
        <v>-0.25906363720958597</v>
      </c>
      <c r="D37" s="3">
        <v>0.212756824278167</v>
      </c>
      <c r="E37" s="3">
        <v>-0.64797861647972099</v>
      </c>
      <c r="G37" s="10"/>
    </row>
    <row r="38" spans="1:7" ht="14.5" x14ac:dyDescent="0.35">
      <c r="A38" s="5">
        <v>38260</v>
      </c>
      <c r="B38" s="3">
        <v>-0.67161493295460795</v>
      </c>
      <c r="C38" s="3">
        <v>-0.35100413592803098</v>
      </c>
      <c r="D38" s="3">
        <v>0.16847281762903199</v>
      </c>
      <c r="E38" s="3">
        <v>-0.85414625125360599</v>
      </c>
      <c r="G38" s="10"/>
    </row>
    <row r="39" spans="1:7" ht="14.5" x14ac:dyDescent="0.35">
      <c r="A39" s="5">
        <v>38352</v>
      </c>
      <c r="B39" s="3">
        <v>-0.61920103706305696</v>
      </c>
      <c r="C39" s="3">
        <v>-0.42945703092249798</v>
      </c>
      <c r="D39" s="3">
        <v>0.40809258557190597</v>
      </c>
      <c r="E39" s="3">
        <v>-0.64056548241364897</v>
      </c>
      <c r="G39" s="10"/>
    </row>
    <row r="40" spans="1:7" ht="14.5" x14ac:dyDescent="0.35">
      <c r="A40" s="5">
        <v>38442</v>
      </c>
      <c r="B40" s="3">
        <v>-0.83914402897844997</v>
      </c>
      <c r="C40" s="3">
        <v>-0.51577769475595203</v>
      </c>
      <c r="D40" s="3">
        <v>0.122166168399767</v>
      </c>
      <c r="E40" s="3">
        <v>-1.2327555553346301</v>
      </c>
      <c r="G40" s="10"/>
    </row>
    <row r="41" spans="1:7" ht="14.5" x14ac:dyDescent="0.35">
      <c r="A41" s="5">
        <v>38533</v>
      </c>
      <c r="B41" s="3">
        <v>-0.70848328117715398</v>
      </c>
      <c r="C41" s="3">
        <v>-0.43889835352928203</v>
      </c>
      <c r="D41" s="3">
        <v>-7.9774821107709698E-2</v>
      </c>
      <c r="E41" s="3">
        <v>-1.2271564558141399</v>
      </c>
      <c r="G41" s="10"/>
    </row>
    <row r="42" spans="1:7" ht="14.5" x14ac:dyDescent="0.35">
      <c r="A42" s="5">
        <v>38625</v>
      </c>
      <c r="B42" s="3">
        <v>-0.67925517988107198</v>
      </c>
      <c r="C42" s="3">
        <v>-0.549946290856694</v>
      </c>
      <c r="D42" s="3">
        <v>0.290072320954947</v>
      </c>
      <c r="E42" s="3">
        <v>-0.93912914978281903</v>
      </c>
      <c r="G42" s="10"/>
    </row>
    <row r="43" spans="1:7" ht="14.5" x14ac:dyDescent="0.35">
      <c r="A43" s="5">
        <v>38717</v>
      </c>
      <c r="B43" s="3">
        <v>-0.75308098315250105</v>
      </c>
      <c r="C43" s="3">
        <v>-0.50678595893996703</v>
      </c>
      <c r="D43" s="3">
        <v>-0.123055971562372</v>
      </c>
      <c r="E43" s="3">
        <v>-1.38292291365484</v>
      </c>
      <c r="G43" s="10"/>
    </row>
    <row r="44" spans="1:7" ht="14.5" x14ac:dyDescent="0.35">
      <c r="A44" s="5">
        <v>38807</v>
      </c>
      <c r="B44" s="3">
        <v>-0.77013843869763099</v>
      </c>
      <c r="C44" s="3">
        <v>-0.58568844072523396</v>
      </c>
      <c r="D44" s="3">
        <v>0.125403650343585</v>
      </c>
      <c r="E44" s="3">
        <v>-1.23042322907928</v>
      </c>
      <c r="G44" s="10"/>
    </row>
    <row r="45" spans="1:7" ht="14.5" x14ac:dyDescent="0.35">
      <c r="A45" s="5">
        <v>38898</v>
      </c>
      <c r="B45" s="3">
        <v>-0.71447915286520403</v>
      </c>
      <c r="C45" s="3">
        <v>-0.50498761177676998</v>
      </c>
      <c r="D45" s="3">
        <v>-0.10878031167114</v>
      </c>
      <c r="E45" s="3">
        <v>-1.32824707631311</v>
      </c>
      <c r="G45" s="10"/>
    </row>
    <row r="46" spans="1:7" ht="14.5" x14ac:dyDescent="0.35">
      <c r="A46" s="5">
        <v>38990</v>
      </c>
      <c r="B46" s="3">
        <v>-0.77195076289469999</v>
      </c>
      <c r="C46" s="3">
        <v>-0.472842156234625</v>
      </c>
      <c r="D46" s="3">
        <v>0.16914324093177399</v>
      </c>
      <c r="E46" s="3">
        <v>-1.07564967819755</v>
      </c>
      <c r="G46" s="10"/>
    </row>
    <row r="47" spans="1:7" ht="14.5" x14ac:dyDescent="0.35">
      <c r="A47" s="5">
        <v>39082</v>
      </c>
      <c r="B47" s="3">
        <v>-0.80321841251319903</v>
      </c>
      <c r="C47" s="3">
        <v>-0.56995290304725998</v>
      </c>
      <c r="D47" s="3">
        <v>-4.5002637524465497E-2</v>
      </c>
      <c r="E47" s="3">
        <v>-1.41817395308492</v>
      </c>
      <c r="G47" s="10"/>
    </row>
    <row r="48" spans="1:7" ht="14.5" x14ac:dyDescent="0.35">
      <c r="A48" s="5">
        <v>39172</v>
      </c>
      <c r="B48" s="3">
        <v>-0.78510209258932295</v>
      </c>
      <c r="C48" s="3">
        <v>-0.51532810796515305</v>
      </c>
      <c r="D48" s="3">
        <v>-0.13369546804384599</v>
      </c>
      <c r="E48" s="3">
        <v>-1.4341256685983199</v>
      </c>
      <c r="G48" s="10"/>
    </row>
    <row r="49" spans="1:7" ht="14.5" x14ac:dyDescent="0.35">
      <c r="A49" s="5">
        <v>39263</v>
      </c>
      <c r="B49" s="3">
        <v>-0.81442302839942804</v>
      </c>
      <c r="C49" s="3">
        <v>-0.45575785818425302</v>
      </c>
      <c r="D49" s="3">
        <v>2.9727422666022199E-2</v>
      </c>
      <c r="E49" s="3">
        <v>-1.2404534639176601</v>
      </c>
      <c r="G49" s="10"/>
    </row>
    <row r="50" spans="1:7" ht="14.5" x14ac:dyDescent="0.35">
      <c r="A50" s="5">
        <v>39355</v>
      </c>
      <c r="B50" s="3">
        <v>-0.65635243931052001</v>
      </c>
      <c r="C50" s="3">
        <v>1.6982652341146799E-2</v>
      </c>
      <c r="D50" s="3">
        <v>-0.1709349202862</v>
      </c>
      <c r="E50" s="3">
        <v>-0.81030470725557402</v>
      </c>
      <c r="G50" s="10"/>
    </row>
    <row r="51" spans="1:7" ht="14.5" x14ac:dyDescent="0.35">
      <c r="A51" s="5">
        <v>39447</v>
      </c>
      <c r="B51" s="3">
        <v>-0.55287366137623495</v>
      </c>
      <c r="C51" s="3">
        <v>8.0149596448439803E-2</v>
      </c>
      <c r="D51" s="3">
        <v>-9.9883079081838605E-2</v>
      </c>
      <c r="E51" s="3">
        <v>-0.57260714400963397</v>
      </c>
      <c r="G51" s="10"/>
    </row>
    <row r="52" spans="1:7" ht="14.5" x14ac:dyDescent="0.35">
      <c r="A52" s="5">
        <v>39538</v>
      </c>
      <c r="B52" s="3">
        <v>-0.26672344868750703</v>
      </c>
      <c r="C52" s="3">
        <v>0.27819257779550499</v>
      </c>
      <c r="D52" s="3">
        <v>-0.21112266717769501</v>
      </c>
      <c r="E52" s="3">
        <v>-0.19965353806969699</v>
      </c>
      <c r="G52" s="10"/>
    </row>
    <row r="53" spans="1:7" ht="14.5" x14ac:dyDescent="0.35">
      <c r="A53" s="5">
        <v>39629</v>
      </c>
      <c r="B53" s="3">
        <v>-0.56242562213854796</v>
      </c>
      <c r="C53" s="3">
        <v>6.64215615276434E-3</v>
      </c>
      <c r="D53" s="3">
        <v>-0.40032270635676698</v>
      </c>
      <c r="E53" s="3">
        <v>-0.95610617234255002</v>
      </c>
      <c r="G53" s="10"/>
    </row>
    <row r="54" spans="1:7" ht="14.5" x14ac:dyDescent="0.35">
      <c r="A54" s="5">
        <v>39721</v>
      </c>
      <c r="B54" s="3">
        <v>-0.28042216666090403</v>
      </c>
      <c r="C54" s="3">
        <v>0.15995125181530401</v>
      </c>
      <c r="D54" s="3">
        <v>7.1966654803938199E-2</v>
      </c>
      <c r="E54" s="3">
        <v>-4.8504260041661501E-2</v>
      </c>
      <c r="G54" s="10"/>
    </row>
    <row r="55" spans="1:7" ht="14.5" x14ac:dyDescent="0.35">
      <c r="A55" s="5">
        <v>39813</v>
      </c>
      <c r="B55" s="3">
        <v>0.16765204168350401</v>
      </c>
      <c r="C55" s="3">
        <v>2.2682885072683399</v>
      </c>
      <c r="D55" s="3">
        <v>1.35206536413582E-2</v>
      </c>
      <c r="E55" s="3">
        <v>2.4494612025931999</v>
      </c>
      <c r="G55" s="10"/>
    </row>
    <row r="56" spans="1:7" ht="14.5" x14ac:dyDescent="0.35">
      <c r="A56" s="5">
        <v>39903</v>
      </c>
      <c r="B56" s="3">
        <v>-4.7420019595007898E-2</v>
      </c>
      <c r="C56" s="3">
        <v>1.71439758100367</v>
      </c>
      <c r="D56" s="3">
        <v>-0.35183858917579203</v>
      </c>
      <c r="E56" s="3">
        <v>1.3151389722328699</v>
      </c>
      <c r="G56" s="10"/>
    </row>
    <row r="57" spans="1:7" ht="14.5" x14ac:dyDescent="0.35">
      <c r="A57" s="5">
        <v>39994</v>
      </c>
      <c r="B57" s="3">
        <v>-0.35875825285836399</v>
      </c>
      <c r="C57" s="3">
        <v>1.0458620230852</v>
      </c>
      <c r="D57" s="3">
        <v>-0.270259751383566</v>
      </c>
      <c r="E57" s="3">
        <v>0.41684401884327499</v>
      </c>
      <c r="G57" s="10"/>
    </row>
    <row r="58" spans="1:7" ht="14.5" x14ac:dyDescent="0.35">
      <c r="A58" s="5">
        <v>40086</v>
      </c>
      <c r="B58" s="3">
        <v>-0.37970724522687499</v>
      </c>
      <c r="C58" s="3">
        <v>0.44588845076362099</v>
      </c>
      <c r="D58" s="3">
        <v>-0.46490748442938001</v>
      </c>
      <c r="E58" s="3">
        <v>-0.39872627889263401</v>
      </c>
      <c r="G58" s="10"/>
    </row>
    <row r="59" spans="1:7" ht="14.5" x14ac:dyDescent="0.35">
      <c r="A59" s="5">
        <v>40178</v>
      </c>
      <c r="B59" s="3">
        <v>-0.42853774889129997</v>
      </c>
      <c r="C59" s="3">
        <v>0.42430828480525801</v>
      </c>
      <c r="D59" s="3">
        <v>-0.11666300868770101</v>
      </c>
      <c r="E59" s="3">
        <v>-0.120892472773744</v>
      </c>
      <c r="G59" s="10"/>
    </row>
    <row r="60" spans="1:7" ht="14.5" x14ac:dyDescent="0.35">
      <c r="A60" s="5">
        <v>40268</v>
      </c>
      <c r="B60" s="3">
        <v>-0.28388668846930598</v>
      </c>
      <c r="C60" s="3">
        <v>1.78818259227451E-2</v>
      </c>
      <c r="D60" s="3">
        <v>0.31169190519885698</v>
      </c>
      <c r="E60" s="3">
        <v>4.5687042652296901E-2</v>
      </c>
      <c r="G60" s="10"/>
    </row>
    <row r="61" spans="1:7" ht="14.5" x14ac:dyDescent="0.35">
      <c r="A61" s="5">
        <v>40359</v>
      </c>
      <c r="B61" s="3">
        <v>-0.13883703999904801</v>
      </c>
      <c r="C61" s="3">
        <v>0.27212315611971499</v>
      </c>
      <c r="D61" s="3">
        <v>-6.7638530103889094E-2</v>
      </c>
      <c r="E61" s="3">
        <v>6.5647586016778198E-2</v>
      </c>
      <c r="G61" s="10"/>
    </row>
    <row r="62" spans="1:7" ht="14.5" x14ac:dyDescent="0.35">
      <c r="A62" s="5">
        <v>40451</v>
      </c>
      <c r="B62" s="3">
        <v>-0.108418049463979</v>
      </c>
      <c r="C62" s="3">
        <v>0.39710828396190401</v>
      </c>
      <c r="D62" s="3">
        <v>-9.6342166399888504E-2</v>
      </c>
      <c r="E62" s="3">
        <v>0.19234806809803501</v>
      </c>
      <c r="G62" s="10"/>
    </row>
    <row r="63" spans="1:7" ht="14.5" x14ac:dyDescent="0.35">
      <c r="A63" s="5">
        <v>40543</v>
      </c>
      <c r="B63" s="3">
        <v>-0.145980442952162</v>
      </c>
      <c r="C63" s="3">
        <v>0.10330331617459999</v>
      </c>
      <c r="D63" s="3">
        <v>-1.2127077011301401E-2</v>
      </c>
      <c r="E63" s="3">
        <v>-5.48042037888632E-2</v>
      </c>
      <c r="G63" s="10"/>
    </row>
    <row r="64" spans="1:7" ht="14.5" x14ac:dyDescent="0.35">
      <c r="A64" s="5">
        <v>40633</v>
      </c>
      <c r="B64" s="3">
        <v>-0.29935182739995198</v>
      </c>
      <c r="C64" s="3">
        <v>-0.10890164908264</v>
      </c>
      <c r="D64" s="3">
        <v>0.228579069402565</v>
      </c>
      <c r="E64" s="3">
        <v>-0.17967440708002699</v>
      </c>
      <c r="G64" s="10"/>
    </row>
    <row r="65" spans="1:7" ht="14.5" x14ac:dyDescent="0.35">
      <c r="A65" s="5">
        <v>40724</v>
      </c>
      <c r="B65" s="3">
        <v>-0.31087356780109399</v>
      </c>
      <c r="C65" s="3">
        <v>-0.211407437384867</v>
      </c>
      <c r="D65" s="3">
        <v>-5.6923381431144102E-2</v>
      </c>
      <c r="E65" s="3">
        <v>-0.57920438661710505</v>
      </c>
      <c r="G65" s="10"/>
    </row>
    <row r="66" spans="1:7" ht="14.5" x14ac:dyDescent="0.35">
      <c r="A66" s="5">
        <v>40816</v>
      </c>
      <c r="B66" s="3">
        <v>0.379523804967769</v>
      </c>
      <c r="C66" s="3">
        <v>0.23053637797078499</v>
      </c>
      <c r="D66" s="3">
        <v>-0.13401677362875999</v>
      </c>
      <c r="E66" s="3">
        <v>0.476043409309794</v>
      </c>
      <c r="G66" s="10"/>
    </row>
    <row r="67" spans="1:7" ht="14.5" x14ac:dyDescent="0.35">
      <c r="A67" s="5">
        <v>40908</v>
      </c>
      <c r="B67" s="3">
        <v>0.29495667975718898</v>
      </c>
      <c r="C67" s="3">
        <v>1.0460868164806001</v>
      </c>
      <c r="D67" s="3">
        <v>-0.138281390642673</v>
      </c>
      <c r="E67" s="3">
        <v>1.2027621055951201</v>
      </c>
      <c r="G67" s="10"/>
    </row>
    <row r="68" spans="1:7" ht="14.5" x14ac:dyDescent="0.35">
      <c r="A68" s="5">
        <v>40999</v>
      </c>
      <c r="B68" s="3">
        <v>-3.3833374958795799E-2</v>
      </c>
      <c r="C68" s="3">
        <v>-5.2028920046536503E-2</v>
      </c>
      <c r="D68" s="3">
        <v>-3.32267571667242E-2</v>
      </c>
      <c r="E68" s="3">
        <v>-0.119089052172056</v>
      </c>
      <c r="G68" s="10"/>
    </row>
    <row r="69" spans="1:7" ht="14.5" x14ac:dyDescent="0.35">
      <c r="A69" s="5">
        <v>41090</v>
      </c>
      <c r="B69" s="3">
        <v>0.101998627663372</v>
      </c>
      <c r="C69" s="3">
        <v>-4.9331399301740797E-2</v>
      </c>
      <c r="D69" s="3">
        <v>-7.8235277852616802E-2</v>
      </c>
      <c r="E69" s="3">
        <v>-2.5568049490984901E-2</v>
      </c>
      <c r="G69" s="10"/>
    </row>
    <row r="70" spans="1:7" ht="14.5" x14ac:dyDescent="0.35">
      <c r="A70" s="5">
        <v>41182</v>
      </c>
      <c r="B70" s="3">
        <v>-5.1189682925157597E-2</v>
      </c>
      <c r="C70" s="3">
        <v>-0.165324791327944</v>
      </c>
      <c r="D70" s="3">
        <v>-0.55863167333136299</v>
      </c>
      <c r="E70" s="3">
        <v>-0.77514614758446498</v>
      </c>
      <c r="G70" s="10"/>
    </row>
    <row r="71" spans="1:7" ht="14.5" x14ac:dyDescent="0.35">
      <c r="A71" s="5">
        <v>41274</v>
      </c>
      <c r="B71" s="3">
        <v>0.145850401481362</v>
      </c>
      <c r="C71" s="3">
        <v>-0.25726529004638898</v>
      </c>
      <c r="D71" s="3">
        <v>-0.53709514517030299</v>
      </c>
      <c r="E71" s="3">
        <v>-0.648510033735331</v>
      </c>
      <c r="G71" s="10"/>
    </row>
    <row r="72" spans="1:7" ht="14.5" x14ac:dyDescent="0.35">
      <c r="A72" s="5">
        <v>41364</v>
      </c>
      <c r="B72" s="3">
        <v>-1.10652691250039E-2</v>
      </c>
      <c r="C72" s="3">
        <v>-0.40810165835953399</v>
      </c>
      <c r="D72" s="3">
        <v>-4.7015564980552203E-3</v>
      </c>
      <c r="E72" s="3">
        <v>-0.42386848398259303</v>
      </c>
      <c r="G72" s="10"/>
    </row>
    <row r="73" spans="1:7" ht="14.5" x14ac:dyDescent="0.35">
      <c r="A73" s="5">
        <v>41455</v>
      </c>
      <c r="B73" s="3">
        <v>-0.20489774294069699</v>
      </c>
      <c r="C73" s="3">
        <v>-0.37640578960818799</v>
      </c>
      <c r="D73" s="3">
        <v>-0.246510582185195</v>
      </c>
      <c r="E73" s="3">
        <v>-0.82781411473408095</v>
      </c>
      <c r="G73" s="10"/>
    </row>
    <row r="74" spans="1:7" ht="14.5" x14ac:dyDescent="0.35">
      <c r="A74" s="5">
        <v>41547</v>
      </c>
      <c r="B74" s="3">
        <v>-0.22178568426053899</v>
      </c>
      <c r="C74" s="3">
        <v>-0.34111322653044701</v>
      </c>
      <c r="D74" s="3">
        <v>-0.26568220800255199</v>
      </c>
      <c r="E74" s="3">
        <v>-0.82858111879353902</v>
      </c>
      <c r="G74" s="10"/>
    </row>
    <row r="75" spans="1:7" ht="14.5" x14ac:dyDescent="0.35">
      <c r="A75" s="5">
        <v>41639</v>
      </c>
      <c r="B75" s="3">
        <v>-0.13014881001533499</v>
      </c>
      <c r="C75" s="3">
        <v>-0.40562893101013803</v>
      </c>
      <c r="D75" s="3">
        <v>-0.31324484432104099</v>
      </c>
      <c r="E75" s="3">
        <v>-0.84902258534651598</v>
      </c>
      <c r="G75" s="10"/>
    </row>
    <row r="76" spans="1:7" ht="14.5" x14ac:dyDescent="0.35">
      <c r="A76" s="5">
        <v>41729</v>
      </c>
      <c r="B76" s="3">
        <v>-0.32825095003267701</v>
      </c>
      <c r="C76" s="3">
        <v>-0.21185702417566599</v>
      </c>
      <c r="D76" s="3">
        <v>-0.18768016753663999</v>
      </c>
      <c r="E76" s="3">
        <v>-0.72778814174498296</v>
      </c>
      <c r="G76" s="10"/>
    </row>
    <row r="77" spans="1:7" ht="14.5" x14ac:dyDescent="0.35">
      <c r="A77" s="5">
        <v>41820</v>
      </c>
      <c r="B77" s="3">
        <v>-0.396444282132491</v>
      </c>
      <c r="C77" s="3">
        <v>-0.52072314945474396</v>
      </c>
      <c r="D77" s="3">
        <v>-0.23890893861058801</v>
      </c>
      <c r="E77" s="3">
        <v>-1.1560763701978201</v>
      </c>
      <c r="G77" s="10"/>
    </row>
    <row r="78" spans="1:7" ht="14.5" x14ac:dyDescent="0.35">
      <c r="A78" s="5">
        <v>41912</v>
      </c>
      <c r="B78" s="3">
        <v>-0.38322102799747099</v>
      </c>
      <c r="C78" s="3">
        <v>-0.46452480060483903</v>
      </c>
      <c r="D78" s="3">
        <v>0.63572197499565397</v>
      </c>
      <c r="E78" s="3">
        <v>-0.21202385360665499</v>
      </c>
      <c r="G78" s="10"/>
    </row>
    <row r="79" spans="1:7" ht="14.5" x14ac:dyDescent="0.35">
      <c r="A79" s="5">
        <v>42004</v>
      </c>
      <c r="B79" s="3">
        <v>-0.29291555031671701</v>
      </c>
      <c r="C79" s="3">
        <v>-0.34538430104304002</v>
      </c>
      <c r="D79" s="3">
        <v>-0.14721303568579899</v>
      </c>
      <c r="E79" s="3">
        <v>-0.785512887045557</v>
      </c>
      <c r="G79" s="10"/>
    </row>
    <row r="80" spans="1:7" ht="14.5" x14ac:dyDescent="0.35">
      <c r="A80" s="5">
        <v>42094</v>
      </c>
      <c r="B80" s="3">
        <v>-0.24987304869014601</v>
      </c>
      <c r="C80" s="3">
        <v>-0.24355289292701199</v>
      </c>
      <c r="D80" s="3">
        <v>-2.8881120600205101E-2</v>
      </c>
      <c r="E80" s="3">
        <v>-0.522307062217364</v>
      </c>
      <c r="G80" s="10"/>
    </row>
    <row r="81" spans="1:7" ht="14.5" x14ac:dyDescent="0.35">
      <c r="A81" s="5">
        <v>42185</v>
      </c>
      <c r="B81" s="3">
        <v>-0.34865502964204198</v>
      </c>
      <c r="C81" s="3">
        <v>-0.43417769222588998</v>
      </c>
      <c r="D81" s="3">
        <v>3.92528389578801E-2</v>
      </c>
      <c r="E81" s="3">
        <v>-0.74357988291005295</v>
      </c>
      <c r="G81" s="10"/>
    </row>
    <row r="82" spans="1:7" ht="14.5" x14ac:dyDescent="0.35">
      <c r="A82" s="5">
        <v>42277</v>
      </c>
      <c r="B82" s="3">
        <v>-0.129925745183846</v>
      </c>
      <c r="C82" s="3">
        <v>-2.34801588307848E-2</v>
      </c>
      <c r="D82" s="3">
        <v>-0.17918887921993101</v>
      </c>
      <c r="E82" s="3">
        <v>-0.33259478323456299</v>
      </c>
      <c r="G82" s="10"/>
    </row>
    <row r="83" spans="1:7" ht="14.5" x14ac:dyDescent="0.35">
      <c r="A83" s="5">
        <v>42369</v>
      </c>
      <c r="B83" s="3">
        <v>-0.32107250934797699</v>
      </c>
      <c r="C83" s="3">
        <v>-0.21860082603765399</v>
      </c>
      <c r="D83" s="3">
        <v>0.116810376027358</v>
      </c>
      <c r="E83" s="3">
        <v>-0.42286295935827301</v>
      </c>
      <c r="G83" s="10"/>
    </row>
    <row r="84" spans="1:7" ht="14.5" x14ac:dyDescent="0.35">
      <c r="A84" s="5">
        <v>42460</v>
      </c>
      <c r="B84" s="3">
        <v>3.7167796111386299E-2</v>
      </c>
      <c r="C84" s="3">
        <v>-6.1020655862521499E-2</v>
      </c>
      <c r="D84" s="3">
        <v>0.50036156320011305</v>
      </c>
      <c r="E84" s="3">
        <v>0.476508703448977</v>
      </c>
      <c r="G84" s="10"/>
    </row>
    <row r="85" spans="1:7" ht="14.5" x14ac:dyDescent="0.35">
      <c r="A85" s="5">
        <v>42551</v>
      </c>
      <c r="B85" s="3">
        <v>0.18363516074208999</v>
      </c>
      <c r="C85" s="3">
        <v>-0.42968182431789798</v>
      </c>
      <c r="D85" s="3">
        <v>8.2691979993776699E-2</v>
      </c>
      <c r="E85" s="3">
        <v>-0.16335468358203101</v>
      </c>
      <c r="G85" s="10"/>
    </row>
    <row r="86" spans="1:7" ht="14.5" x14ac:dyDescent="0.35">
      <c r="A86" s="5">
        <v>42643</v>
      </c>
      <c r="B86" s="3">
        <v>0.108189479177033</v>
      </c>
      <c r="C86" s="3">
        <v>-0.45868017232444902</v>
      </c>
      <c r="D86" s="3">
        <v>-8.5328905277329906E-2</v>
      </c>
      <c r="E86" s="3">
        <v>-0.43581959842474499</v>
      </c>
      <c r="G86" s="10"/>
    </row>
    <row r="87" spans="1:7" ht="14.5" x14ac:dyDescent="0.35">
      <c r="A87" s="5">
        <v>42735</v>
      </c>
      <c r="B87" s="3">
        <v>0.30754346441012498</v>
      </c>
      <c r="C87" s="3">
        <v>-0.33481901145925802</v>
      </c>
      <c r="D87" s="3">
        <v>-8.1010921356415799E-2</v>
      </c>
      <c r="E87" s="3">
        <v>-0.10828646840554799</v>
      </c>
      <c r="G87" s="10"/>
    </row>
    <row r="88" spans="1:7" ht="14.5" x14ac:dyDescent="0.35">
      <c r="A88" s="5">
        <v>42825</v>
      </c>
      <c r="B88" s="3">
        <v>0.71385384832694398</v>
      </c>
      <c r="C88" s="3">
        <v>-0.53713306731891597</v>
      </c>
      <c r="D88" s="3">
        <v>0.25711897970835901</v>
      </c>
      <c r="E88" s="3">
        <v>0.43383976071638802</v>
      </c>
      <c r="G88" s="10"/>
    </row>
    <row r="89" spans="1:7" ht="14.5" x14ac:dyDescent="0.35">
      <c r="A89" s="5">
        <v>42916</v>
      </c>
      <c r="B89" s="3">
        <v>0.17016780334147699</v>
      </c>
      <c r="C89" s="3">
        <v>-0.64548348390153298</v>
      </c>
      <c r="D89" s="3">
        <v>-8.34189588828812E-2</v>
      </c>
      <c r="E89" s="3">
        <v>-0.558734639442936</v>
      </c>
      <c r="G89" s="10"/>
    </row>
    <row r="90" spans="1:7" ht="14.5" x14ac:dyDescent="0.35">
      <c r="A90" s="5">
        <v>43008</v>
      </c>
      <c r="B90" s="3">
        <v>8.37789964633118E-2</v>
      </c>
      <c r="C90" s="3">
        <v>-0.66661406306909698</v>
      </c>
      <c r="D90" s="3">
        <v>0.383904912153542</v>
      </c>
      <c r="E90" s="3">
        <v>-0.19893015445224199</v>
      </c>
      <c r="G90" s="10"/>
    </row>
    <row r="91" spans="1:7" ht="14.5" x14ac:dyDescent="0.35">
      <c r="A91" s="5">
        <v>43100</v>
      </c>
      <c r="B91" s="3">
        <v>4.9514296581549197E-2</v>
      </c>
      <c r="C91" s="3">
        <v>-0.67470662530348302</v>
      </c>
      <c r="D91" s="3">
        <v>-0.201497129661</v>
      </c>
      <c r="E91" s="3">
        <v>-0.82668945838293495</v>
      </c>
      <c r="G91" s="10"/>
    </row>
    <row r="92" spans="1:7" ht="14.5" x14ac:dyDescent="0.35">
      <c r="A92" s="5">
        <v>43190</v>
      </c>
      <c r="B92" s="3">
        <v>0.15713223854806399</v>
      </c>
      <c r="C92" s="3">
        <v>-0.345833887833839</v>
      </c>
      <c r="D92" s="3">
        <v>-0.21414538105853101</v>
      </c>
      <c r="E92" s="3">
        <v>-0.40284703034430602</v>
      </c>
      <c r="G92" s="10"/>
    </row>
    <row r="93" spans="1:7" ht="14.5" x14ac:dyDescent="0.35">
      <c r="A93" s="5">
        <v>43281</v>
      </c>
      <c r="B93" s="3">
        <v>0.20122156542837399</v>
      </c>
      <c r="C93" s="3">
        <v>-0.19162561858970001</v>
      </c>
      <c r="D93" s="3">
        <v>0.248442894674371</v>
      </c>
      <c r="E93" s="3">
        <v>0.25803884151304501</v>
      </c>
      <c r="G93" s="10"/>
    </row>
    <row r="94" spans="1:7" ht="14.5" x14ac:dyDescent="0.35">
      <c r="A94" s="5">
        <v>43373</v>
      </c>
      <c r="B94" s="3">
        <v>0.49356353390573099</v>
      </c>
      <c r="C94" s="3">
        <v>-0.43125537808569497</v>
      </c>
      <c r="D94" s="3">
        <v>-9.5305903748458695E-2</v>
      </c>
      <c r="E94" s="3">
        <v>-3.2997747928422201E-2</v>
      </c>
      <c r="G94" s="10"/>
    </row>
    <row r="95" spans="1:7" ht="14.5" x14ac:dyDescent="0.35">
      <c r="A95" s="5">
        <v>43465</v>
      </c>
      <c r="B95" s="3">
        <v>0.76163543418269397</v>
      </c>
      <c r="C95" s="3">
        <v>-0.29930165498611799</v>
      </c>
      <c r="D95" s="3">
        <v>-0.10869702249145401</v>
      </c>
      <c r="E95" s="3">
        <v>0.35363675670512201</v>
      </c>
      <c r="G95" s="10"/>
    </row>
    <row r="96" spans="1:7" ht="14.5" x14ac:dyDescent="0.35">
      <c r="A96" s="5">
        <v>43555</v>
      </c>
      <c r="B96" s="3">
        <v>0.68557091069601495</v>
      </c>
      <c r="C96" s="3">
        <v>-0.183533056355314</v>
      </c>
      <c r="D96" s="3">
        <v>0.233551098506486</v>
      </c>
      <c r="E96" s="3">
        <v>0.73558895284718695</v>
      </c>
      <c r="G96" s="10"/>
    </row>
    <row r="97" spans="1:7" ht="14.5" x14ac:dyDescent="0.35">
      <c r="A97" s="5">
        <v>43646</v>
      </c>
      <c r="B97" s="3">
        <v>0.93523911325573506</v>
      </c>
      <c r="C97" s="3">
        <v>-0.31548677945489101</v>
      </c>
      <c r="D97" s="3">
        <v>-0.16746154434518001</v>
      </c>
      <c r="E97" s="3">
        <v>0.45229078945566398</v>
      </c>
      <c r="G97" s="10"/>
    </row>
    <row r="98" spans="1:7" ht="14.5" x14ac:dyDescent="0.35">
      <c r="A98" s="5">
        <v>43738</v>
      </c>
      <c r="B98" s="3">
        <v>1.05462390882442</v>
      </c>
      <c r="C98" s="3">
        <v>-0.213655371338863</v>
      </c>
      <c r="D98" s="3">
        <v>-0.171761996930438</v>
      </c>
      <c r="E98" s="3">
        <v>0.66920654055512496</v>
      </c>
      <c r="G98" s="10"/>
    </row>
    <row r="99" spans="1:7" ht="14.5" x14ac:dyDescent="0.35">
      <c r="A99" s="5">
        <v>43830</v>
      </c>
      <c r="B99" s="3">
        <v>0.743984847644105</v>
      </c>
      <c r="C99" s="3">
        <v>-0.344485127461442</v>
      </c>
      <c r="D99" s="3">
        <v>-0.18956365130616801</v>
      </c>
      <c r="E99" s="3">
        <v>0.20993606887649499</v>
      </c>
      <c r="G99" s="10"/>
    </row>
    <row r="100" spans="1:7" ht="14.5" x14ac:dyDescent="0.35">
      <c r="A100" s="5">
        <v>43921</v>
      </c>
      <c r="B100" s="3">
        <v>0.82762259810698302</v>
      </c>
      <c r="C100" s="3">
        <v>6.21661248164702E-2</v>
      </c>
      <c r="D100" s="3">
        <v>-0.16704718405001101</v>
      </c>
      <c r="E100" s="3">
        <v>0.72274153887344195</v>
      </c>
      <c r="G100" s="10"/>
    </row>
    <row r="101" spans="1:7" ht="14.5" x14ac:dyDescent="0.35">
      <c r="A101" s="5">
        <v>44012</v>
      </c>
      <c r="B101" s="3">
        <v>1.9050042518405099</v>
      </c>
      <c r="C101" s="3">
        <v>1.3799050086490401</v>
      </c>
      <c r="D101" s="3">
        <v>-0.41578917210115302</v>
      </c>
      <c r="E101" s="3">
        <v>2.8691200883883998</v>
      </c>
      <c r="G101" s="10"/>
    </row>
    <row r="102" spans="1:7" ht="14.5" x14ac:dyDescent="0.35">
      <c r="A102" s="5">
        <v>44104</v>
      </c>
      <c r="B102" s="3">
        <v>1.47755060520753</v>
      </c>
      <c r="C102" s="3">
        <v>0.40295291224229401</v>
      </c>
      <c r="D102" s="3">
        <v>-0.21945124776932001</v>
      </c>
      <c r="E102" s="3">
        <v>1.6610522696804999</v>
      </c>
      <c r="G102" s="10"/>
    </row>
    <row r="103" spans="1:7" ht="14.5" x14ac:dyDescent="0.35">
      <c r="A103" s="5">
        <v>44196</v>
      </c>
      <c r="B103" s="3">
        <v>1.7718490793036701</v>
      </c>
      <c r="C103" s="3">
        <v>0.52838762687528196</v>
      </c>
      <c r="D103" s="3">
        <v>-0.17261618641708301</v>
      </c>
      <c r="E103" s="3">
        <v>2.1276205197618698</v>
      </c>
      <c r="G103" s="10"/>
    </row>
    <row r="104" spans="1:7" ht="14.5" x14ac:dyDescent="0.35">
      <c r="A104" s="5">
        <v>44286</v>
      </c>
      <c r="B104" s="3">
        <v>0.75756323894122601</v>
      </c>
      <c r="C104" s="3">
        <v>0.43757109513383502</v>
      </c>
      <c r="D104" s="3">
        <v>-0.28166481148130001</v>
      </c>
      <c r="E104" s="3">
        <v>0.91346952259376202</v>
      </c>
      <c r="G104" s="10"/>
    </row>
    <row r="105" spans="1:7" ht="14.5" x14ac:dyDescent="0.35">
      <c r="A105" s="5">
        <v>44377</v>
      </c>
      <c r="B105" s="3">
        <v>0.325555173044144</v>
      </c>
      <c r="C105" s="3">
        <v>-0.169820659235937</v>
      </c>
      <c r="D105" s="3">
        <v>-0.38443253190729498</v>
      </c>
      <c r="E105" s="3">
        <v>-0.22869801809908899</v>
      </c>
      <c r="G105" s="10"/>
    </row>
    <row r="106" spans="1:7" ht="14.5" x14ac:dyDescent="0.35">
      <c r="A106" s="5">
        <v>44469</v>
      </c>
      <c r="B106" s="3">
        <v>0.52404864763798598</v>
      </c>
      <c r="C106" s="3">
        <v>-0.225794214690442</v>
      </c>
      <c r="D106" s="3">
        <v>-0.39991910532077901</v>
      </c>
      <c r="E106" s="3">
        <v>-0.101664672373235</v>
      </c>
      <c r="G106" s="10"/>
    </row>
    <row r="107" spans="1:7" ht="14.5" x14ac:dyDescent="0.35">
      <c r="A107" s="5">
        <v>44561</v>
      </c>
      <c r="B107" s="3">
        <v>0.753083840368308</v>
      </c>
      <c r="C107" s="3">
        <v>0.17051654139908701</v>
      </c>
      <c r="D107" s="3">
        <v>-9.6101119735803195E-2</v>
      </c>
      <c r="E107" s="3">
        <v>0.82749926203159196</v>
      </c>
      <c r="G107" s="10"/>
    </row>
    <row r="108" spans="1:7" ht="14.5" x14ac:dyDescent="0.35">
      <c r="A108" s="5">
        <v>44651</v>
      </c>
      <c r="B108" s="3">
        <v>0.81083305133444705</v>
      </c>
      <c r="C108" s="3">
        <v>0.242450427926965</v>
      </c>
      <c r="D108" s="3">
        <v>1.56079575529365</v>
      </c>
      <c r="E108" s="3">
        <v>2.6140792345550601</v>
      </c>
      <c r="G108" s="10"/>
    </row>
    <row r="109" spans="1:7" ht="14.5" x14ac:dyDescent="0.35">
      <c r="A109" s="5">
        <v>44742</v>
      </c>
      <c r="B109" s="3">
        <v>1.1157130940822999</v>
      </c>
      <c r="C109" s="3">
        <v>0.37238101046794497</v>
      </c>
      <c r="D109" s="3">
        <v>0.36735834928445799</v>
      </c>
      <c r="E109" s="3">
        <v>1.8554524538347099</v>
      </c>
      <c r="G109" s="10"/>
    </row>
    <row r="110" spans="1:7" ht="14.5" x14ac:dyDescent="0.35">
      <c r="A110" s="5">
        <v>44834</v>
      </c>
      <c r="B110" s="3">
        <v>1.06365875564929</v>
      </c>
      <c r="C110" s="3">
        <v>0.31483390124564298</v>
      </c>
      <c r="D110" s="3">
        <v>0.41335095573546399</v>
      </c>
      <c r="E110" s="3">
        <v>1.7918436126304</v>
      </c>
      <c r="G110" s="10"/>
    </row>
    <row r="111" spans="1:7" ht="14.5" x14ac:dyDescent="0.35">
      <c r="A111" s="5">
        <v>44926</v>
      </c>
      <c r="B111" s="3">
        <v>1.1860212605390299</v>
      </c>
      <c r="C111" s="3">
        <v>0.329445471946618</v>
      </c>
      <c r="D111" s="3">
        <v>0.156327270227204</v>
      </c>
      <c r="E111" s="3">
        <v>1.6717940027128499</v>
      </c>
      <c r="G111" s="10"/>
    </row>
    <row r="112" spans="1:7" ht="14.5" x14ac:dyDescent="0.35">
      <c r="A112" s="5">
        <v>45016</v>
      </c>
      <c r="B112" s="3">
        <v>1.05434066804088</v>
      </c>
      <c r="C112" s="3">
        <v>5.7429825711657204E-3</v>
      </c>
      <c r="D112" s="3">
        <v>-0.23507055756218501</v>
      </c>
      <c r="E112" s="3">
        <v>0.82501309304986803</v>
      </c>
      <c r="G112" s="10"/>
    </row>
    <row r="113" spans="1:7" ht="14.5" x14ac:dyDescent="0.35">
      <c r="A113" s="5">
        <v>45107</v>
      </c>
      <c r="B113" s="3">
        <v>0.78873581252876501</v>
      </c>
      <c r="C113" s="3">
        <v>-0.243103306136213</v>
      </c>
      <c r="D113" s="3">
        <v>9.7005585596125099E-2</v>
      </c>
      <c r="E113" s="3">
        <v>0.64263809198867705</v>
      </c>
      <c r="G113" s="10"/>
    </row>
    <row r="114" spans="1:7" ht="14.5" x14ac:dyDescent="0.35">
      <c r="A114" s="5">
        <v>45199</v>
      </c>
      <c r="B114" s="3">
        <v>0.41677624577938499</v>
      </c>
      <c r="C114" s="3">
        <v>-0.46092810627844499</v>
      </c>
      <c r="D114" s="3">
        <v>-5.0683207397807198E-2</v>
      </c>
      <c r="E114" s="3">
        <v>-9.4835067896867006E-2</v>
      </c>
      <c r="G114" s="10"/>
    </row>
    <row r="115" spans="1:7" ht="14.5" x14ac:dyDescent="0.35">
      <c r="A115" s="5">
        <v>45291</v>
      </c>
      <c r="B115" s="3">
        <v>0.57998561095789603</v>
      </c>
      <c r="C115" s="3">
        <v>-0.314362812477892</v>
      </c>
      <c r="D115" s="3">
        <v>0.245456445753788</v>
      </c>
      <c r="E115" s="3">
        <v>0.51107924423379203</v>
      </c>
      <c r="G115" s="10"/>
    </row>
    <row r="116" spans="1:7" ht="14.5" x14ac:dyDescent="0.35">
      <c r="A116" s="5">
        <v>45382</v>
      </c>
      <c r="B116" s="3">
        <v>0.47535435044372898</v>
      </c>
      <c r="C116" s="3">
        <v>-0.46991984209443</v>
      </c>
      <c r="D116" s="3">
        <v>0.518062078085884</v>
      </c>
      <c r="E116" s="3">
        <v>0.52349658643518304</v>
      </c>
      <c r="G116" s="10"/>
    </row>
    <row r="117" spans="1:7" ht="14.5" x14ac:dyDescent="0.35">
      <c r="A117" s="5">
        <v>45473</v>
      </c>
      <c r="B117" s="3">
        <v>0.28984635116734497</v>
      </c>
      <c r="C117" s="3">
        <v>-0.42586033659610401</v>
      </c>
      <c r="D117" s="3">
        <v>0.212194840076802</v>
      </c>
      <c r="E117" s="3">
        <v>7.6180854648043403E-2</v>
      </c>
      <c r="G117" s="10"/>
    </row>
    <row r="118" spans="1:7" ht="14.5" x14ac:dyDescent="0.35">
      <c r="A118" s="5">
        <v>45565</v>
      </c>
      <c r="B118" s="3">
        <v>0.58538764340237304</v>
      </c>
      <c r="C118" s="3">
        <v>-0.33122231713286399</v>
      </c>
      <c r="D118" s="3">
        <v>2.9318595353625101E-2</v>
      </c>
      <c r="E118" s="3">
        <v>0.28348392162313402</v>
      </c>
      <c r="G118" s="10"/>
    </row>
    <row r="119" spans="1:7" ht="14.5" x14ac:dyDescent="0.35">
      <c r="A119" s="5">
        <v>45657</v>
      </c>
      <c r="B119" s="3">
        <v>1.1737367189285299</v>
      </c>
      <c r="C119" s="3">
        <v>-0.148690080068373</v>
      </c>
      <c r="D119" s="3">
        <v>0.457607309738993</v>
      </c>
      <c r="E119" s="3">
        <v>1.4826539485991499</v>
      </c>
      <c r="G119" s="10"/>
    </row>
    <row r="120" spans="1:7" ht="14.5" x14ac:dyDescent="0.35">
      <c r="A120" s="5">
        <v>45747</v>
      </c>
      <c r="B120" s="3">
        <v>2.0567624527326802</v>
      </c>
      <c r="C120" s="3">
        <v>-3.9665283299557402E-2</v>
      </c>
      <c r="D120" s="3">
        <v>-3.4810318918902697E-2</v>
      </c>
      <c r="E120" s="3">
        <v>1.9822868505142199</v>
      </c>
      <c r="G120" s="10"/>
    </row>
    <row r="121" spans="1:7" ht="14.5" x14ac:dyDescent="0.35">
      <c r="A121" s="5">
        <v>45838</v>
      </c>
      <c r="B121" s="3">
        <v>3.2774929389090901</v>
      </c>
      <c r="C121" s="3">
        <v>8.1723150216237397E-2</v>
      </c>
      <c r="D121" s="3">
        <v>0.15813808912542901</v>
      </c>
      <c r="E121" s="3">
        <v>3.5173541782507498</v>
      </c>
      <c r="G121" s="10"/>
    </row>
    <row r="122" spans="1:7" ht="14.5" x14ac:dyDescent="0.35">
      <c r="A122" s="5">
        <v>45930</v>
      </c>
      <c r="B122" s="3">
        <v>1.86777424071493</v>
      </c>
      <c r="C122" s="3">
        <v>-0.174541320539329</v>
      </c>
      <c r="D122" s="3">
        <v>0.69565782071441595</v>
      </c>
      <c r="E122" s="3">
        <v>2.38889074089002</v>
      </c>
      <c r="G122" s="10"/>
    </row>
    <row r="123" spans="1:7" x14ac:dyDescent="0.3">
      <c r="A123" s="5"/>
    </row>
  </sheetData>
  <pageMargins left="0.7" right="0.7" top="0.75" bottom="0.75" header="0.3" footer="0.3"/>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7312D30-E169-469E-B52B-EF24A27C1632}">
  <dimension ref="A1:C26"/>
  <sheetViews>
    <sheetView workbookViewId="0"/>
  </sheetViews>
  <sheetFormatPr defaultRowHeight="14" x14ac:dyDescent="0.3"/>
  <cols>
    <col min="1" max="14" width="15.7265625" style="1" customWidth="1"/>
    <col min="15" max="16384" width="8.7265625" style="1"/>
  </cols>
  <sheetData>
    <row r="1" spans="1:3" x14ac:dyDescent="0.3">
      <c r="A1" s="1" t="s">
        <v>4</v>
      </c>
      <c r="B1" s="1">
        <v>10</v>
      </c>
    </row>
    <row r="2" spans="1:3" x14ac:dyDescent="0.3">
      <c r="A2" s="1" t="s">
        <v>3</v>
      </c>
      <c r="B2" s="1" t="s">
        <v>93</v>
      </c>
    </row>
    <row r="3" spans="1:3" x14ac:dyDescent="0.3">
      <c r="A3" s="1" t="s">
        <v>5</v>
      </c>
      <c r="B3" s="1" t="s">
        <v>94</v>
      </c>
    </row>
    <row r="4" spans="1:3" x14ac:dyDescent="0.3">
      <c r="A4" s="1" t="s">
        <v>2</v>
      </c>
      <c r="B4" s="1" t="s">
        <v>95</v>
      </c>
    </row>
    <row r="5" spans="1:3" x14ac:dyDescent="0.3">
      <c r="A5" s="1" t="s">
        <v>1</v>
      </c>
      <c r="B5" s="1" t="s">
        <v>11</v>
      </c>
    </row>
    <row r="7" spans="1:3" x14ac:dyDescent="0.3">
      <c r="A7" s="1" t="s">
        <v>194</v>
      </c>
      <c r="B7" s="1" t="s">
        <v>96</v>
      </c>
      <c r="C7" s="1" t="s">
        <v>97</v>
      </c>
    </row>
    <row r="8" spans="1:3" x14ac:dyDescent="0.3">
      <c r="A8" s="1" t="s">
        <v>98</v>
      </c>
      <c r="B8" s="3">
        <v>118.308178</v>
      </c>
      <c r="C8" s="3">
        <v>140.90836200000001</v>
      </c>
    </row>
    <row r="9" spans="1:3" x14ac:dyDescent="0.3">
      <c r="A9" s="1" t="s">
        <v>99</v>
      </c>
      <c r="B9" s="3">
        <v>136.67015699999999</v>
      </c>
      <c r="C9" s="3">
        <v>163.58159699999999</v>
      </c>
    </row>
    <row r="10" spans="1:3" x14ac:dyDescent="0.3">
      <c r="A10" s="1" t="s">
        <v>100</v>
      </c>
      <c r="B10" s="3">
        <v>173.91113100000001</v>
      </c>
      <c r="C10" s="3">
        <v>184.11848699999999</v>
      </c>
    </row>
    <row r="11" spans="1:3" x14ac:dyDescent="0.3">
      <c r="A11" s="1" t="s">
        <v>101</v>
      </c>
      <c r="B11" s="3">
        <v>38.194896999999997</v>
      </c>
      <c r="C11" s="3">
        <v>40.890655000000002</v>
      </c>
    </row>
    <row r="12" spans="1:3" x14ac:dyDescent="0.3">
      <c r="A12" s="1" t="s">
        <v>102</v>
      </c>
      <c r="B12" s="3">
        <v>19.176976</v>
      </c>
      <c r="C12" s="3">
        <v>18.124542999999999</v>
      </c>
    </row>
    <row r="15" spans="1:3" x14ac:dyDescent="0.3">
      <c r="B15" s="3"/>
      <c r="C15" s="3"/>
    </row>
    <row r="16" spans="1:3" x14ac:dyDescent="0.3">
      <c r="B16" s="3"/>
      <c r="C16" s="3"/>
    </row>
    <row r="17" spans="2:3" x14ac:dyDescent="0.3">
      <c r="B17" s="3"/>
      <c r="C17" s="3"/>
    </row>
    <row r="18" spans="2:3" x14ac:dyDescent="0.3">
      <c r="B18" s="3"/>
      <c r="C18" s="3"/>
    </row>
    <row r="19" spans="2:3" x14ac:dyDescent="0.3">
      <c r="B19" s="3"/>
      <c r="C19" s="3"/>
    </row>
    <row r="20" spans="2:3" x14ac:dyDescent="0.3">
      <c r="B20" s="3"/>
      <c r="C20" s="3"/>
    </row>
    <row r="21" spans="2:3" x14ac:dyDescent="0.3">
      <c r="B21" s="3"/>
      <c r="C21" s="3"/>
    </row>
    <row r="22" spans="2:3" x14ac:dyDescent="0.3">
      <c r="B22" s="3"/>
      <c r="C22" s="3"/>
    </row>
    <row r="23" spans="2:3" x14ac:dyDescent="0.3">
      <c r="B23" s="3"/>
      <c r="C23" s="3"/>
    </row>
    <row r="24" spans="2:3" x14ac:dyDescent="0.3">
      <c r="B24" s="3"/>
      <c r="C24" s="3"/>
    </row>
    <row r="25" spans="2:3" x14ac:dyDescent="0.3">
      <c r="B25" s="3"/>
      <c r="C25" s="3"/>
    </row>
    <row r="26" spans="2:3" x14ac:dyDescent="0.3">
      <c r="B26" s="3"/>
      <c r="C26" s="3"/>
    </row>
  </sheetData>
  <pageMargins left="0.7" right="0.7" top="0.75" bottom="0.75" header="0.3" footer="0.3"/>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BFB7FE8-7873-401E-9875-7C9E8E7BC5B0}">
  <dimension ref="A1:D1147"/>
  <sheetViews>
    <sheetView workbookViewId="0">
      <selection activeCell="F16" sqref="F16"/>
    </sheetView>
  </sheetViews>
  <sheetFormatPr defaultColWidth="9.1796875" defaultRowHeight="14" x14ac:dyDescent="0.3"/>
  <cols>
    <col min="1" max="13" width="15.7265625" style="1" customWidth="1"/>
    <col min="14" max="16384" width="9.1796875" style="1"/>
  </cols>
  <sheetData>
    <row r="1" spans="1:4" x14ac:dyDescent="0.3">
      <c r="A1" s="1" t="s">
        <v>4</v>
      </c>
      <c r="B1" s="1">
        <v>11</v>
      </c>
    </row>
    <row r="2" spans="1:4" x14ac:dyDescent="0.3">
      <c r="A2" s="1" t="s">
        <v>3</v>
      </c>
      <c r="B2" s="1" t="s">
        <v>103</v>
      </c>
    </row>
    <row r="3" spans="1:4" x14ac:dyDescent="0.3">
      <c r="A3" s="1" t="s">
        <v>5</v>
      </c>
      <c r="B3" s="1" t="s">
        <v>7</v>
      </c>
    </row>
    <row r="4" spans="1:4" x14ac:dyDescent="0.3">
      <c r="A4" s="1" t="s">
        <v>2</v>
      </c>
      <c r="B4" s="1" t="s">
        <v>17</v>
      </c>
    </row>
    <row r="5" spans="1:4" x14ac:dyDescent="0.3">
      <c r="A5" s="1" t="s">
        <v>1</v>
      </c>
      <c r="B5" s="1" t="s">
        <v>11</v>
      </c>
    </row>
    <row r="7" spans="1:4" x14ac:dyDescent="0.3">
      <c r="A7" s="1" t="s">
        <v>104</v>
      </c>
      <c r="B7" s="1" t="s">
        <v>105</v>
      </c>
      <c r="C7" s="1" t="s">
        <v>106</v>
      </c>
      <c r="D7" s="1" t="s">
        <v>107</v>
      </c>
    </row>
    <row r="8" spans="1:4" x14ac:dyDescent="0.3">
      <c r="A8" s="11">
        <v>45793.097222222219</v>
      </c>
      <c r="B8" s="15">
        <v>2.653</v>
      </c>
      <c r="C8" s="15">
        <v>2.5310000000000001</v>
      </c>
      <c r="D8" s="15">
        <v>2.4340000000000002</v>
      </c>
    </row>
    <row r="9" spans="1:4" x14ac:dyDescent="0.3">
      <c r="A9" s="11">
        <v>45793.100694444445</v>
      </c>
      <c r="B9" s="15">
        <v>2.6520000000000001</v>
      </c>
      <c r="C9" s="15">
        <v>2.5299999999999998</v>
      </c>
      <c r="D9" s="15">
        <v>2.4340000000000002</v>
      </c>
    </row>
    <row r="10" spans="1:4" x14ac:dyDescent="0.3">
      <c r="A10" s="11">
        <v>45793.104166666664</v>
      </c>
      <c r="B10" s="15">
        <v>2.6480000000000001</v>
      </c>
      <c r="C10" s="15">
        <v>2.5259999999999998</v>
      </c>
      <c r="D10" s="15">
        <v>2.4340000000000002</v>
      </c>
    </row>
    <row r="11" spans="1:4" x14ac:dyDescent="0.3">
      <c r="A11" s="11">
        <v>45793.107638888891</v>
      </c>
      <c r="B11" s="15">
        <v>2.6459999999999999</v>
      </c>
      <c r="C11" s="15">
        <v>2.524</v>
      </c>
      <c r="D11" s="15">
        <v>2.4340000000000002</v>
      </c>
    </row>
    <row r="12" spans="1:4" x14ac:dyDescent="0.3">
      <c r="A12" s="11">
        <v>45793.111111111109</v>
      </c>
      <c r="B12" s="15">
        <v>2.645</v>
      </c>
      <c r="C12" s="15">
        <v>2.5230000000000001</v>
      </c>
      <c r="D12" s="15">
        <v>2.4340000000000002</v>
      </c>
    </row>
    <row r="13" spans="1:4" x14ac:dyDescent="0.3">
      <c r="A13" s="11">
        <v>45793.114583333336</v>
      </c>
      <c r="B13" s="15">
        <v>2.6469999999999998</v>
      </c>
      <c r="C13" s="15">
        <v>2.5249999999999999</v>
      </c>
      <c r="D13" s="15">
        <v>2.4340000000000002</v>
      </c>
    </row>
    <row r="14" spans="1:4" x14ac:dyDescent="0.3">
      <c r="A14" s="11">
        <v>45793.118055555555</v>
      </c>
      <c r="B14" s="15">
        <v>2.6459999999999999</v>
      </c>
      <c r="C14" s="15">
        <v>2.524</v>
      </c>
      <c r="D14" s="15">
        <v>2.4340000000000002</v>
      </c>
    </row>
    <row r="15" spans="1:4" x14ac:dyDescent="0.3">
      <c r="A15" s="11">
        <v>45793.121527777781</v>
      </c>
      <c r="B15" s="15">
        <v>2.645</v>
      </c>
      <c r="C15" s="15">
        <v>2.5230000000000001</v>
      </c>
      <c r="D15" s="15">
        <v>2.4340000000000002</v>
      </c>
    </row>
    <row r="16" spans="1:4" x14ac:dyDescent="0.3">
      <c r="A16" s="11">
        <v>45793.125</v>
      </c>
      <c r="B16" s="15">
        <v>2.645</v>
      </c>
      <c r="C16" s="15">
        <v>2.5230000000000001</v>
      </c>
      <c r="D16" s="15">
        <v>2.4340000000000002</v>
      </c>
    </row>
    <row r="17" spans="1:4" x14ac:dyDescent="0.3">
      <c r="A17" s="11">
        <v>45793.128472222219</v>
      </c>
      <c r="B17" s="15">
        <v>2.6459999999999999</v>
      </c>
      <c r="C17" s="15">
        <v>2.524</v>
      </c>
      <c r="D17" s="15">
        <v>2.4340000000000002</v>
      </c>
    </row>
    <row r="18" spans="1:4" x14ac:dyDescent="0.3">
      <c r="A18" s="11">
        <v>45793.131944444445</v>
      </c>
      <c r="B18" s="15">
        <v>2.645</v>
      </c>
      <c r="C18" s="15">
        <v>2.5230000000000001</v>
      </c>
      <c r="D18" s="15">
        <v>2.4340000000000002</v>
      </c>
    </row>
    <row r="19" spans="1:4" x14ac:dyDescent="0.3">
      <c r="A19" s="11">
        <v>45793.135416666664</v>
      </c>
      <c r="B19" s="15">
        <v>2.6480000000000001</v>
      </c>
      <c r="C19" s="15">
        <v>2.5259999999999998</v>
      </c>
      <c r="D19" s="15">
        <v>2.4340000000000002</v>
      </c>
    </row>
    <row r="20" spans="1:4" x14ac:dyDescent="0.3">
      <c r="A20" s="11">
        <v>45793.138888888891</v>
      </c>
      <c r="B20" s="15">
        <v>2.6480000000000001</v>
      </c>
      <c r="C20" s="15">
        <v>2.5259999999999998</v>
      </c>
      <c r="D20" s="15">
        <v>2.4340000000000002</v>
      </c>
    </row>
    <row r="21" spans="1:4" x14ac:dyDescent="0.3">
      <c r="A21" s="11">
        <v>45793.142361111109</v>
      </c>
      <c r="B21" s="15">
        <v>2.65</v>
      </c>
      <c r="C21" s="15">
        <v>2.528</v>
      </c>
      <c r="D21" s="15">
        <v>2.4340000000000002</v>
      </c>
    </row>
    <row r="22" spans="1:4" x14ac:dyDescent="0.3">
      <c r="A22" s="11">
        <v>45793.145833333336</v>
      </c>
      <c r="B22" s="15">
        <v>2.649</v>
      </c>
      <c r="C22" s="15">
        <v>2.5270000000000001</v>
      </c>
      <c r="D22" s="15">
        <v>2.4340000000000002</v>
      </c>
    </row>
    <row r="23" spans="1:4" x14ac:dyDescent="0.3">
      <c r="A23" s="11">
        <v>45793.152777777781</v>
      </c>
      <c r="B23" s="15">
        <v>2.6480000000000001</v>
      </c>
      <c r="C23" s="15">
        <v>2.5259999999999998</v>
      </c>
      <c r="D23" s="15">
        <v>2.4340000000000002</v>
      </c>
    </row>
    <row r="24" spans="1:4" x14ac:dyDescent="0.3">
      <c r="A24" s="11">
        <v>45793.15625</v>
      </c>
      <c r="B24" s="15">
        <v>2.6469999999999998</v>
      </c>
      <c r="C24" s="15">
        <v>2.5249999999999999</v>
      </c>
      <c r="D24" s="15">
        <v>2.4340000000000002</v>
      </c>
    </row>
    <row r="25" spans="1:4" x14ac:dyDescent="0.3">
      <c r="A25" s="11">
        <v>45793.159722222219</v>
      </c>
      <c r="B25" s="15">
        <v>2.649</v>
      </c>
      <c r="C25" s="15">
        <v>2.5270000000000001</v>
      </c>
      <c r="D25" s="15">
        <v>2.4340000000000002</v>
      </c>
    </row>
    <row r="26" spans="1:4" x14ac:dyDescent="0.3">
      <c r="A26" s="11">
        <v>45793.163194444445</v>
      </c>
      <c r="B26" s="15">
        <v>2.6480000000000001</v>
      </c>
      <c r="C26" s="15">
        <v>2.5259999999999998</v>
      </c>
      <c r="D26" s="15">
        <v>2.4340000000000002</v>
      </c>
    </row>
    <row r="27" spans="1:4" x14ac:dyDescent="0.3">
      <c r="A27" s="11">
        <v>45793.166666666664</v>
      </c>
      <c r="B27" s="15">
        <v>2.6469999999999998</v>
      </c>
      <c r="C27" s="15">
        <v>2.5249999999999999</v>
      </c>
      <c r="D27" s="15">
        <v>2.4340000000000002</v>
      </c>
    </row>
    <row r="28" spans="1:4" x14ac:dyDescent="0.3">
      <c r="A28" s="11">
        <v>45793.170138888891</v>
      </c>
      <c r="B28" s="15">
        <v>2.6480000000000001</v>
      </c>
      <c r="C28" s="15">
        <v>2.5259999999999998</v>
      </c>
      <c r="D28" s="15">
        <v>2.4340000000000002</v>
      </c>
    </row>
    <row r="29" spans="1:4" x14ac:dyDescent="0.3">
      <c r="A29" s="11">
        <v>45793.173611111109</v>
      </c>
      <c r="B29" s="15">
        <v>2.649</v>
      </c>
      <c r="C29" s="15">
        <v>2.5270000000000001</v>
      </c>
      <c r="D29" s="15">
        <v>2.4340000000000002</v>
      </c>
    </row>
    <row r="30" spans="1:4" x14ac:dyDescent="0.3">
      <c r="A30" s="11">
        <v>45793.177083333336</v>
      </c>
      <c r="B30" s="15">
        <v>2.6469999999999998</v>
      </c>
      <c r="C30" s="15">
        <v>2.5249999999999999</v>
      </c>
      <c r="D30" s="15">
        <v>2.4340000000000002</v>
      </c>
    </row>
    <row r="31" spans="1:4" x14ac:dyDescent="0.3">
      <c r="A31" s="11">
        <v>45793.180555555555</v>
      </c>
      <c r="B31" s="15">
        <v>2.649</v>
      </c>
      <c r="C31" s="15">
        <v>2.5270000000000001</v>
      </c>
      <c r="D31" s="15">
        <v>2.4340000000000002</v>
      </c>
    </row>
    <row r="32" spans="1:4" x14ac:dyDescent="0.3">
      <c r="A32" s="11">
        <v>45793.184027777781</v>
      </c>
      <c r="B32" s="15">
        <v>2.65</v>
      </c>
      <c r="C32" s="15">
        <v>2.528</v>
      </c>
      <c r="D32" s="15">
        <v>2.4340000000000002</v>
      </c>
    </row>
    <row r="33" spans="1:4" x14ac:dyDescent="0.3">
      <c r="A33" s="11">
        <v>45793.1875</v>
      </c>
      <c r="B33" s="15">
        <v>2.65</v>
      </c>
      <c r="C33" s="15">
        <v>2.528</v>
      </c>
      <c r="D33" s="15">
        <v>2.4340000000000002</v>
      </c>
    </row>
    <row r="34" spans="1:4" x14ac:dyDescent="0.3">
      <c r="A34" s="11">
        <v>45793.190972222219</v>
      </c>
      <c r="B34" s="15">
        <v>2.6509999999999998</v>
      </c>
      <c r="C34" s="15">
        <v>2.5289999999999999</v>
      </c>
      <c r="D34" s="15">
        <v>2.4340000000000002</v>
      </c>
    </row>
    <row r="35" spans="1:4" x14ac:dyDescent="0.3">
      <c r="A35" s="11">
        <v>45793.194444444445</v>
      </c>
      <c r="B35" s="15">
        <v>2.65</v>
      </c>
      <c r="C35" s="15">
        <v>2.528</v>
      </c>
      <c r="D35" s="15">
        <v>2.4340000000000002</v>
      </c>
    </row>
    <row r="36" spans="1:4" x14ac:dyDescent="0.3">
      <c r="A36" s="11">
        <v>45793.204861111109</v>
      </c>
      <c r="B36" s="15">
        <v>2.65</v>
      </c>
      <c r="C36" s="15">
        <v>2.528</v>
      </c>
      <c r="D36" s="15">
        <v>2.4340000000000002</v>
      </c>
    </row>
    <row r="37" spans="1:4" x14ac:dyDescent="0.3">
      <c r="A37" s="11">
        <v>45793.211805555555</v>
      </c>
      <c r="B37" s="15">
        <v>2.6480000000000001</v>
      </c>
      <c r="C37" s="15">
        <v>2.5259999999999998</v>
      </c>
      <c r="D37" s="15">
        <v>2.4340000000000002</v>
      </c>
    </row>
    <row r="38" spans="1:4" x14ac:dyDescent="0.3">
      <c r="A38" s="11">
        <v>45793.215277777781</v>
      </c>
      <c r="B38" s="15">
        <v>2.6469999999999998</v>
      </c>
      <c r="C38" s="15">
        <v>2.5249999999999999</v>
      </c>
      <c r="D38" s="15">
        <v>2.4340000000000002</v>
      </c>
    </row>
    <row r="39" spans="1:4" x14ac:dyDescent="0.3">
      <c r="A39" s="11">
        <v>45793.229166666664</v>
      </c>
      <c r="B39" s="15">
        <v>2.6459999999999999</v>
      </c>
      <c r="C39" s="15">
        <v>2.524</v>
      </c>
      <c r="D39" s="15">
        <v>2.4340000000000002</v>
      </c>
    </row>
    <row r="40" spans="1:4" x14ac:dyDescent="0.3">
      <c r="A40" s="11">
        <v>45793.232638888891</v>
      </c>
      <c r="B40" s="15">
        <v>2.6480000000000001</v>
      </c>
      <c r="C40" s="15">
        <v>2.5259999999999998</v>
      </c>
      <c r="D40" s="15">
        <v>2.4340000000000002</v>
      </c>
    </row>
    <row r="41" spans="1:4" x14ac:dyDescent="0.3">
      <c r="A41" s="11">
        <v>45793.239583333336</v>
      </c>
      <c r="B41" s="15">
        <v>2.6469999999999998</v>
      </c>
      <c r="C41" s="15">
        <v>2.5249999999999999</v>
      </c>
      <c r="D41" s="15">
        <v>2.4340000000000002</v>
      </c>
    </row>
    <row r="42" spans="1:4" x14ac:dyDescent="0.3">
      <c r="A42" s="11">
        <v>45793.243055555555</v>
      </c>
      <c r="B42" s="15">
        <v>2.6469999999999998</v>
      </c>
      <c r="C42" s="15">
        <v>2.5249999999999999</v>
      </c>
      <c r="D42" s="15">
        <v>2.4340000000000002</v>
      </c>
    </row>
    <row r="43" spans="1:4" x14ac:dyDescent="0.3">
      <c r="A43" s="11">
        <v>45793.246527777781</v>
      </c>
      <c r="B43" s="15">
        <v>2.6459999999999999</v>
      </c>
      <c r="C43" s="15">
        <v>2.524</v>
      </c>
      <c r="D43" s="15">
        <v>2.4340000000000002</v>
      </c>
    </row>
    <row r="44" spans="1:4" x14ac:dyDescent="0.3">
      <c r="A44" s="11">
        <v>45793.25</v>
      </c>
      <c r="B44" s="15">
        <v>2.6469999999999998</v>
      </c>
      <c r="C44" s="15">
        <v>2.5249999999999999</v>
      </c>
      <c r="D44" s="15">
        <v>2.4340000000000002</v>
      </c>
    </row>
    <row r="45" spans="1:4" x14ac:dyDescent="0.3">
      <c r="A45" s="11">
        <v>45793.253472222219</v>
      </c>
      <c r="B45" s="15">
        <v>2.6480000000000001</v>
      </c>
      <c r="C45" s="15">
        <v>2.5259999999999998</v>
      </c>
      <c r="D45" s="15">
        <v>2.4340000000000002</v>
      </c>
    </row>
    <row r="46" spans="1:4" x14ac:dyDescent="0.3">
      <c r="A46" s="11">
        <v>45793.260416666664</v>
      </c>
      <c r="B46" s="15">
        <v>2.6480000000000001</v>
      </c>
      <c r="C46" s="15">
        <v>2.5259999999999998</v>
      </c>
      <c r="D46" s="15">
        <v>2.4340000000000002</v>
      </c>
    </row>
    <row r="47" spans="1:4" x14ac:dyDescent="0.3">
      <c r="A47" s="11">
        <v>45793.263888888891</v>
      </c>
      <c r="B47" s="15">
        <v>2.6459999999999999</v>
      </c>
      <c r="C47" s="15">
        <v>2.524</v>
      </c>
      <c r="D47" s="15">
        <v>2.4340000000000002</v>
      </c>
    </row>
    <row r="48" spans="1:4" x14ac:dyDescent="0.3">
      <c r="A48" s="11">
        <v>45793.274305555555</v>
      </c>
      <c r="B48" s="15">
        <v>2.645</v>
      </c>
      <c r="C48" s="15">
        <v>2.5230000000000001</v>
      </c>
      <c r="D48" s="15">
        <v>2.4340000000000002</v>
      </c>
    </row>
    <row r="49" spans="1:4" x14ac:dyDescent="0.3">
      <c r="A49" s="11">
        <v>45793.277777777781</v>
      </c>
      <c r="B49" s="15">
        <v>2.6440000000000001</v>
      </c>
      <c r="C49" s="15">
        <v>2.5219999999999998</v>
      </c>
      <c r="D49" s="15">
        <v>2.4340000000000002</v>
      </c>
    </row>
    <row r="50" spans="1:4" x14ac:dyDescent="0.3">
      <c r="A50" s="11">
        <v>45793.28125</v>
      </c>
      <c r="B50" s="15">
        <v>2.645</v>
      </c>
      <c r="C50" s="15">
        <v>2.5230000000000001</v>
      </c>
      <c r="D50" s="15">
        <v>2.4340000000000002</v>
      </c>
    </row>
    <row r="51" spans="1:4" x14ac:dyDescent="0.3">
      <c r="A51" s="11">
        <v>45793.284722222219</v>
      </c>
      <c r="B51" s="15">
        <v>2.6459999999999999</v>
      </c>
      <c r="C51" s="15">
        <v>2.524</v>
      </c>
      <c r="D51" s="15">
        <v>2.4340000000000002</v>
      </c>
    </row>
    <row r="52" spans="1:4" x14ac:dyDescent="0.3">
      <c r="A52" s="11">
        <v>45793.288194444445</v>
      </c>
      <c r="B52" s="15">
        <v>2.6459999999999999</v>
      </c>
      <c r="C52" s="15">
        <v>2.524</v>
      </c>
      <c r="D52" s="15">
        <v>2.4340000000000002</v>
      </c>
    </row>
    <row r="53" spans="1:4" x14ac:dyDescent="0.3">
      <c r="A53" s="11">
        <v>45793.291666666664</v>
      </c>
      <c r="B53" s="15">
        <v>2.6469999999999998</v>
      </c>
      <c r="C53" s="15">
        <v>2.5249999999999999</v>
      </c>
      <c r="D53" s="15">
        <v>2.4340000000000002</v>
      </c>
    </row>
    <row r="54" spans="1:4" x14ac:dyDescent="0.3">
      <c r="A54" s="11">
        <v>45793.295138888891</v>
      </c>
      <c r="B54" s="15">
        <v>2.6459999999999999</v>
      </c>
      <c r="C54" s="15">
        <v>2.524</v>
      </c>
      <c r="D54" s="15">
        <v>2.4340000000000002</v>
      </c>
    </row>
    <row r="55" spans="1:4" x14ac:dyDescent="0.3">
      <c r="A55" s="11">
        <v>45793.298611111109</v>
      </c>
      <c r="B55" s="15">
        <v>2.6480000000000001</v>
      </c>
      <c r="C55" s="15">
        <v>2.5259999999999998</v>
      </c>
      <c r="D55" s="15">
        <v>2.4340000000000002</v>
      </c>
    </row>
    <row r="56" spans="1:4" x14ac:dyDescent="0.3">
      <c r="A56" s="11">
        <v>45793.302083333336</v>
      </c>
      <c r="B56" s="15">
        <v>2.6480000000000001</v>
      </c>
      <c r="C56" s="15">
        <v>2.5259999999999998</v>
      </c>
      <c r="D56" s="15">
        <v>2.4340000000000002</v>
      </c>
    </row>
    <row r="57" spans="1:4" x14ac:dyDescent="0.3">
      <c r="A57" s="11">
        <v>45793.305555555555</v>
      </c>
      <c r="B57" s="15">
        <v>2.649</v>
      </c>
      <c r="C57" s="15">
        <v>2.5270000000000001</v>
      </c>
      <c r="D57" s="15">
        <v>2.4340000000000002</v>
      </c>
    </row>
    <row r="58" spans="1:4" x14ac:dyDescent="0.3">
      <c r="A58" s="11">
        <v>45793.309027777781</v>
      </c>
      <c r="B58" s="15">
        <v>2.649</v>
      </c>
      <c r="C58" s="15">
        <v>2.5270000000000001</v>
      </c>
      <c r="D58" s="15">
        <v>2.4340000000000002</v>
      </c>
    </row>
    <row r="59" spans="1:4" x14ac:dyDescent="0.3">
      <c r="A59" s="11">
        <v>45793.3125</v>
      </c>
      <c r="B59" s="15">
        <v>2.65</v>
      </c>
      <c r="C59" s="15">
        <v>2.528</v>
      </c>
      <c r="D59" s="15">
        <v>2.4340000000000002</v>
      </c>
    </row>
    <row r="60" spans="1:4" x14ac:dyDescent="0.3">
      <c r="A60" s="11">
        <v>45793.315972222219</v>
      </c>
      <c r="B60" s="15">
        <v>2.6480000000000001</v>
      </c>
      <c r="C60" s="15">
        <v>2.5259999999999998</v>
      </c>
      <c r="D60" s="15">
        <v>2.4340000000000002</v>
      </c>
    </row>
    <row r="61" spans="1:4" x14ac:dyDescent="0.3">
      <c r="A61" s="11">
        <v>45793.319444444445</v>
      </c>
      <c r="B61" s="15">
        <v>2.6469999999999998</v>
      </c>
      <c r="C61" s="15">
        <v>2.5249999999999999</v>
      </c>
      <c r="D61" s="15">
        <v>2.4180000000000001</v>
      </c>
    </row>
    <row r="62" spans="1:4" x14ac:dyDescent="0.3">
      <c r="A62" s="11">
        <v>45793.322916666664</v>
      </c>
      <c r="B62" s="15">
        <v>2.6459999999999999</v>
      </c>
      <c r="C62" s="15">
        <v>2.524</v>
      </c>
      <c r="D62" s="15">
        <v>2.4180000000000001</v>
      </c>
    </row>
    <row r="63" spans="1:4" x14ac:dyDescent="0.3">
      <c r="A63" s="11">
        <v>45793.326388888891</v>
      </c>
      <c r="B63" s="15">
        <v>2.645</v>
      </c>
      <c r="C63" s="15">
        <v>2.5230000000000001</v>
      </c>
      <c r="D63" s="15">
        <v>2.4180000000000001</v>
      </c>
    </row>
    <row r="64" spans="1:4" x14ac:dyDescent="0.3">
      <c r="A64" s="11">
        <v>45793.329861111109</v>
      </c>
      <c r="B64" s="15">
        <v>2.6440000000000001</v>
      </c>
      <c r="C64" s="15">
        <v>2.5219999999999998</v>
      </c>
      <c r="D64" s="15">
        <v>2.4180000000000001</v>
      </c>
    </row>
    <row r="65" spans="1:4" x14ac:dyDescent="0.3">
      <c r="A65" s="11">
        <v>45793.333333333336</v>
      </c>
      <c r="B65" s="15">
        <v>2.6429999999999998</v>
      </c>
      <c r="C65" s="15">
        <v>2.5209999999999999</v>
      </c>
      <c r="D65" s="15">
        <v>2.4180000000000001</v>
      </c>
    </row>
    <row r="66" spans="1:4" x14ac:dyDescent="0.3">
      <c r="A66" s="11">
        <v>45793.336805555555</v>
      </c>
      <c r="B66" s="15">
        <v>2.6509999999999998</v>
      </c>
      <c r="C66" s="15">
        <v>2.528</v>
      </c>
      <c r="D66" s="15">
        <v>2.4180000000000001</v>
      </c>
    </row>
    <row r="67" spans="1:4" x14ac:dyDescent="0.3">
      <c r="A67" s="11">
        <v>45793.340277777781</v>
      </c>
      <c r="B67" s="15">
        <v>2.6520000000000001</v>
      </c>
      <c r="C67" s="15">
        <v>2.54</v>
      </c>
      <c r="D67" s="15">
        <v>2.419</v>
      </c>
    </row>
    <row r="68" spans="1:4" x14ac:dyDescent="0.3">
      <c r="A68" s="11">
        <v>45793.34375</v>
      </c>
      <c r="B68" s="15">
        <v>2.6469999999999998</v>
      </c>
      <c r="C68" s="15">
        <v>2.5230000000000001</v>
      </c>
      <c r="D68" s="15">
        <v>2.4039999999999999</v>
      </c>
    </row>
    <row r="69" spans="1:4" x14ac:dyDescent="0.3">
      <c r="A69" s="11">
        <v>45793.347222222219</v>
      </c>
      <c r="B69" s="15">
        <v>2.649</v>
      </c>
      <c r="C69" s="15">
        <v>2.5249999999999999</v>
      </c>
      <c r="D69" s="15">
        <v>2.4060000000000001</v>
      </c>
    </row>
    <row r="70" spans="1:4" x14ac:dyDescent="0.3">
      <c r="A70" s="11">
        <v>45793.350694444445</v>
      </c>
      <c r="B70" s="15">
        <v>2.6480000000000001</v>
      </c>
      <c r="C70" s="15">
        <v>2.524</v>
      </c>
      <c r="D70" s="15">
        <v>2.4049999999999998</v>
      </c>
    </row>
    <row r="71" spans="1:4" x14ac:dyDescent="0.3">
      <c r="A71" s="11">
        <v>45793.354166666664</v>
      </c>
      <c r="B71" s="15">
        <v>2.6379999999999999</v>
      </c>
      <c r="C71" s="15">
        <v>2.5150000000000001</v>
      </c>
      <c r="D71" s="15">
        <v>2.3940000000000001</v>
      </c>
    </row>
    <row r="72" spans="1:4" x14ac:dyDescent="0.3">
      <c r="A72" s="11">
        <v>45793.357638888891</v>
      </c>
      <c r="B72" s="15">
        <v>2.6280000000000001</v>
      </c>
      <c r="C72" s="15">
        <v>2.52</v>
      </c>
      <c r="D72" s="15">
        <v>2.387</v>
      </c>
    </row>
    <row r="73" spans="1:4" x14ac:dyDescent="0.3">
      <c r="A73" s="11">
        <v>45793.361111111109</v>
      </c>
      <c r="B73" s="15">
        <v>2.6219999999999999</v>
      </c>
      <c r="C73" s="15">
        <v>2.4990000000000001</v>
      </c>
      <c r="D73" s="15">
        <v>2.3889999999999998</v>
      </c>
    </row>
    <row r="74" spans="1:4" x14ac:dyDescent="0.3">
      <c r="A74" s="11">
        <v>45793.364583333336</v>
      </c>
      <c r="B74" s="15">
        <v>2.6230000000000002</v>
      </c>
      <c r="C74" s="15">
        <v>2.5</v>
      </c>
      <c r="D74" s="15">
        <v>2.399</v>
      </c>
    </row>
    <row r="75" spans="1:4" x14ac:dyDescent="0.3">
      <c r="A75" s="11">
        <v>45793.368055555555</v>
      </c>
      <c r="B75" s="15">
        <v>2.6219999999999999</v>
      </c>
      <c r="C75" s="15">
        <v>2.4990000000000001</v>
      </c>
      <c r="D75" s="15">
        <v>2.3980000000000001</v>
      </c>
    </row>
    <row r="76" spans="1:4" x14ac:dyDescent="0.3">
      <c r="A76" s="11">
        <v>45793.371527777781</v>
      </c>
      <c r="B76" s="15">
        <v>2.641</v>
      </c>
      <c r="C76" s="15">
        <v>2.5179999999999998</v>
      </c>
      <c r="D76" s="15">
        <v>2.395</v>
      </c>
    </row>
    <row r="77" spans="1:4" x14ac:dyDescent="0.3">
      <c r="A77" s="11">
        <v>45793.375</v>
      </c>
      <c r="B77" s="15">
        <v>2.6120000000000001</v>
      </c>
      <c r="C77" s="15">
        <v>2.5070000000000001</v>
      </c>
      <c r="D77" s="15">
        <v>2.3860000000000001</v>
      </c>
    </row>
    <row r="78" spans="1:4" x14ac:dyDescent="0.3">
      <c r="A78" s="11">
        <v>45793.378472222219</v>
      </c>
      <c r="B78" s="15">
        <v>2.6419999999999999</v>
      </c>
      <c r="C78" s="15">
        <v>2.5190000000000001</v>
      </c>
      <c r="D78" s="15">
        <v>2.4</v>
      </c>
    </row>
    <row r="79" spans="1:4" x14ac:dyDescent="0.3">
      <c r="A79" s="11">
        <v>45793.381944444445</v>
      </c>
      <c r="B79" s="15">
        <v>2.6389999999999998</v>
      </c>
      <c r="C79" s="15">
        <v>2.4969999999999999</v>
      </c>
      <c r="D79" s="15">
        <v>2.3969999999999998</v>
      </c>
    </row>
    <row r="80" spans="1:4" x14ac:dyDescent="0.3">
      <c r="A80" s="11">
        <v>45793.385416666664</v>
      </c>
      <c r="B80" s="15">
        <v>2.63</v>
      </c>
      <c r="C80" s="15">
        <v>2.5209999999999999</v>
      </c>
      <c r="D80" s="15">
        <v>2.4020000000000001</v>
      </c>
    </row>
    <row r="81" spans="1:4" x14ac:dyDescent="0.3">
      <c r="A81" s="11">
        <v>45793.388888888891</v>
      </c>
      <c r="B81" s="15">
        <v>2.63</v>
      </c>
      <c r="C81" s="15">
        <v>2.5219999999999998</v>
      </c>
      <c r="D81" s="15">
        <v>2.403</v>
      </c>
    </row>
    <row r="82" spans="1:4" x14ac:dyDescent="0.3">
      <c r="A82" s="11">
        <v>45793.392361111109</v>
      </c>
      <c r="B82" s="15">
        <v>2.6320000000000001</v>
      </c>
      <c r="C82" s="15">
        <v>2.512</v>
      </c>
      <c r="D82" s="15">
        <v>2.3929999999999998</v>
      </c>
    </row>
    <row r="83" spans="1:4" x14ac:dyDescent="0.3">
      <c r="A83" s="11">
        <v>45793.395833333336</v>
      </c>
      <c r="B83" s="15">
        <v>2.6320000000000001</v>
      </c>
      <c r="C83" s="15">
        <v>2.5209999999999999</v>
      </c>
      <c r="D83" s="15">
        <v>2.4009999999999998</v>
      </c>
    </row>
    <row r="84" spans="1:4" x14ac:dyDescent="0.3">
      <c r="A84" s="11">
        <v>45793.399305555555</v>
      </c>
      <c r="B84" s="15">
        <v>2.64</v>
      </c>
      <c r="C84" s="15">
        <v>2.5169999999999999</v>
      </c>
      <c r="D84" s="15">
        <v>2.3980000000000001</v>
      </c>
    </row>
    <row r="85" spans="1:4" x14ac:dyDescent="0.3">
      <c r="A85" s="11">
        <v>45793.402777777781</v>
      </c>
      <c r="B85" s="15">
        <v>2.6339999999999999</v>
      </c>
      <c r="C85" s="15">
        <v>2.5110000000000001</v>
      </c>
      <c r="D85" s="15">
        <v>2.411</v>
      </c>
    </row>
    <row r="86" spans="1:4" x14ac:dyDescent="0.3">
      <c r="A86" s="11">
        <v>45793.40625</v>
      </c>
      <c r="B86" s="15">
        <v>2.6349999999999998</v>
      </c>
      <c r="C86" s="15">
        <v>2.512</v>
      </c>
      <c r="D86" s="15">
        <v>2.411</v>
      </c>
    </row>
    <row r="87" spans="1:4" x14ac:dyDescent="0.3">
      <c r="A87" s="11">
        <v>45793.409722222219</v>
      </c>
      <c r="B87" s="15">
        <v>2.637</v>
      </c>
      <c r="C87" s="15">
        <v>2.5299999999999998</v>
      </c>
      <c r="D87" s="15">
        <v>2.4129999999999998</v>
      </c>
    </row>
    <row r="88" spans="1:4" x14ac:dyDescent="0.3">
      <c r="A88" s="11">
        <v>45793.413194444445</v>
      </c>
      <c r="B88" s="15">
        <v>2.637</v>
      </c>
      <c r="C88" s="15">
        <v>2.5139999999999998</v>
      </c>
      <c r="D88" s="15">
        <v>2.411</v>
      </c>
    </row>
    <row r="89" spans="1:4" x14ac:dyDescent="0.3">
      <c r="A89" s="11">
        <v>45793.416666666664</v>
      </c>
      <c r="B89" s="15">
        <v>2.645</v>
      </c>
      <c r="C89" s="15">
        <v>2.5339999999999998</v>
      </c>
      <c r="D89" s="15">
        <v>2.415</v>
      </c>
    </row>
    <row r="90" spans="1:4" x14ac:dyDescent="0.3">
      <c r="A90" s="11">
        <v>45793.420138888891</v>
      </c>
      <c r="B90" s="15">
        <v>2.6539999999999999</v>
      </c>
      <c r="C90" s="15">
        <v>2.5305</v>
      </c>
      <c r="D90" s="15">
        <v>2.407</v>
      </c>
    </row>
    <row r="91" spans="1:4" x14ac:dyDescent="0.3">
      <c r="A91" s="11">
        <v>45793.423611111109</v>
      </c>
      <c r="B91" s="15">
        <v>2.6440000000000001</v>
      </c>
      <c r="C91" s="15">
        <v>2.5314999999999999</v>
      </c>
      <c r="D91" s="15">
        <v>2.41</v>
      </c>
    </row>
    <row r="92" spans="1:4" x14ac:dyDescent="0.3">
      <c r="A92" s="11">
        <v>45793.427083333336</v>
      </c>
      <c r="B92" s="15">
        <v>2.6364999999999998</v>
      </c>
      <c r="C92" s="15">
        <v>2.524</v>
      </c>
      <c r="D92" s="15">
        <v>2.403</v>
      </c>
    </row>
    <row r="93" spans="1:4" x14ac:dyDescent="0.3">
      <c r="A93" s="11">
        <v>45793.430555555555</v>
      </c>
      <c r="B93" s="15">
        <v>2.64</v>
      </c>
      <c r="C93" s="15">
        <v>2.5215000000000001</v>
      </c>
      <c r="D93" s="15">
        <v>2.3980000000000001</v>
      </c>
    </row>
    <row r="94" spans="1:4" x14ac:dyDescent="0.3">
      <c r="A94" s="11">
        <v>45793.434027777781</v>
      </c>
      <c r="B94" s="15">
        <v>2.65</v>
      </c>
      <c r="C94" s="15">
        <v>2.528</v>
      </c>
      <c r="D94" s="15">
        <v>2.4089999999999998</v>
      </c>
    </row>
    <row r="95" spans="1:4" x14ac:dyDescent="0.3">
      <c r="A95" s="11">
        <v>45793.4375</v>
      </c>
      <c r="B95" s="15">
        <v>2.6509999999999998</v>
      </c>
      <c r="C95" s="15">
        <v>2.5289999999999999</v>
      </c>
      <c r="D95" s="15">
        <v>2.41</v>
      </c>
    </row>
    <row r="96" spans="1:4" x14ac:dyDescent="0.3">
      <c r="A96" s="11">
        <v>45793.440972222219</v>
      </c>
      <c r="B96" s="15">
        <v>2.6560000000000001</v>
      </c>
      <c r="C96" s="15">
        <v>2.5285000000000002</v>
      </c>
      <c r="D96" s="15">
        <v>2.415</v>
      </c>
    </row>
    <row r="97" spans="1:4" x14ac:dyDescent="0.3">
      <c r="A97" s="11">
        <v>45793.444444444445</v>
      </c>
      <c r="B97" s="15">
        <v>2.63</v>
      </c>
      <c r="C97" s="15">
        <v>2.5209999999999999</v>
      </c>
      <c r="D97" s="15">
        <v>2.3969999999999998</v>
      </c>
    </row>
    <row r="98" spans="1:4" x14ac:dyDescent="0.3">
      <c r="A98" s="11">
        <v>45793.447916666664</v>
      </c>
      <c r="B98" s="15">
        <v>2.641</v>
      </c>
      <c r="C98" s="15">
        <v>2.528</v>
      </c>
      <c r="D98" s="15">
        <v>2.4060000000000001</v>
      </c>
    </row>
    <row r="99" spans="1:4" x14ac:dyDescent="0.3">
      <c r="A99" s="11">
        <v>45793.451388888891</v>
      </c>
      <c r="B99" s="15">
        <v>2.6305000000000001</v>
      </c>
      <c r="C99" s="15">
        <v>2.504</v>
      </c>
      <c r="D99" s="15">
        <v>2.3860000000000001</v>
      </c>
    </row>
    <row r="100" spans="1:4" x14ac:dyDescent="0.3">
      <c r="A100" s="11">
        <v>45793.454861111109</v>
      </c>
      <c r="B100" s="15">
        <v>2.6295000000000002</v>
      </c>
      <c r="C100" s="15">
        <v>2.504</v>
      </c>
      <c r="D100" s="15">
        <v>2.3929999999999998</v>
      </c>
    </row>
    <row r="101" spans="1:4" x14ac:dyDescent="0.3">
      <c r="A101" s="11">
        <v>45793.458333333336</v>
      </c>
      <c r="B101" s="15">
        <v>2.6389999999999998</v>
      </c>
      <c r="C101" s="15">
        <v>2.5169999999999999</v>
      </c>
      <c r="D101" s="15">
        <v>2.3980000000000001</v>
      </c>
    </row>
    <row r="102" spans="1:4" x14ac:dyDescent="0.3">
      <c r="A102" s="11">
        <v>45793.461805555555</v>
      </c>
      <c r="B102" s="15">
        <v>2.633</v>
      </c>
      <c r="C102" s="15">
        <v>2.5110000000000001</v>
      </c>
      <c r="D102" s="15">
        <v>2.39</v>
      </c>
    </row>
    <row r="103" spans="1:4" x14ac:dyDescent="0.3">
      <c r="A103" s="11">
        <v>45793.465277777781</v>
      </c>
      <c r="B103" s="15">
        <v>2.6339999999999999</v>
      </c>
      <c r="C103" s="15">
        <v>2.5190000000000001</v>
      </c>
      <c r="D103" s="15">
        <v>2.4</v>
      </c>
    </row>
    <row r="104" spans="1:4" x14ac:dyDescent="0.3">
      <c r="A104" s="11">
        <v>45793.46875</v>
      </c>
      <c r="B104" s="15">
        <v>2.6379999999999999</v>
      </c>
      <c r="C104" s="15">
        <v>2.516</v>
      </c>
      <c r="D104" s="15">
        <v>2.3969999999999998</v>
      </c>
    </row>
    <row r="105" spans="1:4" x14ac:dyDescent="0.3">
      <c r="A105" s="11">
        <v>45793.472222222219</v>
      </c>
      <c r="B105" s="15">
        <v>2.617</v>
      </c>
      <c r="C105" s="15">
        <v>2.5049999999999999</v>
      </c>
      <c r="D105" s="15">
        <v>2.3860000000000001</v>
      </c>
    </row>
    <row r="106" spans="1:4" x14ac:dyDescent="0.3">
      <c r="A106" s="11">
        <v>45793.475694444445</v>
      </c>
      <c r="B106" s="15">
        <v>2.6240000000000001</v>
      </c>
      <c r="C106" s="15">
        <v>2.5110000000000001</v>
      </c>
      <c r="D106" s="15">
        <v>2.3919999999999999</v>
      </c>
    </row>
    <row r="107" spans="1:4" x14ac:dyDescent="0.3">
      <c r="A107" s="11">
        <v>45793.479166666664</v>
      </c>
      <c r="B107" s="15">
        <v>2.6120000000000001</v>
      </c>
      <c r="C107" s="15">
        <v>2.4889999999999999</v>
      </c>
      <c r="D107" s="15">
        <v>2.379</v>
      </c>
    </row>
    <row r="108" spans="1:4" x14ac:dyDescent="0.3">
      <c r="A108" s="11">
        <v>45793.482638888891</v>
      </c>
      <c r="B108" s="15">
        <v>2.6320000000000001</v>
      </c>
      <c r="C108" s="15">
        <v>2.5</v>
      </c>
      <c r="D108" s="15">
        <v>2.39</v>
      </c>
    </row>
    <row r="109" spans="1:4" x14ac:dyDescent="0.3">
      <c r="A109" s="11">
        <v>45793.486111111109</v>
      </c>
      <c r="B109" s="15">
        <v>2.62</v>
      </c>
      <c r="C109" s="15">
        <v>2.5</v>
      </c>
      <c r="D109" s="15">
        <v>2.3769999999999998</v>
      </c>
    </row>
    <row r="110" spans="1:4" x14ac:dyDescent="0.3">
      <c r="A110" s="11">
        <v>45793.489583333336</v>
      </c>
      <c r="B110" s="15">
        <v>2.6110000000000002</v>
      </c>
      <c r="C110" s="15">
        <v>2.5009999999999999</v>
      </c>
      <c r="D110" s="15">
        <v>2.3730000000000002</v>
      </c>
    </row>
    <row r="111" spans="1:4" x14ac:dyDescent="0.3">
      <c r="A111" s="11">
        <v>45793.493055555555</v>
      </c>
      <c r="B111" s="15">
        <v>2.621</v>
      </c>
      <c r="C111" s="15">
        <v>2.4980000000000002</v>
      </c>
      <c r="D111" s="15">
        <v>2.3780000000000001</v>
      </c>
    </row>
    <row r="112" spans="1:4" x14ac:dyDescent="0.3">
      <c r="A112" s="11">
        <v>45793.496527777781</v>
      </c>
      <c r="B112" s="15">
        <v>2.6280000000000001</v>
      </c>
      <c r="C112" s="15">
        <v>2.5049999999999999</v>
      </c>
      <c r="D112" s="15">
        <v>2.3849999999999998</v>
      </c>
    </row>
    <row r="113" spans="1:4" x14ac:dyDescent="0.3">
      <c r="A113" s="11">
        <v>45793.5</v>
      </c>
      <c r="B113" s="15">
        <v>2.6110000000000002</v>
      </c>
      <c r="C113" s="15">
        <v>2.488</v>
      </c>
      <c r="D113" s="15">
        <v>2.3839999999999999</v>
      </c>
    </row>
    <row r="114" spans="1:4" x14ac:dyDescent="0.3">
      <c r="A114" s="11">
        <v>45793.503472222219</v>
      </c>
      <c r="B114" s="15">
        <v>2.6070000000000002</v>
      </c>
      <c r="C114" s="15">
        <v>2.484</v>
      </c>
      <c r="D114" s="15">
        <v>2.383</v>
      </c>
    </row>
    <row r="115" spans="1:4" x14ac:dyDescent="0.3">
      <c r="A115" s="11">
        <v>45793.506944444445</v>
      </c>
      <c r="B115" s="15">
        <v>2.6080000000000001</v>
      </c>
      <c r="C115" s="15">
        <v>2.4849999999999999</v>
      </c>
      <c r="D115" s="15">
        <v>2.3839999999999999</v>
      </c>
    </row>
    <row r="116" spans="1:4" x14ac:dyDescent="0.3">
      <c r="A116" s="11">
        <v>45793.510416666664</v>
      </c>
      <c r="B116" s="15">
        <v>2.6080000000000001</v>
      </c>
      <c r="C116" s="15">
        <v>2.4849999999999999</v>
      </c>
      <c r="D116" s="15">
        <v>2.38</v>
      </c>
    </row>
    <row r="117" spans="1:4" x14ac:dyDescent="0.3">
      <c r="A117" s="11">
        <v>45793.513888888891</v>
      </c>
      <c r="B117" s="15">
        <v>2.62</v>
      </c>
      <c r="C117" s="15">
        <v>2.4994999999999998</v>
      </c>
      <c r="D117" s="15">
        <v>2.375</v>
      </c>
    </row>
    <row r="118" spans="1:4" x14ac:dyDescent="0.3">
      <c r="A118" s="11">
        <v>45793.517361111109</v>
      </c>
      <c r="B118" s="15">
        <v>2.6240000000000001</v>
      </c>
      <c r="C118" s="15">
        <v>2.5009999999999999</v>
      </c>
      <c r="D118" s="15">
        <v>2.383</v>
      </c>
    </row>
    <row r="119" spans="1:4" x14ac:dyDescent="0.3">
      <c r="A119" s="11">
        <v>45793.520833333336</v>
      </c>
      <c r="B119" s="15">
        <v>2.6269999999999998</v>
      </c>
      <c r="C119" s="15">
        <v>2.504</v>
      </c>
      <c r="D119" s="15">
        <v>2.38</v>
      </c>
    </row>
    <row r="120" spans="1:4" x14ac:dyDescent="0.3">
      <c r="A120" s="11">
        <v>45793.524305555555</v>
      </c>
      <c r="B120" s="15">
        <v>2.6320000000000001</v>
      </c>
      <c r="C120" s="15">
        <v>2.492</v>
      </c>
      <c r="D120" s="15">
        <v>2.3839999999999999</v>
      </c>
    </row>
    <row r="121" spans="1:4" x14ac:dyDescent="0.3">
      <c r="A121" s="11">
        <v>45793.527777777781</v>
      </c>
      <c r="B121" s="15">
        <v>2.6179999999999999</v>
      </c>
      <c r="C121" s="15">
        <v>2.4950000000000001</v>
      </c>
      <c r="D121" s="15">
        <v>2.3860000000000001</v>
      </c>
    </row>
    <row r="122" spans="1:4" x14ac:dyDescent="0.3">
      <c r="A122" s="11">
        <v>45793.53125</v>
      </c>
      <c r="B122" s="15">
        <v>2.6349999999999998</v>
      </c>
      <c r="C122" s="15">
        <v>2.5105</v>
      </c>
      <c r="D122" s="15">
        <v>2.38</v>
      </c>
    </row>
    <row r="123" spans="1:4" x14ac:dyDescent="0.3">
      <c r="A123" s="11">
        <v>45793.534722222219</v>
      </c>
      <c r="B123" s="15">
        <v>2.617</v>
      </c>
      <c r="C123" s="15">
        <v>2.4950000000000001</v>
      </c>
      <c r="D123" s="15">
        <v>2.387</v>
      </c>
    </row>
    <row r="124" spans="1:4" x14ac:dyDescent="0.3">
      <c r="A124" s="11">
        <v>45793.538194444445</v>
      </c>
      <c r="B124" s="15">
        <v>2.633</v>
      </c>
      <c r="C124" s="15">
        <v>2.5089999999999999</v>
      </c>
      <c r="D124" s="15">
        <v>2.3879999999999999</v>
      </c>
    </row>
    <row r="125" spans="1:4" x14ac:dyDescent="0.3">
      <c r="A125" s="11">
        <v>45793.541666666664</v>
      </c>
      <c r="B125" s="15">
        <v>2.6240000000000001</v>
      </c>
      <c r="C125" s="15">
        <v>2.5009999999999999</v>
      </c>
      <c r="D125" s="15">
        <v>2.3879999999999999</v>
      </c>
    </row>
    <row r="126" spans="1:4" x14ac:dyDescent="0.3">
      <c r="A126" s="11">
        <v>45793.545138888891</v>
      </c>
      <c r="B126" s="15">
        <v>2.617</v>
      </c>
      <c r="C126" s="15">
        <v>2.4950000000000001</v>
      </c>
      <c r="D126" s="15">
        <v>2.371</v>
      </c>
    </row>
    <row r="127" spans="1:4" x14ac:dyDescent="0.3">
      <c r="A127" s="11">
        <v>45793.548611111109</v>
      </c>
      <c r="B127" s="15">
        <v>2.6259999999999999</v>
      </c>
      <c r="C127" s="15">
        <v>2.504</v>
      </c>
      <c r="D127" s="15">
        <v>2.3809999999999998</v>
      </c>
    </row>
    <row r="128" spans="1:4" x14ac:dyDescent="0.3">
      <c r="A128" s="11">
        <v>45793.552083333336</v>
      </c>
      <c r="B128" s="15">
        <v>2.63</v>
      </c>
      <c r="C128" s="15">
        <v>2.508</v>
      </c>
      <c r="D128" s="15">
        <v>2.3849999999999998</v>
      </c>
    </row>
    <row r="129" spans="1:4" x14ac:dyDescent="0.3">
      <c r="A129" s="11">
        <v>45793.555555555555</v>
      </c>
      <c r="B129" s="15">
        <v>2.6139999999999999</v>
      </c>
      <c r="C129" s="15">
        <v>2.492</v>
      </c>
      <c r="D129" s="15">
        <v>2.3879999999999999</v>
      </c>
    </row>
    <row r="130" spans="1:4" x14ac:dyDescent="0.3">
      <c r="A130" s="11">
        <v>45793.559027777781</v>
      </c>
      <c r="B130" s="15">
        <v>2.6190000000000002</v>
      </c>
      <c r="C130" s="15">
        <v>2.5049999999999999</v>
      </c>
      <c r="D130" s="15">
        <v>2.3839999999999999</v>
      </c>
    </row>
    <row r="131" spans="1:4" x14ac:dyDescent="0.3">
      <c r="A131" s="11">
        <v>45793.5625</v>
      </c>
      <c r="B131" s="15">
        <v>2.6269999999999998</v>
      </c>
      <c r="C131" s="15">
        <v>2.5030000000000001</v>
      </c>
      <c r="D131" s="15">
        <v>2.3849999999999998</v>
      </c>
    </row>
    <row r="132" spans="1:4" x14ac:dyDescent="0.3">
      <c r="A132" s="11">
        <v>45793.565972222219</v>
      </c>
      <c r="B132" s="15">
        <v>2.6349999999999998</v>
      </c>
      <c r="C132" s="15">
        <v>2.5070000000000001</v>
      </c>
      <c r="D132" s="15">
        <v>2.3879999999999999</v>
      </c>
    </row>
    <row r="133" spans="1:4" x14ac:dyDescent="0.3">
      <c r="A133" s="11">
        <v>45793.569444444445</v>
      </c>
      <c r="B133" s="15">
        <v>2.6179999999999999</v>
      </c>
      <c r="C133" s="15">
        <v>2.496</v>
      </c>
      <c r="D133" s="15">
        <v>2.3879999999999999</v>
      </c>
    </row>
    <row r="134" spans="1:4" x14ac:dyDescent="0.3">
      <c r="A134" s="11">
        <v>45793.572916666664</v>
      </c>
      <c r="B134" s="15">
        <v>2.6190000000000002</v>
      </c>
      <c r="C134" s="15">
        <v>2.5139999999999998</v>
      </c>
      <c r="D134" s="15">
        <v>2.3919999999999999</v>
      </c>
    </row>
    <row r="135" spans="1:4" x14ac:dyDescent="0.3">
      <c r="A135" s="11">
        <v>45793.576388888891</v>
      </c>
      <c r="B135" s="15">
        <v>2.61</v>
      </c>
      <c r="C135" s="15">
        <v>2.5059999999999998</v>
      </c>
      <c r="D135" s="15">
        <v>2.3809999999999998</v>
      </c>
    </row>
    <row r="136" spans="1:4" x14ac:dyDescent="0.3">
      <c r="A136" s="11">
        <v>45793.579861111109</v>
      </c>
      <c r="B136" s="15">
        <v>2.6309999999999998</v>
      </c>
      <c r="C136" s="15">
        <v>2.5089999999999999</v>
      </c>
      <c r="D136" s="15">
        <v>2.3839999999999999</v>
      </c>
    </row>
    <row r="137" spans="1:4" x14ac:dyDescent="0.3">
      <c r="A137" s="11">
        <v>45793.583333333336</v>
      </c>
      <c r="B137" s="15">
        <v>2.6230000000000002</v>
      </c>
      <c r="C137" s="15">
        <v>2.5145</v>
      </c>
      <c r="D137" s="15">
        <v>2.3940000000000001</v>
      </c>
    </row>
    <row r="138" spans="1:4" x14ac:dyDescent="0.3">
      <c r="A138" s="11">
        <v>45793.586805555555</v>
      </c>
      <c r="B138" s="15">
        <v>2.625</v>
      </c>
      <c r="C138" s="15">
        <v>2.5150000000000001</v>
      </c>
      <c r="D138" s="15">
        <v>2.38</v>
      </c>
    </row>
    <row r="139" spans="1:4" x14ac:dyDescent="0.3">
      <c r="A139" s="11">
        <v>45793.590277777781</v>
      </c>
      <c r="B139" s="15">
        <v>2.6379999999999999</v>
      </c>
      <c r="C139" s="15">
        <v>2.516</v>
      </c>
      <c r="D139" s="15">
        <v>2.4020000000000001</v>
      </c>
    </row>
    <row r="140" spans="1:4" x14ac:dyDescent="0.3">
      <c r="A140" s="11">
        <v>45793.59375</v>
      </c>
      <c r="B140" s="15">
        <v>2.6305000000000001</v>
      </c>
      <c r="C140" s="15">
        <v>2.5049999999999999</v>
      </c>
      <c r="D140" s="15">
        <v>2.4</v>
      </c>
    </row>
    <row r="141" spans="1:4" x14ac:dyDescent="0.3">
      <c r="A141" s="11">
        <v>45793.597222222219</v>
      </c>
      <c r="B141" s="15">
        <v>2.625</v>
      </c>
      <c r="C141" s="15">
        <v>2.5209999999999999</v>
      </c>
      <c r="D141" s="15">
        <v>2.399</v>
      </c>
    </row>
    <row r="142" spans="1:4" x14ac:dyDescent="0.3">
      <c r="A142" s="11">
        <v>45793.600694444445</v>
      </c>
      <c r="B142" s="15">
        <v>2.6339999999999999</v>
      </c>
      <c r="C142" s="15">
        <v>2.512</v>
      </c>
      <c r="D142" s="15">
        <v>2.387</v>
      </c>
    </row>
    <row r="143" spans="1:4" x14ac:dyDescent="0.3">
      <c r="A143" s="11">
        <v>45793.604166666664</v>
      </c>
      <c r="B143" s="15">
        <v>2.6230000000000002</v>
      </c>
      <c r="C143" s="15">
        <v>2.5009999999999999</v>
      </c>
      <c r="D143" s="15">
        <v>2.3839999999999999</v>
      </c>
    </row>
    <row r="144" spans="1:4" x14ac:dyDescent="0.3">
      <c r="A144" s="11">
        <v>45793.607638888891</v>
      </c>
      <c r="B144" s="15">
        <v>2.64</v>
      </c>
      <c r="C144" s="15">
        <v>2.5179999999999998</v>
      </c>
      <c r="D144" s="15">
        <v>2.387</v>
      </c>
    </row>
    <row r="145" spans="1:4" x14ac:dyDescent="0.3">
      <c r="A145" s="11">
        <v>45793.611111111109</v>
      </c>
      <c r="B145" s="15">
        <v>2.6320000000000001</v>
      </c>
      <c r="C145" s="15">
        <v>2.5099999999999998</v>
      </c>
      <c r="D145" s="15">
        <v>2.387</v>
      </c>
    </row>
    <row r="146" spans="1:4" x14ac:dyDescent="0.3">
      <c r="A146" s="11">
        <v>45793.614583333336</v>
      </c>
      <c r="B146" s="15">
        <v>2.621</v>
      </c>
      <c r="C146" s="15">
        <v>2.4990000000000001</v>
      </c>
      <c r="D146" s="15">
        <v>2.3959999999999999</v>
      </c>
    </row>
    <row r="147" spans="1:4" x14ac:dyDescent="0.3">
      <c r="A147" s="11">
        <v>45793.618055555555</v>
      </c>
      <c r="B147" s="15">
        <v>2.625</v>
      </c>
      <c r="C147" s="15">
        <v>2.5030000000000001</v>
      </c>
      <c r="D147" s="15">
        <v>2.3860000000000001</v>
      </c>
    </row>
    <row r="148" spans="1:4" x14ac:dyDescent="0.3">
      <c r="A148" s="11">
        <v>45793.621527777781</v>
      </c>
      <c r="B148" s="15">
        <v>2.629</v>
      </c>
      <c r="C148" s="15">
        <v>2.5150000000000001</v>
      </c>
      <c r="D148" s="15">
        <v>2.395</v>
      </c>
    </row>
    <row r="149" spans="1:4" x14ac:dyDescent="0.3">
      <c r="A149" s="11">
        <v>45793.625</v>
      </c>
      <c r="B149" s="15">
        <v>2.6339999999999999</v>
      </c>
      <c r="C149" s="15">
        <v>2.5209999999999999</v>
      </c>
      <c r="D149" s="15">
        <v>2.399</v>
      </c>
    </row>
    <row r="150" spans="1:4" x14ac:dyDescent="0.3">
      <c r="A150" s="11">
        <v>45793.628472222219</v>
      </c>
      <c r="B150" s="15">
        <v>2.6240000000000001</v>
      </c>
      <c r="C150" s="15">
        <v>2.5209999999999999</v>
      </c>
      <c r="D150" s="15">
        <v>2.399</v>
      </c>
    </row>
    <row r="151" spans="1:4" x14ac:dyDescent="0.3">
      <c r="A151" s="11">
        <v>45793.631944444445</v>
      </c>
      <c r="B151" s="15">
        <v>2.6429999999999998</v>
      </c>
      <c r="C151" s="15">
        <v>2.5169999999999999</v>
      </c>
      <c r="D151" s="15">
        <v>2.3959999999999999</v>
      </c>
    </row>
    <row r="152" spans="1:4" x14ac:dyDescent="0.3">
      <c r="A152" s="11">
        <v>45793.635416666664</v>
      </c>
      <c r="B152" s="15">
        <v>2.64</v>
      </c>
      <c r="C152" s="15">
        <v>2.5139999999999998</v>
      </c>
      <c r="D152" s="15">
        <v>2.3969999999999998</v>
      </c>
    </row>
    <row r="153" spans="1:4" x14ac:dyDescent="0.3">
      <c r="A153" s="11">
        <v>45793.638888888891</v>
      </c>
      <c r="B153" s="15">
        <v>2.6240000000000001</v>
      </c>
      <c r="C153" s="15">
        <v>2.5154999999999998</v>
      </c>
      <c r="D153" s="15">
        <v>2.3980000000000001</v>
      </c>
    </row>
    <row r="154" spans="1:4" x14ac:dyDescent="0.3">
      <c r="A154" s="11">
        <v>45793.642361111109</v>
      </c>
      <c r="B154" s="15">
        <v>2.6280000000000001</v>
      </c>
      <c r="C154" s="15">
        <v>2.516</v>
      </c>
      <c r="D154" s="15">
        <v>2.3959999999999999</v>
      </c>
    </row>
    <row r="155" spans="1:4" x14ac:dyDescent="0.3">
      <c r="A155" s="11">
        <v>45793.645833333336</v>
      </c>
      <c r="B155" s="15">
        <v>2.6379999999999999</v>
      </c>
      <c r="C155" s="15">
        <v>2.5194999999999999</v>
      </c>
      <c r="D155" s="15">
        <v>2.3980000000000001</v>
      </c>
    </row>
    <row r="156" spans="1:4" x14ac:dyDescent="0.3">
      <c r="A156" s="11">
        <v>45793.649305555555</v>
      </c>
      <c r="B156" s="15">
        <v>2.6389999999999998</v>
      </c>
      <c r="C156" s="15">
        <v>2.5070000000000001</v>
      </c>
      <c r="D156" s="15">
        <v>2.3929999999999998</v>
      </c>
    </row>
    <row r="157" spans="1:4" x14ac:dyDescent="0.3">
      <c r="A157" s="11">
        <v>45793.652777777781</v>
      </c>
      <c r="B157" s="15">
        <v>2.649</v>
      </c>
      <c r="C157" s="15">
        <v>2.5245000000000002</v>
      </c>
      <c r="D157" s="15">
        <v>2.399</v>
      </c>
    </row>
    <row r="158" spans="1:4" x14ac:dyDescent="0.3">
      <c r="A158" s="11">
        <v>45793.65625</v>
      </c>
      <c r="B158" s="15">
        <v>2.6309999999999998</v>
      </c>
      <c r="C158" s="15">
        <v>2.524</v>
      </c>
      <c r="D158" s="15">
        <v>2.4049999999999998</v>
      </c>
    </row>
    <row r="159" spans="1:4" x14ac:dyDescent="0.3">
      <c r="A159" s="11">
        <v>45793.659722222219</v>
      </c>
      <c r="B159" s="15">
        <v>2.6320000000000001</v>
      </c>
      <c r="C159" s="15">
        <v>2.5110000000000001</v>
      </c>
      <c r="D159" s="15">
        <v>2.41</v>
      </c>
    </row>
    <row r="160" spans="1:4" x14ac:dyDescent="0.3">
      <c r="A160" s="11">
        <v>45793.663194444445</v>
      </c>
      <c r="B160" s="15">
        <v>2.6309999999999998</v>
      </c>
      <c r="C160" s="15">
        <v>2.52</v>
      </c>
      <c r="D160" s="15">
        <v>2.3940000000000001</v>
      </c>
    </row>
    <row r="161" spans="1:4" x14ac:dyDescent="0.3">
      <c r="A161" s="11">
        <v>45793.666666666664</v>
      </c>
      <c r="B161" s="15">
        <v>2.6419999999999999</v>
      </c>
      <c r="C161" s="15">
        <v>2.5110000000000001</v>
      </c>
      <c r="D161" s="15">
        <v>2.3929999999999998</v>
      </c>
    </row>
    <row r="162" spans="1:4" x14ac:dyDescent="0.3">
      <c r="A162" s="11">
        <v>45793.670138888891</v>
      </c>
      <c r="B162" s="15">
        <v>2.633</v>
      </c>
      <c r="C162" s="15">
        <v>2.5129999999999999</v>
      </c>
      <c r="D162" s="15">
        <v>2.4049999999999998</v>
      </c>
    </row>
    <row r="163" spans="1:4" x14ac:dyDescent="0.3">
      <c r="A163" s="11">
        <v>45793.673611111109</v>
      </c>
      <c r="B163" s="15">
        <v>2.6349999999999998</v>
      </c>
      <c r="C163" s="15">
        <v>2.5139999999999998</v>
      </c>
      <c r="D163" s="15">
        <v>2.4089999999999998</v>
      </c>
    </row>
    <row r="164" spans="1:4" x14ac:dyDescent="0.3">
      <c r="A164" s="11">
        <v>45793.677083333336</v>
      </c>
      <c r="B164" s="15">
        <v>2.6360000000000001</v>
      </c>
      <c r="C164" s="15">
        <v>2.516</v>
      </c>
      <c r="D164" s="15">
        <v>2.4039999999999999</v>
      </c>
    </row>
    <row r="165" spans="1:4" x14ac:dyDescent="0.3">
      <c r="A165" s="11">
        <v>45793.680555555555</v>
      </c>
      <c r="B165" s="15">
        <v>2.6429999999999998</v>
      </c>
      <c r="C165" s="15">
        <v>2.5310000000000001</v>
      </c>
      <c r="D165" s="15">
        <v>2.4129999999999998</v>
      </c>
    </row>
    <row r="166" spans="1:4" x14ac:dyDescent="0.3">
      <c r="A166" s="11">
        <v>45793.684027777781</v>
      </c>
      <c r="B166" s="15">
        <v>2.649</v>
      </c>
      <c r="C166" s="15">
        <v>2.5190000000000001</v>
      </c>
      <c r="D166" s="15">
        <v>2.4129999999999998</v>
      </c>
    </row>
    <row r="167" spans="1:4" x14ac:dyDescent="0.3">
      <c r="A167" s="11">
        <v>45793.6875</v>
      </c>
      <c r="B167" s="15">
        <v>2.6360000000000001</v>
      </c>
      <c r="C167" s="15">
        <v>2.532</v>
      </c>
      <c r="D167" s="15">
        <v>2.4140000000000001</v>
      </c>
    </row>
    <row r="168" spans="1:4" x14ac:dyDescent="0.3">
      <c r="A168" s="11">
        <v>45793.690972222219</v>
      </c>
      <c r="B168" s="15">
        <v>2.6520000000000001</v>
      </c>
      <c r="C168" s="15">
        <v>2.5219999999999998</v>
      </c>
      <c r="D168" s="15">
        <v>2.4039999999999999</v>
      </c>
    </row>
    <row r="169" spans="1:4" x14ac:dyDescent="0.3">
      <c r="A169" s="11">
        <v>45793.694444444445</v>
      </c>
      <c r="B169" s="15">
        <v>2.6520000000000001</v>
      </c>
      <c r="C169" s="15">
        <v>2.5310000000000001</v>
      </c>
      <c r="D169" s="15">
        <v>2.4159999999999999</v>
      </c>
    </row>
    <row r="170" spans="1:4" x14ac:dyDescent="0.3">
      <c r="A170" s="11">
        <v>45793.697916666664</v>
      </c>
      <c r="B170" s="15">
        <v>2.6549999999999998</v>
      </c>
      <c r="C170" s="15">
        <v>2.5350000000000001</v>
      </c>
      <c r="D170" s="15">
        <v>2.4159999999999999</v>
      </c>
    </row>
    <row r="171" spans="1:4" x14ac:dyDescent="0.3">
      <c r="A171" s="11">
        <v>45793.701388888891</v>
      </c>
      <c r="B171" s="15">
        <v>2.6469999999999998</v>
      </c>
      <c r="C171" s="15">
        <v>2.5310000000000001</v>
      </c>
      <c r="D171" s="15">
        <v>2.407</v>
      </c>
    </row>
    <row r="172" spans="1:4" x14ac:dyDescent="0.3">
      <c r="A172" s="11">
        <v>45793.704861111109</v>
      </c>
      <c r="B172" s="15">
        <v>2.6520000000000001</v>
      </c>
      <c r="C172" s="15">
        <v>2.532</v>
      </c>
      <c r="D172" s="15">
        <v>2.4119999999999999</v>
      </c>
    </row>
    <row r="173" spans="1:4" x14ac:dyDescent="0.3">
      <c r="A173" s="11">
        <v>45793.708333333336</v>
      </c>
      <c r="B173" s="15">
        <v>2.6560000000000001</v>
      </c>
      <c r="C173" s="15">
        <v>2.5299999999999998</v>
      </c>
      <c r="D173" s="15">
        <v>2.4169999999999998</v>
      </c>
    </row>
    <row r="174" spans="1:4" x14ac:dyDescent="0.3">
      <c r="A174" s="11">
        <v>45793.711805555555</v>
      </c>
      <c r="B174" s="15">
        <v>2.6589999999999998</v>
      </c>
      <c r="C174" s="15">
        <v>2.5390000000000001</v>
      </c>
      <c r="D174" s="15">
        <v>2.4159999999999999</v>
      </c>
    </row>
    <row r="175" spans="1:4" x14ac:dyDescent="0.3">
      <c r="A175" s="11">
        <v>45793.715277777781</v>
      </c>
      <c r="B175" s="15">
        <v>2.6549999999999998</v>
      </c>
      <c r="C175" s="15">
        <v>2.528</v>
      </c>
      <c r="D175" s="15">
        <v>2.4079999999999999</v>
      </c>
    </row>
    <row r="176" spans="1:4" x14ac:dyDescent="0.3">
      <c r="A176" s="11">
        <v>45793.71875</v>
      </c>
      <c r="B176" s="15">
        <v>2.641</v>
      </c>
      <c r="C176" s="15">
        <v>2.5209999999999999</v>
      </c>
      <c r="D176" s="15">
        <v>2.403</v>
      </c>
    </row>
    <row r="177" spans="1:4" x14ac:dyDescent="0.3">
      <c r="A177" s="11">
        <v>45793.722222222219</v>
      </c>
      <c r="B177" s="15">
        <v>2.6419999999999999</v>
      </c>
      <c r="C177" s="15">
        <v>2.5219999999999998</v>
      </c>
      <c r="D177" s="15">
        <v>2.42</v>
      </c>
    </row>
    <row r="178" spans="1:4" x14ac:dyDescent="0.3">
      <c r="A178" s="11">
        <v>45793.725694444445</v>
      </c>
      <c r="B178" s="15">
        <v>2.657</v>
      </c>
      <c r="C178" s="15">
        <v>2.5390000000000001</v>
      </c>
      <c r="D178" s="15">
        <v>2.42</v>
      </c>
    </row>
    <row r="179" spans="1:4" x14ac:dyDescent="0.3">
      <c r="A179" s="11">
        <v>45793.729166666664</v>
      </c>
      <c r="B179" s="15">
        <v>2.6520000000000001</v>
      </c>
      <c r="C179" s="15">
        <v>2.5230000000000001</v>
      </c>
      <c r="D179" s="15">
        <v>2.42</v>
      </c>
    </row>
    <row r="180" spans="1:4" x14ac:dyDescent="0.3">
      <c r="A180" s="11">
        <v>45793.732638888891</v>
      </c>
      <c r="B180" s="15">
        <v>2.66</v>
      </c>
      <c r="C180" s="15">
        <v>2.54</v>
      </c>
      <c r="D180" s="15">
        <v>2.4220000000000002</v>
      </c>
    </row>
    <row r="181" spans="1:4" x14ac:dyDescent="0.3">
      <c r="A181" s="11">
        <v>45793.736111111109</v>
      </c>
      <c r="B181" s="15">
        <v>2.66</v>
      </c>
      <c r="C181" s="15">
        <v>2.5270000000000001</v>
      </c>
      <c r="D181" s="15">
        <v>2.4089999999999998</v>
      </c>
    </row>
    <row r="182" spans="1:4" x14ac:dyDescent="0.3">
      <c r="A182" s="11">
        <v>45793.739583333336</v>
      </c>
      <c r="B182" s="15">
        <v>2.6509999999999998</v>
      </c>
      <c r="C182" s="15">
        <v>2.5259999999999998</v>
      </c>
      <c r="D182" s="15">
        <v>2.4220000000000002</v>
      </c>
    </row>
    <row r="183" spans="1:4" x14ac:dyDescent="0.3">
      <c r="A183" s="11">
        <v>45793.743055555555</v>
      </c>
      <c r="B183" s="15">
        <v>2.645</v>
      </c>
      <c r="C183" s="15">
        <v>2.5259999999999998</v>
      </c>
      <c r="D183" s="15">
        <v>2.4239999999999999</v>
      </c>
    </row>
    <row r="184" spans="1:4" x14ac:dyDescent="0.3">
      <c r="A184" s="11">
        <v>45793.746527777781</v>
      </c>
      <c r="B184" s="15">
        <v>2.6459999999999999</v>
      </c>
      <c r="C184" s="15">
        <v>2.5270000000000001</v>
      </c>
      <c r="D184" s="15">
        <v>2.4260000000000002</v>
      </c>
    </row>
    <row r="185" spans="1:4" x14ac:dyDescent="0.3">
      <c r="A185" s="11">
        <v>45793.75</v>
      </c>
      <c r="B185" s="15">
        <v>2.645</v>
      </c>
      <c r="C185" s="15">
        <v>2.5259999999999998</v>
      </c>
      <c r="D185" s="15">
        <v>2.4220000000000002</v>
      </c>
    </row>
    <row r="186" spans="1:4" x14ac:dyDescent="0.3">
      <c r="A186" s="11">
        <v>45793.753472222219</v>
      </c>
      <c r="B186" s="15">
        <v>2.64</v>
      </c>
      <c r="C186" s="15">
        <v>2.5209999999999999</v>
      </c>
      <c r="D186" s="15">
        <v>2.4119999999999999</v>
      </c>
    </row>
    <row r="187" spans="1:4" x14ac:dyDescent="0.3">
      <c r="A187" s="11">
        <v>45793.756944444445</v>
      </c>
      <c r="B187" s="15">
        <v>2.64</v>
      </c>
      <c r="C187" s="15">
        <v>2.5209999999999999</v>
      </c>
      <c r="D187" s="15">
        <v>2.42</v>
      </c>
    </row>
    <row r="188" spans="1:4" x14ac:dyDescent="0.3">
      <c r="A188" s="11">
        <v>45793.760416666664</v>
      </c>
      <c r="B188" s="15">
        <v>2.6560000000000001</v>
      </c>
      <c r="C188" s="15">
        <v>2.5379999999999998</v>
      </c>
      <c r="D188" s="15">
        <v>2.419</v>
      </c>
    </row>
    <row r="189" spans="1:4" x14ac:dyDescent="0.3">
      <c r="A189" s="11">
        <v>45793.763888888891</v>
      </c>
      <c r="B189" s="15">
        <v>2.6469999999999998</v>
      </c>
      <c r="C189" s="15">
        <v>2.528</v>
      </c>
      <c r="D189" s="15">
        <v>2.41</v>
      </c>
    </row>
    <row r="190" spans="1:4" x14ac:dyDescent="0.3">
      <c r="A190" s="11">
        <v>45793.767361111109</v>
      </c>
      <c r="B190" s="15">
        <v>2.637</v>
      </c>
      <c r="C190" s="15">
        <v>2.5190000000000001</v>
      </c>
      <c r="D190" s="15">
        <v>2.4169999999999998</v>
      </c>
    </row>
    <row r="191" spans="1:4" x14ac:dyDescent="0.3">
      <c r="A191" s="11">
        <v>45793.770833333336</v>
      </c>
      <c r="B191" s="15">
        <v>2.6360000000000001</v>
      </c>
      <c r="C191" s="15">
        <v>2.5169999999999999</v>
      </c>
      <c r="D191" s="15">
        <v>2.4159999999999999</v>
      </c>
    </row>
    <row r="192" spans="1:4" x14ac:dyDescent="0.3">
      <c r="A192" s="11">
        <v>45793.774305555555</v>
      </c>
      <c r="B192" s="15">
        <v>2.64</v>
      </c>
      <c r="C192" s="15">
        <v>2.5209999999999999</v>
      </c>
      <c r="D192" s="15">
        <v>2.42</v>
      </c>
    </row>
    <row r="193" spans="1:4" x14ac:dyDescent="0.3">
      <c r="A193" s="11">
        <v>45793.777777777781</v>
      </c>
      <c r="B193" s="15">
        <v>2.66</v>
      </c>
      <c r="C193" s="15">
        <v>2.54</v>
      </c>
      <c r="D193" s="15">
        <v>2.4220000000000002</v>
      </c>
    </row>
    <row r="194" spans="1:4" x14ac:dyDescent="0.3">
      <c r="A194" s="11">
        <v>45793.78125</v>
      </c>
      <c r="B194" s="15">
        <v>2.6589999999999998</v>
      </c>
      <c r="C194" s="15">
        <v>2.5419999999999998</v>
      </c>
      <c r="D194" s="15">
        <v>2.423</v>
      </c>
    </row>
    <row r="195" spans="1:4" x14ac:dyDescent="0.3">
      <c r="A195" s="11">
        <v>45793.784722222219</v>
      </c>
      <c r="B195" s="15">
        <v>2.66</v>
      </c>
      <c r="C195" s="15">
        <v>2.5419999999999998</v>
      </c>
      <c r="D195" s="15">
        <v>2.423</v>
      </c>
    </row>
    <row r="196" spans="1:4" x14ac:dyDescent="0.3">
      <c r="A196" s="11">
        <v>45793.788194444445</v>
      </c>
      <c r="B196" s="15">
        <v>2.66</v>
      </c>
      <c r="C196" s="15">
        <v>2.54</v>
      </c>
      <c r="D196" s="15">
        <v>2.4209999999999998</v>
      </c>
    </row>
    <row r="197" spans="1:4" x14ac:dyDescent="0.3">
      <c r="A197" s="11">
        <v>45793.791666666664</v>
      </c>
      <c r="B197" s="15">
        <v>2.6429999999999998</v>
      </c>
      <c r="C197" s="15">
        <v>2.524</v>
      </c>
      <c r="D197" s="15">
        <v>2.4220000000000002</v>
      </c>
    </row>
    <row r="198" spans="1:4" x14ac:dyDescent="0.3">
      <c r="A198" s="11">
        <v>45793.795138888891</v>
      </c>
      <c r="B198" s="15">
        <v>2.6419999999999999</v>
      </c>
      <c r="C198" s="15">
        <v>2.524</v>
      </c>
      <c r="D198" s="15">
        <v>2.4220000000000002</v>
      </c>
    </row>
    <row r="199" spans="1:4" x14ac:dyDescent="0.3">
      <c r="A199" s="11">
        <v>45793.798611111109</v>
      </c>
      <c r="B199" s="15">
        <v>2.6429999999999998</v>
      </c>
      <c r="C199" s="15">
        <v>2.524</v>
      </c>
      <c r="D199" s="15">
        <v>2.423</v>
      </c>
    </row>
    <row r="200" spans="1:4" x14ac:dyDescent="0.3">
      <c r="A200" s="11">
        <v>45793.802083333336</v>
      </c>
      <c r="B200" s="15">
        <v>2.6589999999999998</v>
      </c>
      <c r="C200" s="15">
        <v>2.524</v>
      </c>
      <c r="D200" s="15">
        <v>2.42</v>
      </c>
    </row>
    <row r="201" spans="1:4" x14ac:dyDescent="0.3">
      <c r="A201" s="11">
        <v>45793.805555555555</v>
      </c>
      <c r="B201" s="15">
        <v>2.66</v>
      </c>
      <c r="C201" s="15">
        <v>2.54</v>
      </c>
      <c r="D201" s="15">
        <v>2.4220000000000002</v>
      </c>
    </row>
    <row r="202" spans="1:4" x14ac:dyDescent="0.3">
      <c r="A202" s="11">
        <v>45793.809027777781</v>
      </c>
      <c r="B202" s="15">
        <v>2.66</v>
      </c>
      <c r="C202" s="15">
        <v>2.5419999999999998</v>
      </c>
      <c r="D202" s="15">
        <v>2.423</v>
      </c>
    </row>
    <row r="203" spans="1:4" x14ac:dyDescent="0.3">
      <c r="A203" s="11">
        <v>45793.8125</v>
      </c>
      <c r="B203" s="15">
        <v>2.66</v>
      </c>
      <c r="C203" s="15">
        <v>2.5419999999999998</v>
      </c>
      <c r="D203" s="15">
        <v>2.423</v>
      </c>
    </row>
    <row r="204" spans="1:4" x14ac:dyDescent="0.3">
      <c r="A204" s="11">
        <v>45793.815972222219</v>
      </c>
      <c r="B204" s="15">
        <v>2.6589999999999998</v>
      </c>
      <c r="C204" s="15">
        <v>2.5409999999999999</v>
      </c>
      <c r="D204" s="15">
        <v>2.4220000000000002</v>
      </c>
    </row>
    <row r="205" spans="1:4" x14ac:dyDescent="0.3">
      <c r="A205" s="11">
        <v>45793.819444444445</v>
      </c>
      <c r="B205" s="15">
        <v>2.6589999999999998</v>
      </c>
      <c r="C205" s="15">
        <v>2.5409999999999999</v>
      </c>
      <c r="D205" s="15">
        <v>2.4220000000000002</v>
      </c>
    </row>
    <row r="206" spans="1:4" x14ac:dyDescent="0.3">
      <c r="A206" s="11">
        <v>45793.822916666664</v>
      </c>
      <c r="B206" s="15">
        <v>2.66</v>
      </c>
      <c r="C206" s="15">
        <v>2.5419999999999998</v>
      </c>
      <c r="D206" s="15">
        <v>2.423</v>
      </c>
    </row>
    <row r="207" spans="1:4" x14ac:dyDescent="0.3">
      <c r="A207" s="11">
        <v>45793.826388888891</v>
      </c>
      <c r="B207" s="15">
        <v>2.6419999999999999</v>
      </c>
      <c r="C207" s="15">
        <v>2.5230000000000001</v>
      </c>
      <c r="D207" s="15">
        <v>2.4220000000000002</v>
      </c>
    </row>
    <row r="208" spans="1:4" x14ac:dyDescent="0.3">
      <c r="A208" s="11">
        <v>45793.829861111109</v>
      </c>
      <c r="B208" s="15">
        <v>2.6589999999999998</v>
      </c>
      <c r="C208" s="15"/>
      <c r="D208" s="15">
        <v>2.4220000000000002</v>
      </c>
    </row>
    <row r="209" spans="1:4" x14ac:dyDescent="0.3">
      <c r="A209" s="11">
        <v>45793.833333333336</v>
      </c>
      <c r="B209" s="15">
        <v>2.6579999999999999</v>
      </c>
      <c r="C209" s="15">
        <v>2.54</v>
      </c>
      <c r="D209" s="15">
        <v>2.4209999999999998</v>
      </c>
    </row>
    <row r="210" spans="1:4" x14ac:dyDescent="0.3">
      <c r="A210" s="11">
        <v>45793.840277777781</v>
      </c>
      <c r="B210" s="15">
        <v>2.6419999999999999</v>
      </c>
      <c r="C210" s="15">
        <v>2.5230000000000001</v>
      </c>
      <c r="D210" s="15">
        <v>2.4</v>
      </c>
    </row>
    <row r="211" spans="1:4" x14ac:dyDescent="0.3">
      <c r="A211" s="11">
        <v>45793.84375</v>
      </c>
      <c r="B211" s="15">
        <v>2.6429999999999998</v>
      </c>
      <c r="C211" s="15">
        <v>2.524</v>
      </c>
      <c r="D211" s="15">
        <v>2.4</v>
      </c>
    </row>
    <row r="212" spans="1:4" x14ac:dyDescent="0.3">
      <c r="A212" s="11">
        <v>45793.847222222219</v>
      </c>
      <c r="B212" s="15">
        <v>2.6429999999999998</v>
      </c>
      <c r="C212" s="15">
        <v>2.524</v>
      </c>
      <c r="D212" s="15">
        <v>2.4</v>
      </c>
    </row>
    <row r="213" spans="1:4" x14ac:dyDescent="0.3">
      <c r="A213" s="11">
        <v>45793.850694444445</v>
      </c>
      <c r="B213" s="15">
        <v>2.6419999999999999</v>
      </c>
      <c r="C213" s="15">
        <v>2.524</v>
      </c>
      <c r="D213" s="15">
        <v>2.4</v>
      </c>
    </row>
    <row r="214" spans="1:4" x14ac:dyDescent="0.3">
      <c r="A214" s="11">
        <v>45793.854166666664</v>
      </c>
      <c r="B214" s="15">
        <v>2.6419999999999999</v>
      </c>
      <c r="C214" s="15">
        <v>2.5230000000000001</v>
      </c>
      <c r="D214" s="15">
        <v>2.4</v>
      </c>
    </row>
    <row r="215" spans="1:4" x14ac:dyDescent="0.3">
      <c r="A215" s="11">
        <v>45793.861111111109</v>
      </c>
      <c r="B215" s="15">
        <v>2.641</v>
      </c>
      <c r="C215" s="15">
        <v>2.5219999999999998</v>
      </c>
      <c r="D215" s="15">
        <v>2.4</v>
      </c>
    </row>
    <row r="216" spans="1:4" x14ac:dyDescent="0.3">
      <c r="A216" s="11">
        <v>45793.864583333336</v>
      </c>
      <c r="B216" s="15">
        <v>2.64</v>
      </c>
      <c r="C216" s="15">
        <v>2.5209999999999999</v>
      </c>
      <c r="D216" s="15">
        <v>2.4</v>
      </c>
    </row>
    <row r="217" spans="1:4" x14ac:dyDescent="0.3">
      <c r="A217" s="11">
        <v>45793.868055555555</v>
      </c>
      <c r="B217" s="15">
        <v>2.64</v>
      </c>
      <c r="C217" s="15">
        <v>2.5209999999999999</v>
      </c>
      <c r="D217" s="15">
        <v>2.4</v>
      </c>
    </row>
    <row r="218" spans="1:4" x14ac:dyDescent="0.3">
      <c r="A218" s="11">
        <v>45793.871527777781</v>
      </c>
      <c r="B218" s="15">
        <v>2.6429999999999998</v>
      </c>
      <c r="C218" s="15">
        <v>2.524</v>
      </c>
      <c r="D218" s="15">
        <v>2.4</v>
      </c>
    </row>
    <row r="219" spans="1:4" x14ac:dyDescent="0.3">
      <c r="A219" s="11">
        <v>45793.875</v>
      </c>
      <c r="B219" s="15">
        <v>2.6440000000000001</v>
      </c>
      <c r="C219" s="15">
        <v>2.5249999999999999</v>
      </c>
      <c r="D219" s="15">
        <v>2.4</v>
      </c>
    </row>
    <row r="220" spans="1:4" x14ac:dyDescent="0.3">
      <c r="A220" s="11">
        <v>45793.878472222219</v>
      </c>
      <c r="B220" s="15">
        <v>2.6419999999999999</v>
      </c>
      <c r="C220" s="15">
        <v>2.5230000000000001</v>
      </c>
      <c r="D220" s="15">
        <v>2.4</v>
      </c>
    </row>
    <row r="221" spans="1:4" x14ac:dyDescent="0.3">
      <c r="A221" s="11">
        <v>45793.888888888891</v>
      </c>
      <c r="B221" s="15">
        <v>2.6429999999999998</v>
      </c>
      <c r="C221" s="15">
        <v>2.524</v>
      </c>
      <c r="D221" s="15">
        <v>2.4</v>
      </c>
    </row>
    <row r="222" spans="1:4" x14ac:dyDescent="0.3">
      <c r="A222" s="11">
        <v>45793.892361111109</v>
      </c>
      <c r="B222" s="15">
        <v>2.6459999999999999</v>
      </c>
      <c r="C222" s="15">
        <v>2.5270000000000001</v>
      </c>
      <c r="D222" s="15">
        <v>2.4</v>
      </c>
    </row>
    <row r="223" spans="1:4" x14ac:dyDescent="0.3">
      <c r="A223" s="11">
        <v>45793.895833333336</v>
      </c>
      <c r="B223" s="15">
        <v>2.645</v>
      </c>
      <c r="C223" s="15">
        <v>2.5259999999999998</v>
      </c>
      <c r="D223" s="15">
        <v>2.4</v>
      </c>
    </row>
    <row r="224" spans="1:4" x14ac:dyDescent="0.3">
      <c r="A224" s="11">
        <v>45793.899305555555</v>
      </c>
      <c r="B224" s="15">
        <v>2.6459999999999999</v>
      </c>
      <c r="C224" s="15">
        <v>2.5270000000000001</v>
      </c>
      <c r="D224" s="15">
        <v>2.4</v>
      </c>
    </row>
    <row r="225" spans="1:4" x14ac:dyDescent="0.3">
      <c r="A225" s="11">
        <v>45793.902777777781</v>
      </c>
      <c r="B225" s="15">
        <v>2.6469999999999998</v>
      </c>
      <c r="C225" s="15">
        <v>2.528</v>
      </c>
      <c r="D225" s="15">
        <v>2.4</v>
      </c>
    </row>
    <row r="226" spans="1:4" x14ac:dyDescent="0.3">
      <c r="A226" s="11">
        <v>45793.90625</v>
      </c>
      <c r="B226" s="15">
        <v>2.65</v>
      </c>
      <c r="C226" s="15">
        <v>2.5310000000000001</v>
      </c>
      <c r="D226" s="15">
        <v>2.4</v>
      </c>
    </row>
    <row r="227" spans="1:4" x14ac:dyDescent="0.3">
      <c r="A227" s="11">
        <v>45793.909722222219</v>
      </c>
      <c r="B227" s="15">
        <v>2.6509999999999998</v>
      </c>
      <c r="C227" s="15">
        <v>2.532</v>
      </c>
      <c r="D227" s="15">
        <v>2.4</v>
      </c>
    </row>
    <row r="228" spans="1:4" x14ac:dyDescent="0.3">
      <c r="A228" s="11">
        <v>45793.913194444445</v>
      </c>
      <c r="B228" s="15">
        <v>2.6520000000000001</v>
      </c>
      <c r="C228" s="15">
        <v>2.5329999999999999</v>
      </c>
      <c r="D228" s="15">
        <v>2.4</v>
      </c>
    </row>
    <row r="229" spans="1:4" x14ac:dyDescent="0.3">
      <c r="A229" s="11">
        <v>45793.916666666664</v>
      </c>
      <c r="B229" s="15">
        <v>2.6549999999999998</v>
      </c>
      <c r="C229" s="15">
        <v>2.5369999999999999</v>
      </c>
      <c r="D229" s="15">
        <v>2.4</v>
      </c>
    </row>
    <row r="230" spans="1:4" x14ac:dyDescent="0.3">
      <c r="A230" s="11">
        <v>45793.920138888891</v>
      </c>
      <c r="B230" s="15">
        <v>2.6560000000000001</v>
      </c>
      <c r="C230" s="15">
        <v>2.5369999999999999</v>
      </c>
      <c r="D230" s="15">
        <v>2.4</v>
      </c>
    </row>
    <row r="231" spans="1:4" x14ac:dyDescent="0.3">
      <c r="A231" s="11">
        <v>45796.006944444445</v>
      </c>
      <c r="B231" s="15">
        <v>2.6560000000000001</v>
      </c>
      <c r="C231" s="15"/>
      <c r="D231" s="15">
        <v>2.4</v>
      </c>
    </row>
    <row r="232" spans="1:4" x14ac:dyDescent="0.3">
      <c r="A232" s="11">
        <v>45796.024305555555</v>
      </c>
      <c r="B232" s="15">
        <v>2.6560000000000001</v>
      </c>
      <c r="C232" s="15"/>
      <c r="D232" s="15">
        <v>2.4</v>
      </c>
    </row>
    <row r="233" spans="1:4" x14ac:dyDescent="0.3">
      <c r="A233" s="11">
        <v>45796.097222222219</v>
      </c>
      <c r="B233" s="15">
        <v>2.6560000000000001</v>
      </c>
      <c r="C233" s="15">
        <v>2.5369999999999999</v>
      </c>
      <c r="D233" s="15">
        <v>2.4</v>
      </c>
    </row>
    <row r="234" spans="1:4" x14ac:dyDescent="0.3">
      <c r="A234" s="11">
        <v>45796.100694444445</v>
      </c>
      <c r="B234" s="15">
        <v>2.653</v>
      </c>
      <c r="C234" s="15">
        <v>2.5339999999999998</v>
      </c>
      <c r="D234" s="15">
        <v>2.4</v>
      </c>
    </row>
    <row r="235" spans="1:4" x14ac:dyDescent="0.3">
      <c r="A235" s="11">
        <v>45796.104166666664</v>
      </c>
      <c r="B235" s="15">
        <v>2.6549999999999998</v>
      </c>
      <c r="C235" s="15">
        <v>2.536</v>
      </c>
      <c r="D235" s="15">
        <v>2.4</v>
      </c>
    </row>
    <row r="236" spans="1:4" x14ac:dyDescent="0.3">
      <c r="A236" s="11">
        <v>45796.107638888891</v>
      </c>
      <c r="B236" s="15">
        <v>2.6549999999999998</v>
      </c>
      <c r="C236" s="15">
        <v>2.536</v>
      </c>
      <c r="D236" s="15">
        <v>2.4</v>
      </c>
    </row>
    <row r="237" spans="1:4" x14ac:dyDescent="0.3">
      <c r="A237" s="11">
        <v>45796.111111111109</v>
      </c>
      <c r="B237" s="15">
        <v>2.6549999999999998</v>
      </c>
      <c r="C237" s="15">
        <v>2.536</v>
      </c>
      <c r="D237" s="15">
        <v>2.4</v>
      </c>
    </row>
    <row r="238" spans="1:4" x14ac:dyDescent="0.3">
      <c r="A238" s="11">
        <v>45796.114583333336</v>
      </c>
      <c r="B238" s="15">
        <v>2.6560000000000001</v>
      </c>
      <c r="C238" s="15">
        <v>2.5369999999999999</v>
      </c>
      <c r="D238" s="15">
        <v>2.4</v>
      </c>
    </row>
    <row r="239" spans="1:4" x14ac:dyDescent="0.3">
      <c r="A239" s="11">
        <v>45796.118055555555</v>
      </c>
      <c r="B239" s="15">
        <v>2.657</v>
      </c>
      <c r="C239" s="15">
        <v>2.5379999999999998</v>
      </c>
      <c r="D239" s="15">
        <v>2.4</v>
      </c>
    </row>
    <row r="240" spans="1:4" x14ac:dyDescent="0.3">
      <c r="A240" s="11">
        <v>45796.121527777781</v>
      </c>
      <c r="B240" s="15">
        <v>2.657</v>
      </c>
      <c r="C240" s="15">
        <v>2.5379999999999998</v>
      </c>
      <c r="D240" s="15">
        <v>2.4</v>
      </c>
    </row>
    <row r="241" spans="1:4" x14ac:dyDescent="0.3">
      <c r="A241" s="11">
        <v>45796.125</v>
      </c>
      <c r="B241" s="15">
        <v>2.6579999999999999</v>
      </c>
      <c r="C241" s="15">
        <v>2.5390000000000001</v>
      </c>
      <c r="D241" s="15">
        <v>2.4</v>
      </c>
    </row>
    <row r="242" spans="1:4" x14ac:dyDescent="0.3">
      <c r="A242" s="11">
        <v>45796.128472222219</v>
      </c>
      <c r="B242" s="15">
        <v>2.6560000000000001</v>
      </c>
      <c r="C242" s="15">
        <v>2.5369999999999999</v>
      </c>
      <c r="D242" s="15">
        <v>2.4</v>
      </c>
    </row>
    <row r="243" spans="1:4" x14ac:dyDescent="0.3">
      <c r="A243" s="11">
        <v>45796.131944444445</v>
      </c>
      <c r="B243" s="15">
        <v>2.6549999999999998</v>
      </c>
      <c r="C243" s="15">
        <v>2.536</v>
      </c>
      <c r="D243" s="15">
        <v>2.4</v>
      </c>
    </row>
    <row r="244" spans="1:4" x14ac:dyDescent="0.3">
      <c r="A244" s="11">
        <v>45796.135416666664</v>
      </c>
      <c r="B244" s="15">
        <v>2.657</v>
      </c>
      <c r="C244" s="15">
        <v>2.5379999999999998</v>
      </c>
      <c r="D244" s="15">
        <v>2.4</v>
      </c>
    </row>
    <row r="245" spans="1:4" x14ac:dyDescent="0.3">
      <c r="A245" s="11">
        <v>45796.138888888891</v>
      </c>
      <c r="B245" s="15">
        <v>2.657</v>
      </c>
      <c r="C245" s="15">
        <v>2.5379999999999998</v>
      </c>
      <c r="D245" s="15">
        <v>2.4</v>
      </c>
    </row>
    <row r="246" spans="1:4" x14ac:dyDescent="0.3">
      <c r="A246" s="11">
        <v>45796.142361111109</v>
      </c>
      <c r="B246" s="15">
        <v>2.6549999999999998</v>
      </c>
      <c r="C246" s="15">
        <v>2.536</v>
      </c>
      <c r="D246" s="15">
        <v>2.4</v>
      </c>
    </row>
    <row r="247" spans="1:4" x14ac:dyDescent="0.3">
      <c r="A247" s="11">
        <v>45796.145833333336</v>
      </c>
      <c r="B247" s="15">
        <v>2.653</v>
      </c>
      <c r="C247" s="15">
        <v>2.5339999999999998</v>
      </c>
      <c r="D247" s="15">
        <v>2.4</v>
      </c>
    </row>
    <row r="248" spans="1:4" x14ac:dyDescent="0.3">
      <c r="A248" s="11">
        <v>45796.149305555555</v>
      </c>
      <c r="B248" s="15">
        <v>2.653</v>
      </c>
      <c r="C248" s="15">
        <v>2.5339999999999998</v>
      </c>
      <c r="D248" s="15">
        <v>2.4</v>
      </c>
    </row>
    <row r="249" spans="1:4" x14ac:dyDescent="0.3">
      <c r="A249" s="11">
        <v>45796.152777777781</v>
      </c>
      <c r="B249" s="15">
        <v>2.653</v>
      </c>
      <c r="C249" s="15">
        <v>2.5339999999999998</v>
      </c>
      <c r="D249" s="15">
        <v>2.4</v>
      </c>
    </row>
    <row r="250" spans="1:4" x14ac:dyDescent="0.3">
      <c r="A250" s="11">
        <v>45796.15625</v>
      </c>
      <c r="B250" s="15">
        <v>2.649</v>
      </c>
      <c r="C250" s="15">
        <v>2.5299999999999998</v>
      </c>
      <c r="D250" s="15">
        <v>2.4</v>
      </c>
    </row>
    <row r="251" spans="1:4" x14ac:dyDescent="0.3">
      <c r="A251" s="11">
        <v>45796.159722222219</v>
      </c>
      <c r="B251" s="15">
        <v>2.6539999999999999</v>
      </c>
      <c r="C251" s="15">
        <v>2.5350000000000001</v>
      </c>
      <c r="D251" s="15">
        <v>2.4</v>
      </c>
    </row>
    <row r="252" spans="1:4" x14ac:dyDescent="0.3">
      <c r="A252" s="11">
        <v>45796.163194444445</v>
      </c>
      <c r="B252" s="15">
        <v>2.6549999999999998</v>
      </c>
      <c r="C252" s="15">
        <v>2.536</v>
      </c>
      <c r="D252" s="15">
        <v>2.4</v>
      </c>
    </row>
    <row r="253" spans="1:4" x14ac:dyDescent="0.3">
      <c r="A253" s="11">
        <v>45796.166666666664</v>
      </c>
      <c r="B253" s="15">
        <v>2.6549999999999998</v>
      </c>
      <c r="C253" s="15">
        <v>2.536</v>
      </c>
      <c r="D253" s="15">
        <v>2.4</v>
      </c>
    </row>
    <row r="254" spans="1:4" x14ac:dyDescent="0.3">
      <c r="A254" s="11">
        <v>45796.170138888891</v>
      </c>
      <c r="B254" s="15">
        <v>2.6560000000000001</v>
      </c>
      <c r="C254" s="15">
        <v>2.5369999999999999</v>
      </c>
      <c r="D254" s="15">
        <v>2.4</v>
      </c>
    </row>
    <row r="255" spans="1:4" x14ac:dyDescent="0.3">
      <c r="A255" s="11">
        <v>45796.173611111109</v>
      </c>
      <c r="B255" s="15">
        <v>2.657</v>
      </c>
      <c r="C255" s="15">
        <v>2.5379999999999998</v>
      </c>
      <c r="D255" s="15">
        <v>2.4</v>
      </c>
    </row>
    <row r="256" spans="1:4" x14ac:dyDescent="0.3">
      <c r="A256" s="11">
        <v>45796.177083333336</v>
      </c>
      <c r="B256" s="15">
        <v>2.6539999999999999</v>
      </c>
      <c r="C256" s="15">
        <v>2.5350000000000001</v>
      </c>
      <c r="D256" s="15">
        <v>2.4</v>
      </c>
    </row>
    <row r="257" spans="1:4" x14ac:dyDescent="0.3">
      <c r="A257" s="11">
        <v>45796.180555555555</v>
      </c>
      <c r="B257" s="15">
        <v>2.6509999999999998</v>
      </c>
      <c r="C257" s="15">
        <v>2.532</v>
      </c>
      <c r="D257" s="15">
        <v>2.4</v>
      </c>
    </row>
    <row r="258" spans="1:4" x14ac:dyDescent="0.3">
      <c r="A258" s="11">
        <v>45796.184027777781</v>
      </c>
      <c r="B258" s="15">
        <v>2.6480000000000001</v>
      </c>
      <c r="C258" s="15">
        <v>2.5289999999999999</v>
      </c>
      <c r="D258" s="15">
        <v>2.4</v>
      </c>
    </row>
    <row r="259" spans="1:4" x14ac:dyDescent="0.3">
      <c r="A259" s="11">
        <v>45796.1875</v>
      </c>
      <c r="B259" s="15">
        <v>2.6469999999999998</v>
      </c>
      <c r="C259" s="15">
        <v>2.528</v>
      </c>
      <c r="D259" s="15">
        <v>2.4</v>
      </c>
    </row>
    <row r="260" spans="1:4" x14ac:dyDescent="0.3">
      <c r="A260" s="11">
        <v>45796.190972222219</v>
      </c>
      <c r="B260" s="15">
        <v>2.649</v>
      </c>
      <c r="C260" s="15">
        <v>2.5299999999999998</v>
      </c>
      <c r="D260" s="15">
        <v>2.4</v>
      </c>
    </row>
    <row r="261" spans="1:4" x14ac:dyDescent="0.3">
      <c r="A261" s="11">
        <v>45796.194444444445</v>
      </c>
      <c r="B261" s="15">
        <v>2.645</v>
      </c>
      <c r="C261" s="15">
        <v>2.5259999999999998</v>
      </c>
      <c r="D261" s="15">
        <v>2.4</v>
      </c>
    </row>
    <row r="262" spans="1:4" x14ac:dyDescent="0.3">
      <c r="A262" s="11">
        <v>45796.197916666664</v>
      </c>
      <c r="B262" s="15">
        <v>2.65</v>
      </c>
      <c r="C262" s="15">
        <v>2.5310000000000001</v>
      </c>
      <c r="D262" s="15">
        <v>2.4</v>
      </c>
    </row>
    <row r="263" spans="1:4" x14ac:dyDescent="0.3">
      <c r="A263" s="11">
        <v>45796.201388888891</v>
      </c>
      <c r="B263" s="15">
        <v>2.6520000000000001</v>
      </c>
      <c r="C263" s="15">
        <v>2.5329999999999999</v>
      </c>
      <c r="D263" s="15">
        <v>2.4</v>
      </c>
    </row>
    <row r="264" spans="1:4" x14ac:dyDescent="0.3">
      <c r="A264" s="11">
        <v>45796.204861111109</v>
      </c>
      <c r="B264" s="15">
        <v>2.653</v>
      </c>
      <c r="C264" s="15">
        <v>2.5339999999999998</v>
      </c>
      <c r="D264" s="15">
        <v>2.4</v>
      </c>
    </row>
    <row r="265" spans="1:4" x14ac:dyDescent="0.3">
      <c r="A265" s="11">
        <v>45796.208333333336</v>
      </c>
      <c r="B265" s="15">
        <v>2.6539999999999999</v>
      </c>
      <c r="C265" s="15">
        <v>2.5350000000000001</v>
      </c>
      <c r="D265" s="15">
        <v>2.4</v>
      </c>
    </row>
    <row r="266" spans="1:4" x14ac:dyDescent="0.3">
      <c r="A266" s="11">
        <v>45796.211805555555</v>
      </c>
      <c r="B266" s="15">
        <v>2.6549999999999998</v>
      </c>
      <c r="C266" s="15">
        <v>2.536</v>
      </c>
      <c r="D266" s="15">
        <v>2.4</v>
      </c>
    </row>
    <row r="267" spans="1:4" x14ac:dyDescent="0.3">
      <c r="A267" s="11">
        <v>45796.215277777781</v>
      </c>
      <c r="B267" s="15">
        <v>2.6539999999999999</v>
      </c>
      <c r="C267" s="15">
        <v>2.5350000000000001</v>
      </c>
      <c r="D267" s="15">
        <v>2.4</v>
      </c>
    </row>
    <row r="268" spans="1:4" x14ac:dyDescent="0.3">
      <c r="A268" s="11">
        <v>45796.21875</v>
      </c>
      <c r="B268" s="15">
        <v>2.6560000000000001</v>
      </c>
      <c r="C268" s="15">
        <v>2.5369999999999999</v>
      </c>
      <c r="D268" s="15">
        <v>2.4</v>
      </c>
    </row>
    <row r="269" spans="1:4" x14ac:dyDescent="0.3">
      <c r="A269" s="11">
        <v>45796.222222222219</v>
      </c>
      <c r="B269" s="15">
        <v>2.6579999999999999</v>
      </c>
      <c r="C269" s="15">
        <v>2.5390000000000001</v>
      </c>
      <c r="D269" s="15">
        <v>2.4</v>
      </c>
    </row>
    <row r="270" spans="1:4" x14ac:dyDescent="0.3">
      <c r="A270" s="11">
        <v>45796.225694444445</v>
      </c>
      <c r="B270" s="15">
        <v>2.6579999999999999</v>
      </c>
      <c r="C270" s="15">
        <v>2.5390000000000001</v>
      </c>
      <c r="D270" s="15">
        <v>2.4</v>
      </c>
    </row>
    <row r="271" spans="1:4" x14ac:dyDescent="0.3">
      <c r="A271" s="11">
        <v>45796.229166666664</v>
      </c>
      <c r="B271" s="15">
        <v>2.6589999999999998</v>
      </c>
      <c r="C271" s="15">
        <v>2.54</v>
      </c>
      <c r="D271" s="15">
        <v>2.4</v>
      </c>
    </row>
    <row r="272" spans="1:4" x14ac:dyDescent="0.3">
      <c r="A272" s="11">
        <v>45796.232638888891</v>
      </c>
      <c r="B272" s="15">
        <v>2.66</v>
      </c>
      <c r="C272" s="15">
        <v>2.5409999999999999</v>
      </c>
      <c r="D272" s="15">
        <v>2.4</v>
      </c>
    </row>
    <row r="273" spans="1:4" x14ac:dyDescent="0.3">
      <c r="A273" s="11">
        <v>45796.236111111109</v>
      </c>
      <c r="B273" s="15">
        <v>2.66</v>
      </c>
      <c r="C273" s="15">
        <v>2.5409999999999999</v>
      </c>
      <c r="D273" s="15">
        <v>2.4</v>
      </c>
    </row>
    <row r="274" spans="1:4" x14ac:dyDescent="0.3">
      <c r="A274" s="11">
        <v>45796.239583333336</v>
      </c>
      <c r="B274" s="15">
        <v>2.6629999999999998</v>
      </c>
      <c r="C274" s="15">
        <v>2.544</v>
      </c>
      <c r="D274" s="15">
        <v>2.4</v>
      </c>
    </row>
    <row r="275" spans="1:4" x14ac:dyDescent="0.3">
      <c r="A275" s="11">
        <v>45796.243055555555</v>
      </c>
      <c r="B275" s="15">
        <v>2.6629999999999998</v>
      </c>
      <c r="C275" s="15">
        <v>2.544</v>
      </c>
      <c r="D275" s="15">
        <v>2.4</v>
      </c>
    </row>
    <row r="276" spans="1:4" x14ac:dyDescent="0.3">
      <c r="A276" s="11">
        <v>45796.246527777781</v>
      </c>
      <c r="B276" s="15">
        <v>2.6640000000000001</v>
      </c>
      <c r="C276" s="15">
        <v>2.5449999999999999</v>
      </c>
      <c r="D276" s="15">
        <v>2.4</v>
      </c>
    </row>
    <row r="277" spans="1:4" x14ac:dyDescent="0.3">
      <c r="A277" s="11">
        <v>45796.25</v>
      </c>
      <c r="B277" s="15">
        <v>2.6619999999999999</v>
      </c>
      <c r="C277" s="15">
        <v>2.5430000000000001</v>
      </c>
      <c r="D277" s="15">
        <v>2.4</v>
      </c>
    </row>
    <row r="278" spans="1:4" x14ac:dyDescent="0.3">
      <c r="A278" s="11">
        <v>45796.253472222219</v>
      </c>
      <c r="B278" s="15">
        <v>2.6640000000000001</v>
      </c>
      <c r="C278" s="15">
        <v>2.5449999999999999</v>
      </c>
      <c r="D278" s="15">
        <v>2.4</v>
      </c>
    </row>
    <row r="279" spans="1:4" x14ac:dyDescent="0.3">
      <c r="A279" s="11">
        <v>45796.256944444445</v>
      </c>
      <c r="B279" s="15">
        <v>2.6629999999999998</v>
      </c>
      <c r="C279" s="15">
        <v>2.544</v>
      </c>
      <c r="D279" s="15">
        <v>2.42</v>
      </c>
    </row>
    <row r="280" spans="1:4" x14ac:dyDescent="0.3">
      <c r="A280" s="11">
        <v>45796.260416666664</v>
      </c>
      <c r="B280" s="15">
        <v>2.66</v>
      </c>
      <c r="C280" s="15">
        <v>2.5409999999999999</v>
      </c>
      <c r="D280" s="15">
        <v>2.42</v>
      </c>
    </row>
    <row r="281" spans="1:4" x14ac:dyDescent="0.3">
      <c r="A281" s="11">
        <v>45796.263888888891</v>
      </c>
      <c r="B281" s="15">
        <v>2.66</v>
      </c>
      <c r="C281" s="15">
        <v>2.5409999999999999</v>
      </c>
      <c r="D281" s="15">
        <v>2.42</v>
      </c>
    </row>
    <row r="282" spans="1:4" x14ac:dyDescent="0.3">
      <c r="A282" s="11">
        <v>45796.267361111109</v>
      </c>
      <c r="B282" s="15">
        <v>2.66</v>
      </c>
      <c r="C282" s="15">
        <v>2.5409999999999999</v>
      </c>
      <c r="D282" s="15">
        <v>2.42</v>
      </c>
    </row>
    <row r="283" spans="1:4" x14ac:dyDescent="0.3">
      <c r="A283" s="11">
        <v>45796.270833333336</v>
      </c>
      <c r="B283" s="15">
        <v>2.6619999999999999</v>
      </c>
      <c r="C283" s="15">
        <v>2.5430000000000001</v>
      </c>
      <c r="D283" s="15">
        <v>2.42</v>
      </c>
    </row>
    <row r="284" spans="1:4" x14ac:dyDescent="0.3">
      <c r="A284" s="11">
        <v>45796.274305555555</v>
      </c>
      <c r="B284" s="15">
        <v>2.6629999999999998</v>
      </c>
      <c r="C284" s="15">
        <v>2.544</v>
      </c>
      <c r="D284" s="15">
        <v>2.42</v>
      </c>
    </row>
    <row r="285" spans="1:4" x14ac:dyDescent="0.3">
      <c r="A285" s="11">
        <v>45796.277777777781</v>
      </c>
      <c r="B285" s="15">
        <v>2.6629999999999998</v>
      </c>
      <c r="C285" s="15">
        <v>2.5449999999999999</v>
      </c>
      <c r="D285" s="15">
        <v>2.42</v>
      </c>
    </row>
    <row r="286" spans="1:4" x14ac:dyDescent="0.3">
      <c r="A286" s="11">
        <v>45796.28125</v>
      </c>
      <c r="B286" s="15">
        <v>2.665</v>
      </c>
      <c r="C286" s="15">
        <v>2.5459999999999998</v>
      </c>
      <c r="D286" s="15">
        <v>2.42</v>
      </c>
    </row>
    <row r="287" spans="1:4" x14ac:dyDescent="0.3">
      <c r="A287" s="11">
        <v>45796.284722222219</v>
      </c>
      <c r="B287" s="15">
        <v>2.669</v>
      </c>
      <c r="C287" s="15">
        <v>2.5499999999999998</v>
      </c>
      <c r="D287" s="15">
        <v>2.42</v>
      </c>
    </row>
    <row r="288" spans="1:4" x14ac:dyDescent="0.3">
      <c r="A288" s="11">
        <v>45796.288194444445</v>
      </c>
      <c r="B288" s="15">
        <v>2.669</v>
      </c>
      <c r="C288" s="15">
        <v>2.5499999999999998</v>
      </c>
      <c r="D288" s="15">
        <v>2.42</v>
      </c>
    </row>
    <row r="289" spans="1:4" x14ac:dyDescent="0.3">
      <c r="A289" s="11">
        <v>45796.291666666664</v>
      </c>
      <c r="B289" s="15">
        <v>2.6669999999999998</v>
      </c>
      <c r="C289" s="15">
        <v>2.548</v>
      </c>
      <c r="D289" s="15">
        <v>2.42</v>
      </c>
    </row>
    <row r="290" spans="1:4" x14ac:dyDescent="0.3">
      <c r="A290" s="11">
        <v>45796.295138888891</v>
      </c>
      <c r="B290" s="15">
        <v>2.665</v>
      </c>
      <c r="C290" s="15">
        <v>2.5459999999999998</v>
      </c>
      <c r="D290" s="15">
        <v>2.42</v>
      </c>
    </row>
    <row r="291" spans="1:4" x14ac:dyDescent="0.3">
      <c r="A291" s="11">
        <v>45796.298611111109</v>
      </c>
      <c r="B291" s="15">
        <v>2.665</v>
      </c>
      <c r="C291" s="15">
        <v>2.5459999999999998</v>
      </c>
      <c r="D291" s="15">
        <v>2.42</v>
      </c>
    </row>
    <row r="292" spans="1:4" x14ac:dyDescent="0.3">
      <c r="A292" s="11">
        <v>45796.302083333336</v>
      </c>
      <c r="B292" s="15">
        <v>2.6619999999999999</v>
      </c>
      <c r="C292" s="15">
        <v>2.5430000000000001</v>
      </c>
      <c r="D292" s="15">
        <v>2.42</v>
      </c>
    </row>
    <row r="293" spans="1:4" x14ac:dyDescent="0.3">
      <c r="A293" s="11">
        <v>45796.305555555555</v>
      </c>
      <c r="B293" s="15">
        <v>2.6619999999999999</v>
      </c>
      <c r="C293" s="15">
        <v>2.5430000000000001</v>
      </c>
      <c r="D293" s="15">
        <v>2.42</v>
      </c>
    </row>
    <row r="294" spans="1:4" x14ac:dyDescent="0.3">
      <c r="A294" s="11">
        <v>45796.309027777781</v>
      </c>
      <c r="B294" s="15">
        <v>2.6619999999999999</v>
      </c>
      <c r="C294" s="15">
        <v>2.5430000000000001</v>
      </c>
      <c r="D294" s="15">
        <v>2.42</v>
      </c>
    </row>
    <row r="295" spans="1:4" x14ac:dyDescent="0.3">
      <c r="A295" s="11">
        <v>45796.3125</v>
      </c>
      <c r="B295" s="15">
        <v>2.6619999999999999</v>
      </c>
      <c r="C295" s="15">
        <v>2.5430000000000001</v>
      </c>
      <c r="D295" s="15">
        <v>2.42</v>
      </c>
    </row>
    <row r="296" spans="1:4" x14ac:dyDescent="0.3">
      <c r="A296" s="11">
        <v>45796.315972222219</v>
      </c>
      <c r="B296" s="15">
        <v>2.66</v>
      </c>
      <c r="C296" s="15">
        <v>2.5409999999999999</v>
      </c>
      <c r="D296" s="15">
        <v>2.42</v>
      </c>
    </row>
    <row r="297" spans="1:4" x14ac:dyDescent="0.3">
      <c r="A297" s="11">
        <v>45796.319444444445</v>
      </c>
      <c r="B297" s="15">
        <v>2.6549999999999998</v>
      </c>
      <c r="C297" s="15">
        <v>2.536</v>
      </c>
      <c r="D297" s="15">
        <v>2.42</v>
      </c>
    </row>
    <row r="298" spans="1:4" x14ac:dyDescent="0.3">
      <c r="A298" s="11">
        <v>45796.322916666664</v>
      </c>
      <c r="B298" s="15">
        <v>2.6560000000000001</v>
      </c>
      <c r="C298" s="15">
        <v>2.5369999999999999</v>
      </c>
      <c r="D298" s="15">
        <v>2.42</v>
      </c>
    </row>
    <row r="299" spans="1:4" x14ac:dyDescent="0.3">
      <c r="A299" s="11">
        <v>45796.326388888891</v>
      </c>
      <c r="B299" s="15">
        <v>2.6560000000000001</v>
      </c>
      <c r="C299" s="15">
        <v>2.5369999999999999</v>
      </c>
      <c r="D299" s="15">
        <v>2.42</v>
      </c>
    </row>
    <row r="300" spans="1:4" x14ac:dyDescent="0.3">
      <c r="A300" s="11">
        <v>45796.329861111109</v>
      </c>
      <c r="B300" s="15">
        <v>2.66</v>
      </c>
      <c r="C300" s="15">
        <v>2.5409999999999999</v>
      </c>
      <c r="D300" s="15">
        <v>2.42</v>
      </c>
    </row>
    <row r="301" spans="1:4" x14ac:dyDescent="0.3">
      <c r="A301" s="11">
        <v>45796.333333333336</v>
      </c>
      <c r="B301" s="15">
        <v>2.6589999999999998</v>
      </c>
      <c r="C301" s="15">
        <v>2.54</v>
      </c>
      <c r="D301" s="15">
        <v>2.42</v>
      </c>
    </row>
    <row r="302" spans="1:4" x14ac:dyDescent="0.3">
      <c r="A302" s="11">
        <v>45796.336805555555</v>
      </c>
      <c r="B302" s="15">
        <v>2.6509999999999998</v>
      </c>
      <c r="C302" s="15">
        <v>2.532</v>
      </c>
      <c r="D302" s="15">
        <v>2.42</v>
      </c>
    </row>
    <row r="303" spans="1:4" x14ac:dyDescent="0.3">
      <c r="A303" s="11">
        <v>45796.340277777781</v>
      </c>
      <c r="B303" s="15">
        <v>2.6589999999999998</v>
      </c>
      <c r="C303" s="15">
        <v>2.54</v>
      </c>
      <c r="D303" s="15">
        <v>2.423</v>
      </c>
    </row>
    <row r="304" spans="1:4" x14ac:dyDescent="0.3">
      <c r="A304" s="11">
        <v>45796.34375</v>
      </c>
      <c r="B304" s="15">
        <v>2.6669999999999998</v>
      </c>
      <c r="C304" s="15">
        <v>2.5419999999999998</v>
      </c>
      <c r="D304" s="15">
        <v>2.431</v>
      </c>
    </row>
    <row r="305" spans="1:4" x14ac:dyDescent="0.3">
      <c r="A305" s="11">
        <v>45796.347222222219</v>
      </c>
      <c r="B305" s="15">
        <v>2.6789999999999998</v>
      </c>
      <c r="C305" s="15">
        <v>2.5619999999999998</v>
      </c>
      <c r="D305" s="15">
        <v>2.4430000000000001</v>
      </c>
    </row>
    <row r="306" spans="1:4" x14ac:dyDescent="0.3">
      <c r="A306" s="11">
        <v>45796.350694444445</v>
      </c>
      <c r="B306" s="15">
        <v>2.6549999999999998</v>
      </c>
      <c r="C306" s="15">
        <v>2.5489999999999999</v>
      </c>
      <c r="D306" s="15">
        <v>2.4289999999999998</v>
      </c>
    </row>
    <row r="307" spans="1:4" x14ac:dyDescent="0.3">
      <c r="A307" s="11">
        <v>45796.354166666664</v>
      </c>
      <c r="B307" s="15">
        <v>2.6709999999999998</v>
      </c>
      <c r="C307" s="15">
        <v>2.5470000000000002</v>
      </c>
      <c r="D307" s="15">
        <v>2.427</v>
      </c>
    </row>
    <row r="308" spans="1:4" x14ac:dyDescent="0.3">
      <c r="A308" s="11">
        <v>45796.357638888891</v>
      </c>
      <c r="B308" s="15">
        <v>2.6520000000000001</v>
      </c>
      <c r="C308" s="15">
        <v>2.556</v>
      </c>
      <c r="D308" s="15">
        <v>2.4369999999999998</v>
      </c>
    </row>
    <row r="309" spans="1:4" x14ac:dyDescent="0.3">
      <c r="A309" s="11">
        <v>45796.361111111109</v>
      </c>
      <c r="B309" s="15">
        <v>2.673</v>
      </c>
      <c r="C309" s="15">
        <v>2.5369999999999999</v>
      </c>
      <c r="D309" s="15">
        <v>2.4369999999999998</v>
      </c>
    </row>
    <row r="310" spans="1:4" x14ac:dyDescent="0.3">
      <c r="A310" s="11">
        <v>45796.364583333336</v>
      </c>
      <c r="B310" s="15">
        <v>2.6720000000000002</v>
      </c>
      <c r="C310" s="15">
        <v>2.5550000000000002</v>
      </c>
      <c r="D310" s="15">
        <v>2.4359999999999999</v>
      </c>
    </row>
    <row r="311" spans="1:4" x14ac:dyDescent="0.3">
      <c r="A311" s="11">
        <v>45796.368055555555</v>
      </c>
      <c r="B311" s="15">
        <v>2.6760000000000002</v>
      </c>
      <c r="C311" s="15">
        <v>2.5590000000000002</v>
      </c>
      <c r="D311" s="15">
        <v>2.44</v>
      </c>
    </row>
    <row r="312" spans="1:4" x14ac:dyDescent="0.3">
      <c r="A312" s="11">
        <v>45796.371527777781</v>
      </c>
      <c r="B312" s="15">
        <v>2.6779999999999999</v>
      </c>
      <c r="C312" s="15">
        <v>2.5619999999999998</v>
      </c>
      <c r="D312" s="15">
        <v>2.4430000000000001</v>
      </c>
    </row>
    <row r="313" spans="1:4" x14ac:dyDescent="0.3">
      <c r="A313" s="11">
        <v>45796.375</v>
      </c>
      <c r="B313" s="15">
        <v>2.6539999999999999</v>
      </c>
      <c r="C313" s="15">
        <v>2.5369999999999999</v>
      </c>
      <c r="D313" s="15">
        <v>2.42</v>
      </c>
    </row>
    <row r="314" spans="1:4" x14ac:dyDescent="0.3">
      <c r="A314" s="11">
        <v>45796.378472222219</v>
      </c>
      <c r="B314" s="15">
        <v>2.669</v>
      </c>
      <c r="C314" s="15">
        <v>2.5350000000000001</v>
      </c>
      <c r="D314" s="15">
        <v>2.4249999999999998</v>
      </c>
    </row>
    <row r="315" spans="1:4" x14ac:dyDescent="0.3">
      <c r="A315" s="11">
        <v>45796.381944444445</v>
      </c>
      <c r="B315" s="15">
        <v>2.681</v>
      </c>
      <c r="C315" s="15">
        <v>2.5640000000000001</v>
      </c>
      <c r="D315" s="15">
        <v>2.4420000000000002</v>
      </c>
    </row>
    <row r="316" spans="1:4" x14ac:dyDescent="0.3">
      <c r="A316" s="11">
        <v>45796.385416666664</v>
      </c>
      <c r="B316" s="15">
        <v>2.6629999999999998</v>
      </c>
      <c r="C316" s="15">
        <v>2.5569999999999999</v>
      </c>
      <c r="D316" s="15">
        <v>2.4390000000000001</v>
      </c>
    </row>
    <row r="317" spans="1:4" x14ac:dyDescent="0.3">
      <c r="A317" s="11">
        <v>45796.388888888891</v>
      </c>
      <c r="B317" s="15">
        <v>2.6840000000000002</v>
      </c>
      <c r="C317" s="15">
        <v>2.5670000000000002</v>
      </c>
      <c r="D317" s="15">
        <v>2.4489999999999998</v>
      </c>
    </row>
    <row r="318" spans="1:4" x14ac:dyDescent="0.3">
      <c r="A318" s="11">
        <v>45796.392361111109</v>
      </c>
      <c r="B318" s="15">
        <v>2.669</v>
      </c>
      <c r="C318" s="15">
        <v>2.552</v>
      </c>
      <c r="D318" s="15">
        <v>2.4500000000000002</v>
      </c>
    </row>
    <row r="319" spans="1:4" x14ac:dyDescent="0.3">
      <c r="A319" s="11">
        <v>45796.395833333336</v>
      </c>
      <c r="B319" s="15">
        <v>2.6859999999999999</v>
      </c>
      <c r="C319" s="15">
        <v>2.5760000000000001</v>
      </c>
      <c r="D319" s="15">
        <v>2.4580000000000002</v>
      </c>
    </row>
    <row r="320" spans="1:4" x14ac:dyDescent="0.3">
      <c r="A320" s="11">
        <v>45796.399305555555</v>
      </c>
      <c r="B320" s="15">
        <v>2.6949999999999998</v>
      </c>
      <c r="C320" s="15">
        <v>2.58</v>
      </c>
      <c r="D320" s="15">
        <v>2.464</v>
      </c>
    </row>
    <row r="321" spans="1:4" x14ac:dyDescent="0.3">
      <c r="A321" s="11">
        <v>45796.402777777781</v>
      </c>
      <c r="B321" s="15">
        <v>2.6819999999999999</v>
      </c>
      <c r="C321" s="15">
        <v>2.5659999999999998</v>
      </c>
      <c r="D321" s="15">
        <v>2.464</v>
      </c>
    </row>
    <row r="322" spans="1:4" x14ac:dyDescent="0.3">
      <c r="A322" s="11">
        <v>45796.40625</v>
      </c>
      <c r="B322" s="15">
        <v>2.6970000000000001</v>
      </c>
      <c r="C322" s="15">
        <v>2.581</v>
      </c>
      <c r="D322" s="15">
        <v>2.468</v>
      </c>
    </row>
    <row r="323" spans="1:4" x14ac:dyDescent="0.3">
      <c r="A323" s="11">
        <v>45796.409722222219</v>
      </c>
      <c r="B323" s="15">
        <v>2.6779999999999999</v>
      </c>
      <c r="C323" s="15">
        <v>2.581</v>
      </c>
      <c r="D323" s="15">
        <v>2.4609999999999999</v>
      </c>
    </row>
    <row r="324" spans="1:4" x14ac:dyDescent="0.3">
      <c r="A324" s="11">
        <v>45796.413194444445</v>
      </c>
      <c r="B324" s="15">
        <v>2.6850000000000001</v>
      </c>
      <c r="C324" s="15">
        <v>2.5785</v>
      </c>
      <c r="D324" s="15">
        <v>2.4710000000000001</v>
      </c>
    </row>
    <row r="325" spans="1:4" x14ac:dyDescent="0.3">
      <c r="A325" s="11">
        <v>45796.416666666664</v>
      </c>
      <c r="B325" s="15">
        <v>2.6949999999999998</v>
      </c>
      <c r="C325" s="15">
        <v>2.5870000000000002</v>
      </c>
      <c r="D325" s="15">
        <v>2.4740000000000002</v>
      </c>
    </row>
    <row r="326" spans="1:4" x14ac:dyDescent="0.3">
      <c r="A326" s="11">
        <v>45796.420138888891</v>
      </c>
      <c r="B326" s="15">
        <v>2.6880000000000002</v>
      </c>
      <c r="C326" s="15">
        <v>2.573</v>
      </c>
      <c r="D326" s="15">
        <v>2.4769999999999999</v>
      </c>
    </row>
    <row r="327" spans="1:4" x14ac:dyDescent="0.3">
      <c r="A327" s="11">
        <v>45796.423611111109</v>
      </c>
      <c r="B327" s="15">
        <v>2.7090000000000001</v>
      </c>
      <c r="C327" s="15">
        <v>2.5895000000000001</v>
      </c>
      <c r="D327" s="15">
        <v>2.4809999999999999</v>
      </c>
    </row>
    <row r="328" spans="1:4" x14ac:dyDescent="0.3">
      <c r="A328" s="11">
        <v>45796.427083333336</v>
      </c>
      <c r="B328" s="15">
        <v>2.6930000000000001</v>
      </c>
      <c r="C328" s="15">
        <v>2.5950000000000002</v>
      </c>
      <c r="D328" s="15">
        <v>2.4820000000000002</v>
      </c>
    </row>
    <row r="329" spans="1:4" x14ac:dyDescent="0.3">
      <c r="A329" s="11">
        <v>45796.430555555555</v>
      </c>
      <c r="B329" s="15">
        <v>2.69</v>
      </c>
      <c r="C329" s="15">
        <v>2.5920000000000001</v>
      </c>
      <c r="D329" s="15">
        <v>2.4809999999999999</v>
      </c>
    </row>
    <row r="330" spans="1:4" x14ac:dyDescent="0.3">
      <c r="A330" s="11">
        <v>45796.434027777781</v>
      </c>
      <c r="B330" s="15">
        <v>2.702</v>
      </c>
      <c r="C330" s="15">
        <v>2.5895000000000001</v>
      </c>
      <c r="D330" s="15">
        <v>2.4809999999999999</v>
      </c>
    </row>
    <row r="331" spans="1:4" x14ac:dyDescent="0.3">
      <c r="A331" s="11">
        <v>45796.4375</v>
      </c>
      <c r="B331" s="15">
        <v>2.7130000000000001</v>
      </c>
      <c r="C331" s="15">
        <v>2.597</v>
      </c>
      <c r="D331" s="15">
        <v>2.484</v>
      </c>
    </row>
    <row r="332" spans="1:4" x14ac:dyDescent="0.3">
      <c r="A332" s="11">
        <v>45796.440972222219</v>
      </c>
      <c r="B332" s="15">
        <v>2.6970000000000001</v>
      </c>
      <c r="C332" s="15">
        <v>2.58</v>
      </c>
      <c r="D332" s="15">
        <v>2.4849999999999999</v>
      </c>
    </row>
    <row r="333" spans="1:4" x14ac:dyDescent="0.3">
      <c r="A333" s="11">
        <v>45796.444444444445</v>
      </c>
      <c r="B333" s="15">
        <v>2.7149999999999999</v>
      </c>
      <c r="C333" s="15">
        <v>2.5990000000000002</v>
      </c>
      <c r="D333" s="15">
        <v>2.4860000000000002</v>
      </c>
    </row>
    <row r="334" spans="1:4" x14ac:dyDescent="0.3">
      <c r="A334" s="11">
        <v>45796.447916666664</v>
      </c>
      <c r="B334" s="15">
        <v>2.6989999999999998</v>
      </c>
      <c r="C334" s="15">
        <v>2.585</v>
      </c>
      <c r="D334" s="15">
        <v>2.488</v>
      </c>
    </row>
    <row r="335" spans="1:4" x14ac:dyDescent="0.3">
      <c r="A335" s="11">
        <v>45796.451388888891</v>
      </c>
      <c r="B335" s="15">
        <v>2.7050000000000001</v>
      </c>
      <c r="C335" s="15">
        <v>2.6019999999999999</v>
      </c>
      <c r="D335" s="15">
        <v>2.4889999999999999</v>
      </c>
    </row>
    <row r="336" spans="1:4" x14ac:dyDescent="0.3">
      <c r="A336" s="11">
        <v>45796.454861111109</v>
      </c>
      <c r="B336" s="15">
        <v>2.7170000000000001</v>
      </c>
      <c r="C336" s="15">
        <v>2.585</v>
      </c>
      <c r="D336" s="15">
        <v>2.488</v>
      </c>
    </row>
    <row r="337" spans="1:4" x14ac:dyDescent="0.3">
      <c r="A337" s="11">
        <v>45796.458333333336</v>
      </c>
      <c r="B337" s="15">
        <v>2.7160000000000002</v>
      </c>
      <c r="C337" s="15">
        <v>2.6</v>
      </c>
      <c r="D337" s="15">
        <v>2.4870000000000001</v>
      </c>
    </row>
    <row r="338" spans="1:4" x14ac:dyDescent="0.3">
      <c r="A338" s="11">
        <v>45796.461805555555</v>
      </c>
      <c r="B338" s="15">
        <v>2.698</v>
      </c>
      <c r="C338" s="15">
        <v>2.5880000000000001</v>
      </c>
      <c r="D338" s="15">
        <v>2.4740000000000002</v>
      </c>
    </row>
    <row r="339" spans="1:4" x14ac:dyDescent="0.3">
      <c r="A339" s="11">
        <v>45796.465277777781</v>
      </c>
      <c r="B339" s="15">
        <v>2.7170000000000001</v>
      </c>
      <c r="C339" s="15">
        <v>2.5840000000000001</v>
      </c>
      <c r="D339" s="15">
        <v>2.488</v>
      </c>
    </row>
    <row r="340" spans="1:4" x14ac:dyDescent="0.3">
      <c r="A340" s="11">
        <v>45796.46875</v>
      </c>
      <c r="B340" s="15">
        <v>2.7160000000000002</v>
      </c>
      <c r="C340" s="15">
        <v>2.6059999999999999</v>
      </c>
      <c r="D340" s="15">
        <v>2.4929999999999999</v>
      </c>
    </row>
    <row r="341" spans="1:4" x14ac:dyDescent="0.3">
      <c r="A341" s="11">
        <v>45796.472222222219</v>
      </c>
      <c r="B341" s="15">
        <v>2.7090000000000001</v>
      </c>
      <c r="C341" s="15">
        <v>2.5939999999999999</v>
      </c>
      <c r="D341" s="15">
        <v>2.4980000000000002</v>
      </c>
    </row>
    <row r="342" spans="1:4" x14ac:dyDescent="0.3">
      <c r="A342" s="11">
        <v>45796.475694444445</v>
      </c>
      <c r="B342" s="15">
        <v>2.7320000000000002</v>
      </c>
      <c r="C342" s="15">
        <v>2.6160000000000001</v>
      </c>
      <c r="D342" s="15">
        <v>2.5030000000000001</v>
      </c>
    </row>
    <row r="343" spans="1:4" x14ac:dyDescent="0.3">
      <c r="A343" s="11">
        <v>45796.479166666664</v>
      </c>
      <c r="B343" s="15">
        <v>2.71</v>
      </c>
      <c r="C343" s="15">
        <v>2.5950000000000002</v>
      </c>
      <c r="D343" s="15">
        <v>2.5</v>
      </c>
    </row>
    <row r="344" spans="1:4" x14ac:dyDescent="0.3">
      <c r="A344" s="11">
        <v>45796.482638888891</v>
      </c>
      <c r="B344" s="15">
        <v>2.7120000000000002</v>
      </c>
      <c r="C344" s="15">
        <v>2.6150000000000002</v>
      </c>
      <c r="D344" s="15">
        <v>2.5009999999999999</v>
      </c>
    </row>
    <row r="345" spans="1:4" x14ac:dyDescent="0.3">
      <c r="A345" s="11">
        <v>45796.486111111109</v>
      </c>
      <c r="B345" s="15">
        <v>2.7269999999999999</v>
      </c>
      <c r="C345" s="15">
        <v>2.6120000000000001</v>
      </c>
      <c r="D345" s="15">
        <v>2.4980000000000002</v>
      </c>
    </row>
    <row r="346" spans="1:4" x14ac:dyDescent="0.3">
      <c r="A346" s="11">
        <v>45796.489583333336</v>
      </c>
      <c r="B346" s="15">
        <v>2.714</v>
      </c>
      <c r="C346" s="15">
        <v>2.6019999999999999</v>
      </c>
      <c r="D346" s="15">
        <v>2.476</v>
      </c>
    </row>
    <row r="347" spans="1:4" x14ac:dyDescent="0.3">
      <c r="A347" s="11">
        <v>45796.493055555555</v>
      </c>
      <c r="B347" s="15">
        <v>2.722</v>
      </c>
      <c r="C347" s="15">
        <v>2.5979999999999999</v>
      </c>
      <c r="D347" s="15">
        <v>2.492</v>
      </c>
    </row>
    <row r="348" spans="1:4" x14ac:dyDescent="0.3">
      <c r="A348" s="11">
        <v>45796.496527777781</v>
      </c>
      <c r="B348" s="15">
        <v>2.7090000000000001</v>
      </c>
      <c r="C348" s="15">
        <v>2.6030000000000002</v>
      </c>
      <c r="D348" s="15">
        <v>2.4900000000000002</v>
      </c>
    </row>
    <row r="349" spans="1:4" x14ac:dyDescent="0.3">
      <c r="A349" s="11">
        <v>45796.5</v>
      </c>
      <c r="B349" s="15">
        <v>2.7160000000000002</v>
      </c>
      <c r="C349" s="15">
        <v>2.601</v>
      </c>
      <c r="D349" s="15">
        <v>2.488</v>
      </c>
    </row>
    <row r="350" spans="1:4" x14ac:dyDescent="0.3">
      <c r="A350" s="11">
        <v>45796.503472222219</v>
      </c>
      <c r="B350" s="15">
        <v>2.718</v>
      </c>
      <c r="C350" s="15">
        <v>2.6019999999999999</v>
      </c>
      <c r="D350" s="15">
        <v>2.4889999999999999</v>
      </c>
    </row>
    <row r="351" spans="1:4" x14ac:dyDescent="0.3">
      <c r="A351" s="11">
        <v>45796.506944444445</v>
      </c>
      <c r="B351" s="15">
        <v>2.7170000000000001</v>
      </c>
      <c r="C351" s="15">
        <v>2.601</v>
      </c>
      <c r="D351" s="15">
        <v>2.4870000000000001</v>
      </c>
    </row>
    <row r="352" spans="1:4" x14ac:dyDescent="0.3">
      <c r="A352" s="11">
        <v>45796.510416666664</v>
      </c>
      <c r="B352" s="15">
        <v>2.7160000000000002</v>
      </c>
      <c r="C352" s="15">
        <v>2.6</v>
      </c>
      <c r="D352" s="15">
        <v>2.4860000000000002</v>
      </c>
    </row>
    <row r="353" spans="1:4" x14ac:dyDescent="0.3">
      <c r="A353" s="11">
        <v>45796.513888888891</v>
      </c>
      <c r="B353" s="15">
        <v>2.72</v>
      </c>
      <c r="C353" s="15">
        <v>2.5990000000000002</v>
      </c>
      <c r="D353" s="15">
        <v>2.4900000000000002</v>
      </c>
    </row>
    <row r="354" spans="1:4" x14ac:dyDescent="0.3">
      <c r="A354" s="11">
        <v>45796.517361111109</v>
      </c>
      <c r="B354" s="15">
        <v>2.7149999999999999</v>
      </c>
      <c r="C354" s="15">
        <v>2.5990000000000002</v>
      </c>
      <c r="D354" s="15">
        <v>2.4849999999999999</v>
      </c>
    </row>
    <row r="355" spans="1:4" x14ac:dyDescent="0.3">
      <c r="A355" s="11">
        <v>45796.520833333336</v>
      </c>
      <c r="B355" s="15">
        <v>2.7170000000000001</v>
      </c>
      <c r="C355" s="15">
        <v>2.601</v>
      </c>
      <c r="D355" s="15">
        <v>2.4870000000000001</v>
      </c>
    </row>
    <row r="356" spans="1:4" x14ac:dyDescent="0.3">
      <c r="A356" s="11">
        <v>45796.524305555555</v>
      </c>
      <c r="B356" s="15">
        <v>2.718</v>
      </c>
      <c r="C356" s="15">
        <v>2.5939999999999999</v>
      </c>
      <c r="D356" s="15">
        <v>2.4780000000000002</v>
      </c>
    </row>
    <row r="357" spans="1:4" x14ac:dyDescent="0.3">
      <c r="A357" s="11">
        <v>45796.527777777781</v>
      </c>
      <c r="B357" s="15">
        <v>2.718</v>
      </c>
      <c r="C357" s="15">
        <v>2.6019999999999999</v>
      </c>
      <c r="D357" s="15">
        <v>2.488</v>
      </c>
    </row>
    <row r="358" spans="1:4" x14ac:dyDescent="0.3">
      <c r="A358" s="11">
        <v>45796.53125</v>
      </c>
      <c r="B358" s="15">
        <v>2.7120000000000002</v>
      </c>
      <c r="C358" s="15">
        <v>2.6030000000000002</v>
      </c>
      <c r="D358" s="15">
        <v>2.488</v>
      </c>
    </row>
    <row r="359" spans="1:4" x14ac:dyDescent="0.3">
      <c r="A359" s="11">
        <v>45796.534722222219</v>
      </c>
      <c r="B359" s="15">
        <v>2.72</v>
      </c>
      <c r="C359" s="15">
        <v>2.6030000000000002</v>
      </c>
      <c r="D359" s="15">
        <v>2.4889999999999999</v>
      </c>
    </row>
    <row r="360" spans="1:4" x14ac:dyDescent="0.3">
      <c r="A360" s="11">
        <v>45796.538194444445</v>
      </c>
      <c r="B360" s="15">
        <v>2.72</v>
      </c>
      <c r="C360" s="15">
        <v>2.5859999999999999</v>
      </c>
      <c r="D360" s="15">
        <v>2.4889999999999999</v>
      </c>
    </row>
    <row r="361" spans="1:4" x14ac:dyDescent="0.3">
      <c r="A361" s="11">
        <v>45796.541666666664</v>
      </c>
      <c r="B361" s="15">
        <v>2.72</v>
      </c>
      <c r="C361" s="15">
        <v>2.5859999999999999</v>
      </c>
      <c r="D361" s="15">
        <v>2.4889999999999999</v>
      </c>
    </row>
    <row r="362" spans="1:4" x14ac:dyDescent="0.3">
      <c r="A362" s="11">
        <v>45796.545138888891</v>
      </c>
      <c r="B362" s="15">
        <v>2.7170000000000001</v>
      </c>
      <c r="C362" s="15">
        <v>2.597</v>
      </c>
      <c r="D362" s="15">
        <v>2.4889999999999999</v>
      </c>
    </row>
    <row r="363" spans="1:4" x14ac:dyDescent="0.3">
      <c r="A363" s="11">
        <v>45796.548611111109</v>
      </c>
      <c r="B363" s="15">
        <v>2.7170000000000001</v>
      </c>
      <c r="C363" s="15">
        <v>2.6</v>
      </c>
      <c r="D363" s="15">
        <v>2.4860000000000002</v>
      </c>
    </row>
    <row r="364" spans="1:4" x14ac:dyDescent="0.3">
      <c r="A364" s="11">
        <v>45796.552083333336</v>
      </c>
      <c r="B364" s="15">
        <v>2.6970000000000001</v>
      </c>
      <c r="C364" s="15">
        <v>2.581</v>
      </c>
      <c r="D364" s="15">
        <v>2.4820000000000002</v>
      </c>
    </row>
    <row r="365" spans="1:4" x14ac:dyDescent="0.3">
      <c r="A365" s="11">
        <v>45796.555555555555</v>
      </c>
      <c r="B365" s="15">
        <v>2.6970000000000001</v>
      </c>
      <c r="C365" s="15">
        <v>2.58</v>
      </c>
      <c r="D365" s="15">
        <v>2.484</v>
      </c>
    </row>
    <row r="366" spans="1:4" x14ac:dyDescent="0.3">
      <c r="A366" s="11">
        <v>45796.559027777781</v>
      </c>
      <c r="B366" s="15">
        <v>2.718</v>
      </c>
      <c r="C366" s="15">
        <v>2.6019999999999999</v>
      </c>
      <c r="D366" s="15">
        <v>2.488</v>
      </c>
    </row>
    <row r="367" spans="1:4" x14ac:dyDescent="0.3">
      <c r="A367" s="11">
        <v>45796.5625</v>
      </c>
      <c r="B367" s="15">
        <v>2.7160000000000002</v>
      </c>
      <c r="C367" s="15">
        <v>2.5830000000000002</v>
      </c>
      <c r="D367" s="15">
        <v>2.4860000000000002</v>
      </c>
    </row>
    <row r="368" spans="1:4" x14ac:dyDescent="0.3">
      <c r="A368" s="11">
        <v>45796.565972222219</v>
      </c>
      <c r="B368" s="15">
        <v>2.7029999999999998</v>
      </c>
      <c r="C368" s="15">
        <v>2.5859999999999999</v>
      </c>
      <c r="D368" s="15">
        <v>2.488</v>
      </c>
    </row>
    <row r="369" spans="1:4" x14ac:dyDescent="0.3">
      <c r="A369" s="11">
        <v>45796.569444444445</v>
      </c>
      <c r="B369" s="15">
        <v>2.718</v>
      </c>
      <c r="C369" s="15">
        <v>2.6019999999999999</v>
      </c>
      <c r="D369" s="15">
        <v>2.488</v>
      </c>
    </row>
    <row r="370" spans="1:4" x14ac:dyDescent="0.3">
      <c r="A370" s="11">
        <v>45796.572916666664</v>
      </c>
      <c r="B370" s="15">
        <v>2.7170000000000001</v>
      </c>
      <c r="C370" s="15">
        <v>2.6</v>
      </c>
      <c r="D370" s="15">
        <v>2.4860000000000002</v>
      </c>
    </row>
    <row r="371" spans="1:4" x14ac:dyDescent="0.3">
      <c r="A371" s="11">
        <v>45796.576388888891</v>
      </c>
      <c r="B371" s="15">
        <v>2.72</v>
      </c>
      <c r="C371" s="15">
        <v>2.5859999999999999</v>
      </c>
      <c r="D371" s="15">
        <v>2.488</v>
      </c>
    </row>
    <row r="372" spans="1:4" x14ac:dyDescent="0.3">
      <c r="A372" s="11">
        <v>45796.579861111109</v>
      </c>
      <c r="B372" s="15">
        <v>2.6970000000000001</v>
      </c>
      <c r="C372" s="15">
        <v>2.58</v>
      </c>
      <c r="D372" s="15">
        <v>2.4849999999999999</v>
      </c>
    </row>
    <row r="373" spans="1:4" x14ac:dyDescent="0.3">
      <c r="A373" s="11">
        <v>45796.583333333336</v>
      </c>
      <c r="B373" s="15">
        <v>2.7120000000000002</v>
      </c>
      <c r="C373" s="15">
        <v>2.5939999999999999</v>
      </c>
      <c r="D373" s="15">
        <v>2.4790000000000001</v>
      </c>
    </row>
    <row r="374" spans="1:4" x14ac:dyDescent="0.3">
      <c r="A374" s="11">
        <v>45796.586805555555</v>
      </c>
      <c r="B374" s="15">
        <v>2.7069999999999999</v>
      </c>
      <c r="C374" s="15">
        <v>2.573</v>
      </c>
      <c r="D374" s="15">
        <v>2.4780000000000002</v>
      </c>
    </row>
    <row r="375" spans="1:4" x14ac:dyDescent="0.3">
      <c r="A375" s="11">
        <v>45796.590277777781</v>
      </c>
      <c r="B375" s="15">
        <v>2.7040000000000002</v>
      </c>
      <c r="C375" s="15">
        <v>2.5859999999999999</v>
      </c>
      <c r="D375" s="15">
        <v>2.4710000000000001</v>
      </c>
    </row>
    <row r="376" spans="1:4" x14ac:dyDescent="0.3">
      <c r="A376" s="11">
        <v>45796.59375</v>
      </c>
      <c r="B376" s="15">
        <v>2.706</v>
      </c>
      <c r="C376" s="15">
        <v>2.589</v>
      </c>
      <c r="D376" s="15">
        <v>2.4729999999999999</v>
      </c>
    </row>
    <row r="377" spans="1:4" x14ac:dyDescent="0.3">
      <c r="A377" s="11">
        <v>45796.597222222219</v>
      </c>
      <c r="B377" s="15">
        <v>2.7080000000000002</v>
      </c>
      <c r="C377" s="15">
        <v>2.59</v>
      </c>
      <c r="D377" s="15">
        <v>2.4660000000000002</v>
      </c>
    </row>
    <row r="378" spans="1:4" x14ac:dyDescent="0.3">
      <c r="A378" s="11">
        <v>45796.600694444445</v>
      </c>
      <c r="B378" s="15">
        <v>2.698</v>
      </c>
      <c r="C378" s="15">
        <v>2.581</v>
      </c>
      <c r="D378" s="15">
        <v>2.4660000000000002</v>
      </c>
    </row>
    <row r="379" spans="1:4" x14ac:dyDescent="0.3">
      <c r="A379" s="11">
        <v>45796.604166666664</v>
      </c>
      <c r="B379" s="15">
        <v>2.7029999999999998</v>
      </c>
      <c r="C379" s="15">
        <v>2.5859999999999999</v>
      </c>
      <c r="D379" s="15">
        <v>2.4700000000000002</v>
      </c>
    </row>
    <row r="380" spans="1:4" x14ac:dyDescent="0.3">
      <c r="A380" s="11">
        <v>45796.607638888891</v>
      </c>
      <c r="B380" s="15">
        <v>2.7080000000000002</v>
      </c>
      <c r="C380" s="15">
        <v>2.5859999999999999</v>
      </c>
      <c r="D380" s="15">
        <v>2.4740000000000002</v>
      </c>
    </row>
    <row r="381" spans="1:4" x14ac:dyDescent="0.3">
      <c r="A381" s="11">
        <v>45796.611111111109</v>
      </c>
      <c r="B381" s="15">
        <v>2.702</v>
      </c>
      <c r="C381" s="15">
        <v>2.5680000000000001</v>
      </c>
      <c r="D381" s="15">
        <v>2.468</v>
      </c>
    </row>
    <row r="382" spans="1:4" x14ac:dyDescent="0.3">
      <c r="A382" s="11">
        <v>45796.614583333336</v>
      </c>
      <c r="B382" s="15">
        <v>2.6850000000000001</v>
      </c>
      <c r="C382" s="15">
        <v>2.5680000000000001</v>
      </c>
      <c r="D382" s="15">
        <v>2.4700000000000002</v>
      </c>
    </row>
    <row r="383" spans="1:4" x14ac:dyDescent="0.3">
      <c r="A383" s="11">
        <v>45796.618055555555</v>
      </c>
      <c r="B383" s="15">
        <v>2.69</v>
      </c>
      <c r="C383" s="15">
        <v>2.57</v>
      </c>
      <c r="D383" s="15">
        <v>2.4550000000000001</v>
      </c>
    </row>
    <row r="384" spans="1:4" x14ac:dyDescent="0.3">
      <c r="A384" s="11">
        <v>45796.621527777781</v>
      </c>
      <c r="B384" s="15">
        <v>2.6890000000000001</v>
      </c>
      <c r="C384" s="15">
        <v>2.5720000000000001</v>
      </c>
      <c r="D384" s="15">
        <v>2.4769999999999999</v>
      </c>
    </row>
    <row r="385" spans="1:4" x14ac:dyDescent="0.3">
      <c r="A385" s="11">
        <v>45796.625</v>
      </c>
      <c r="B385" s="15">
        <v>2.698</v>
      </c>
      <c r="C385" s="15">
        <v>2.581</v>
      </c>
      <c r="D385" s="15">
        <v>2.4660000000000002</v>
      </c>
    </row>
    <row r="386" spans="1:4" x14ac:dyDescent="0.3">
      <c r="A386" s="11">
        <v>45796.628472222219</v>
      </c>
      <c r="B386" s="15">
        <v>2.6869999999999998</v>
      </c>
      <c r="C386" s="15">
        <v>2.5710000000000002</v>
      </c>
      <c r="D386" s="15">
        <v>2.456</v>
      </c>
    </row>
    <row r="387" spans="1:4" x14ac:dyDescent="0.3">
      <c r="A387" s="11">
        <v>45796.631944444445</v>
      </c>
      <c r="B387" s="15">
        <v>2.7040000000000002</v>
      </c>
      <c r="C387" s="15">
        <v>2.5815000000000001</v>
      </c>
      <c r="D387" s="15">
        <v>2.4700000000000002</v>
      </c>
    </row>
    <row r="388" spans="1:4" x14ac:dyDescent="0.3">
      <c r="A388" s="11">
        <v>45796.635416666664</v>
      </c>
      <c r="B388" s="15">
        <v>2.69</v>
      </c>
      <c r="C388" s="15">
        <v>2.5619999999999998</v>
      </c>
      <c r="D388" s="15">
        <v>2.4670000000000001</v>
      </c>
    </row>
    <row r="389" spans="1:4" x14ac:dyDescent="0.3">
      <c r="A389" s="11">
        <v>45796.638888888891</v>
      </c>
      <c r="B389" s="15">
        <v>2.6859999999999999</v>
      </c>
      <c r="C389" s="15">
        <v>2.5655000000000001</v>
      </c>
      <c r="D389" s="15">
        <v>2.4550000000000001</v>
      </c>
    </row>
    <row r="390" spans="1:4" x14ac:dyDescent="0.3">
      <c r="A390" s="11">
        <v>45796.642361111109</v>
      </c>
      <c r="B390" s="15">
        <v>2.6909999999999998</v>
      </c>
      <c r="C390" s="15">
        <v>2.556</v>
      </c>
      <c r="D390" s="15">
        <v>2.4580000000000002</v>
      </c>
    </row>
    <row r="391" spans="1:4" x14ac:dyDescent="0.3">
      <c r="A391" s="11">
        <v>45796.645833333336</v>
      </c>
      <c r="B391" s="15">
        <v>2.6749999999999998</v>
      </c>
      <c r="C391" s="15">
        <v>2.5680000000000001</v>
      </c>
      <c r="D391" s="15">
        <v>2.4500000000000002</v>
      </c>
    </row>
    <row r="392" spans="1:4" x14ac:dyDescent="0.3">
      <c r="A392" s="11">
        <v>45796.649305555555</v>
      </c>
      <c r="B392" s="15">
        <v>2.69</v>
      </c>
      <c r="C392" s="15">
        <v>2.5739999999999998</v>
      </c>
      <c r="D392" s="15">
        <v>2.4580000000000002</v>
      </c>
    </row>
    <row r="393" spans="1:4" x14ac:dyDescent="0.3">
      <c r="A393" s="11">
        <v>45796.652777777781</v>
      </c>
      <c r="B393" s="15">
        <v>2.6850000000000001</v>
      </c>
      <c r="C393" s="15">
        <v>2.5680000000000001</v>
      </c>
      <c r="D393" s="15">
        <v>2.4540000000000002</v>
      </c>
    </row>
    <row r="394" spans="1:4" x14ac:dyDescent="0.3">
      <c r="A394" s="11">
        <v>45796.65625</v>
      </c>
      <c r="B394" s="15">
        <v>2.6859999999999999</v>
      </c>
      <c r="C394" s="15">
        <v>2.57</v>
      </c>
      <c r="D394" s="15">
        <v>2.456</v>
      </c>
    </row>
    <row r="395" spans="1:4" x14ac:dyDescent="0.3">
      <c r="A395" s="11">
        <v>45796.659722222219</v>
      </c>
      <c r="B395" s="15">
        <v>2.669</v>
      </c>
      <c r="C395" s="15">
        <v>2.5529999999999999</v>
      </c>
      <c r="D395" s="15">
        <v>2.4380000000000002</v>
      </c>
    </row>
    <row r="396" spans="1:4" x14ac:dyDescent="0.3">
      <c r="A396" s="11">
        <v>45796.663194444445</v>
      </c>
      <c r="B396" s="15">
        <v>2.6850000000000001</v>
      </c>
      <c r="C396" s="15">
        <v>2.569</v>
      </c>
      <c r="D396" s="15">
        <v>2.4550000000000001</v>
      </c>
    </row>
    <row r="397" spans="1:4" x14ac:dyDescent="0.3">
      <c r="A397" s="11">
        <v>45796.666666666664</v>
      </c>
      <c r="B397" s="15">
        <v>2.6859999999999999</v>
      </c>
      <c r="C397" s="15">
        <v>2.5510000000000002</v>
      </c>
      <c r="D397" s="15">
        <v>2.4529999999999998</v>
      </c>
    </row>
    <row r="398" spans="1:4" x14ac:dyDescent="0.3">
      <c r="A398" s="11">
        <v>45796.670138888891</v>
      </c>
      <c r="B398" s="15">
        <v>2.6880000000000002</v>
      </c>
      <c r="C398" s="15">
        <v>2.5710000000000002</v>
      </c>
      <c r="D398" s="15">
        <v>2.4550000000000001</v>
      </c>
    </row>
    <row r="399" spans="1:4" x14ac:dyDescent="0.3">
      <c r="A399" s="11">
        <v>45796.673611111109</v>
      </c>
      <c r="B399" s="15">
        <v>2.6880000000000002</v>
      </c>
      <c r="C399" s="15">
        <v>2.5649999999999999</v>
      </c>
      <c r="D399" s="15">
        <v>2.4569999999999999</v>
      </c>
    </row>
    <row r="400" spans="1:4" x14ac:dyDescent="0.3">
      <c r="A400" s="11">
        <v>45796.677083333336</v>
      </c>
      <c r="B400" s="15">
        <v>2.6715</v>
      </c>
      <c r="C400" s="15">
        <v>2.5659999999999998</v>
      </c>
      <c r="D400" s="15">
        <v>2.456</v>
      </c>
    </row>
    <row r="401" spans="1:4" x14ac:dyDescent="0.3">
      <c r="A401" s="11">
        <v>45796.680555555555</v>
      </c>
      <c r="B401" s="15">
        <v>2.68</v>
      </c>
      <c r="C401" s="15">
        <v>2.5619999999999998</v>
      </c>
      <c r="D401" s="15">
        <v>2.4460000000000002</v>
      </c>
    </row>
    <row r="402" spans="1:4" x14ac:dyDescent="0.3">
      <c r="A402" s="11">
        <v>45796.684027777781</v>
      </c>
      <c r="B402" s="15">
        <v>2.677</v>
      </c>
      <c r="C402" s="15">
        <v>2.56</v>
      </c>
      <c r="D402" s="15">
        <v>2.444</v>
      </c>
    </row>
    <row r="403" spans="1:4" x14ac:dyDescent="0.3">
      <c r="A403" s="11">
        <v>45796.6875</v>
      </c>
      <c r="B403" s="15">
        <v>2.6709999999999998</v>
      </c>
      <c r="C403" s="15">
        <v>2.5550000000000002</v>
      </c>
      <c r="D403" s="15">
        <v>2.4390000000000001</v>
      </c>
    </row>
    <row r="404" spans="1:4" x14ac:dyDescent="0.3">
      <c r="A404" s="11">
        <v>45796.690972222219</v>
      </c>
      <c r="B404" s="15">
        <v>2.6749999999999998</v>
      </c>
      <c r="C404" s="15">
        <v>2.5525000000000002</v>
      </c>
      <c r="D404" s="15">
        <v>2.4380000000000002</v>
      </c>
    </row>
    <row r="405" spans="1:4" x14ac:dyDescent="0.3">
      <c r="A405" s="11">
        <v>45796.694444444445</v>
      </c>
      <c r="B405" s="15">
        <v>2.653</v>
      </c>
      <c r="C405" s="15">
        <v>2.5474999999999999</v>
      </c>
      <c r="D405" s="15">
        <v>2.4169999999999998</v>
      </c>
    </row>
    <row r="406" spans="1:4" x14ac:dyDescent="0.3">
      <c r="A406" s="11">
        <v>45796.697916666664</v>
      </c>
      <c r="B406" s="15">
        <v>2.6680000000000001</v>
      </c>
      <c r="C406" s="15">
        <v>2.5499999999999998</v>
      </c>
      <c r="D406" s="15">
        <v>2.431</v>
      </c>
    </row>
    <row r="407" spans="1:4" x14ac:dyDescent="0.3">
      <c r="A407" s="11">
        <v>45796.701388888891</v>
      </c>
      <c r="B407" s="15">
        <v>2.6629999999999998</v>
      </c>
      <c r="C407" s="15">
        <v>2.5459999999999998</v>
      </c>
      <c r="D407" s="15">
        <v>2.4159999999999999</v>
      </c>
    </row>
    <row r="408" spans="1:4" x14ac:dyDescent="0.3">
      <c r="A408" s="11">
        <v>45796.704861111109</v>
      </c>
      <c r="B408" s="15">
        <v>2.641</v>
      </c>
      <c r="C408" s="15">
        <v>2.536</v>
      </c>
      <c r="D408" s="15">
        <v>2.4209999999999998</v>
      </c>
    </row>
    <row r="409" spans="1:4" x14ac:dyDescent="0.3">
      <c r="A409" s="11">
        <v>45796.708333333336</v>
      </c>
      <c r="B409" s="15">
        <v>2.64</v>
      </c>
      <c r="C409" s="15">
        <v>2.5329999999999999</v>
      </c>
      <c r="D409" s="15">
        <v>2.419</v>
      </c>
    </row>
    <row r="410" spans="1:4" x14ac:dyDescent="0.3">
      <c r="A410" s="11">
        <v>45796.711805555555</v>
      </c>
      <c r="B410" s="15">
        <v>2.6589999999999998</v>
      </c>
      <c r="C410" s="15">
        <v>2.5345</v>
      </c>
      <c r="D410" s="15">
        <v>2.4220000000000002</v>
      </c>
    </row>
    <row r="411" spans="1:4" x14ac:dyDescent="0.3">
      <c r="A411" s="11">
        <v>45796.715277777781</v>
      </c>
      <c r="B411" s="15">
        <v>2.64</v>
      </c>
      <c r="C411" s="15">
        <v>2.5209999999999999</v>
      </c>
      <c r="D411" s="15">
        <v>2.4089999999999998</v>
      </c>
    </row>
    <row r="412" spans="1:4" x14ac:dyDescent="0.3">
      <c r="A412" s="11">
        <v>45796.71875</v>
      </c>
      <c r="B412" s="15">
        <v>2.6379999999999999</v>
      </c>
      <c r="C412" s="15">
        <v>2.5339999999999998</v>
      </c>
      <c r="D412" s="15">
        <v>2.415</v>
      </c>
    </row>
    <row r="413" spans="1:4" x14ac:dyDescent="0.3">
      <c r="A413" s="11">
        <v>45796.722222222219</v>
      </c>
      <c r="B413" s="15">
        <v>2.6379999999999999</v>
      </c>
      <c r="C413" s="15">
        <v>2.5179999999999998</v>
      </c>
      <c r="D413" s="15">
        <v>2.3980000000000001</v>
      </c>
    </row>
    <row r="414" spans="1:4" x14ac:dyDescent="0.3">
      <c r="A414" s="11">
        <v>45796.725694444445</v>
      </c>
      <c r="B414" s="15">
        <v>2.637</v>
      </c>
      <c r="C414" s="15">
        <v>2.5270000000000001</v>
      </c>
      <c r="D414" s="15">
        <v>2.4049999999999998</v>
      </c>
    </row>
    <row r="415" spans="1:4" x14ac:dyDescent="0.3">
      <c r="A415" s="11">
        <v>45796.729166666664</v>
      </c>
      <c r="B415" s="15">
        <v>2.641</v>
      </c>
      <c r="C415" s="15">
        <v>2.5219999999999998</v>
      </c>
      <c r="D415" s="15">
        <v>2.42</v>
      </c>
    </row>
    <row r="416" spans="1:4" x14ac:dyDescent="0.3">
      <c r="A416" s="11">
        <v>45796.732638888891</v>
      </c>
      <c r="B416" s="15">
        <v>2.6440000000000001</v>
      </c>
      <c r="C416" s="15">
        <v>2.524</v>
      </c>
      <c r="D416" s="15">
        <v>2.4039999999999999</v>
      </c>
    </row>
    <row r="417" spans="1:4" x14ac:dyDescent="0.3">
      <c r="A417" s="11">
        <v>45796.736111111109</v>
      </c>
      <c r="B417" s="15">
        <v>2.6440000000000001</v>
      </c>
      <c r="C417" s="15">
        <v>2.524</v>
      </c>
      <c r="D417" s="15">
        <v>2.42</v>
      </c>
    </row>
    <row r="418" spans="1:4" x14ac:dyDescent="0.3">
      <c r="A418" s="11">
        <v>45796.739583333336</v>
      </c>
      <c r="B418" s="15">
        <v>2.661</v>
      </c>
      <c r="C418" s="15">
        <v>2.5419999999999998</v>
      </c>
      <c r="D418" s="15">
        <v>2.4220000000000002</v>
      </c>
    </row>
    <row r="419" spans="1:4" x14ac:dyDescent="0.3">
      <c r="A419" s="11">
        <v>45796.743055555555</v>
      </c>
      <c r="B419" s="15">
        <v>2.6520000000000001</v>
      </c>
      <c r="C419" s="15">
        <v>2.548</v>
      </c>
      <c r="D419" s="15">
        <v>2.4279999999999999</v>
      </c>
    </row>
    <row r="420" spans="1:4" x14ac:dyDescent="0.3">
      <c r="A420" s="11">
        <v>45796.746527777781</v>
      </c>
      <c r="B420" s="15">
        <v>2.6509999999999998</v>
      </c>
      <c r="C420" s="15">
        <v>2.5499999999999998</v>
      </c>
      <c r="D420" s="15">
        <v>2.4300000000000002</v>
      </c>
    </row>
    <row r="421" spans="1:4" x14ac:dyDescent="0.3">
      <c r="A421" s="11">
        <v>45796.75</v>
      </c>
      <c r="B421" s="15">
        <v>2.6480000000000001</v>
      </c>
      <c r="C421" s="15">
        <v>2.528</v>
      </c>
      <c r="D421" s="15">
        <v>2.4089999999999998</v>
      </c>
    </row>
    <row r="422" spans="1:4" x14ac:dyDescent="0.3">
      <c r="A422" s="11">
        <v>45796.753472222219</v>
      </c>
      <c r="B422" s="15">
        <v>2.6669999999999998</v>
      </c>
      <c r="C422" s="15">
        <v>2.5430000000000001</v>
      </c>
      <c r="D422" s="15">
        <v>2.4220000000000002</v>
      </c>
    </row>
    <row r="423" spans="1:4" x14ac:dyDescent="0.3">
      <c r="A423" s="11">
        <v>45796.756944444445</v>
      </c>
      <c r="B423" s="15">
        <v>2.649</v>
      </c>
      <c r="C423" s="15">
        <v>2.5289999999999999</v>
      </c>
      <c r="D423" s="15">
        <v>2.4220000000000002</v>
      </c>
    </row>
    <row r="424" spans="1:4" x14ac:dyDescent="0.3">
      <c r="A424" s="11">
        <v>45796.760416666664</v>
      </c>
      <c r="B424" s="15">
        <v>2.657</v>
      </c>
      <c r="C424" s="15">
        <v>2.5270000000000001</v>
      </c>
      <c r="D424" s="15">
        <v>2.407</v>
      </c>
    </row>
    <row r="425" spans="1:4" x14ac:dyDescent="0.3">
      <c r="A425" s="11">
        <v>45796.763888888891</v>
      </c>
      <c r="B425" s="15">
        <v>2.6469999999999998</v>
      </c>
      <c r="C425" s="15">
        <v>2.5270000000000001</v>
      </c>
      <c r="D425" s="15">
        <v>2.423</v>
      </c>
    </row>
    <row r="426" spans="1:4" x14ac:dyDescent="0.3">
      <c r="A426" s="11">
        <v>45796.767361111109</v>
      </c>
      <c r="B426" s="15">
        <v>2.645</v>
      </c>
      <c r="C426" s="15">
        <v>2.5249999999999999</v>
      </c>
      <c r="D426" s="15">
        <v>2.4239999999999999</v>
      </c>
    </row>
    <row r="427" spans="1:4" x14ac:dyDescent="0.3">
      <c r="A427" s="11">
        <v>45796.770833333336</v>
      </c>
      <c r="B427" s="15">
        <v>2.6440000000000001</v>
      </c>
      <c r="C427" s="15">
        <v>2.5249999999999999</v>
      </c>
      <c r="D427" s="15">
        <v>2.4049999999999998</v>
      </c>
    </row>
    <row r="428" spans="1:4" x14ac:dyDescent="0.3">
      <c r="A428" s="11">
        <v>45796.774305555555</v>
      </c>
      <c r="B428" s="15">
        <v>2.645</v>
      </c>
      <c r="C428" s="15">
        <v>2.5249999999999999</v>
      </c>
      <c r="D428" s="15">
        <v>2.42</v>
      </c>
    </row>
    <row r="429" spans="1:4" x14ac:dyDescent="0.3">
      <c r="A429" s="11">
        <v>45796.777777777781</v>
      </c>
      <c r="B429" s="15">
        <v>2.641</v>
      </c>
      <c r="C429" s="15">
        <v>2.5209999999999999</v>
      </c>
      <c r="D429" s="15">
        <v>2.419</v>
      </c>
    </row>
    <row r="430" spans="1:4" x14ac:dyDescent="0.3">
      <c r="A430" s="11">
        <v>45796.78125</v>
      </c>
      <c r="B430" s="15">
        <v>2.6440000000000001</v>
      </c>
      <c r="C430" s="15">
        <v>2.524</v>
      </c>
      <c r="D430" s="15">
        <v>2.42</v>
      </c>
    </row>
    <row r="431" spans="1:4" x14ac:dyDescent="0.3">
      <c r="A431" s="11">
        <v>45796.784722222219</v>
      </c>
      <c r="B431" s="15">
        <v>2.6429999999999998</v>
      </c>
      <c r="C431" s="15">
        <v>2.5230000000000001</v>
      </c>
      <c r="D431" s="15">
        <v>2.419</v>
      </c>
    </row>
    <row r="432" spans="1:4" x14ac:dyDescent="0.3">
      <c r="A432" s="11">
        <v>45796.788194444445</v>
      </c>
      <c r="B432" s="15">
        <v>2.641</v>
      </c>
      <c r="C432" s="15">
        <v>2.5209999999999999</v>
      </c>
      <c r="D432" s="15">
        <v>2.4220000000000002</v>
      </c>
    </row>
    <row r="433" spans="1:4" x14ac:dyDescent="0.3">
      <c r="A433" s="11">
        <v>45796.791666666664</v>
      </c>
      <c r="B433" s="15">
        <v>2.6419999999999999</v>
      </c>
      <c r="C433" s="15">
        <v>2.5219999999999998</v>
      </c>
      <c r="D433" s="15">
        <v>2.423</v>
      </c>
    </row>
    <row r="434" spans="1:4" x14ac:dyDescent="0.3">
      <c r="A434" s="11">
        <v>45796.795138888891</v>
      </c>
      <c r="B434" s="15">
        <v>2.641</v>
      </c>
      <c r="C434" s="15">
        <v>2.5209999999999999</v>
      </c>
      <c r="D434" s="15">
        <v>2.4220000000000002</v>
      </c>
    </row>
    <row r="435" spans="1:4" x14ac:dyDescent="0.3">
      <c r="A435" s="11">
        <v>45796.798611111109</v>
      </c>
      <c r="B435" s="15">
        <v>2.6419999999999999</v>
      </c>
      <c r="C435" s="15">
        <v>2.5219999999999998</v>
      </c>
      <c r="D435" s="15">
        <v>2.423</v>
      </c>
    </row>
    <row r="436" spans="1:4" x14ac:dyDescent="0.3">
      <c r="A436" s="11">
        <v>45796.802083333336</v>
      </c>
      <c r="B436" s="15">
        <v>2.645</v>
      </c>
      <c r="C436" s="15">
        <v>2.5249999999999999</v>
      </c>
      <c r="D436" s="15">
        <v>2.4220000000000002</v>
      </c>
    </row>
    <row r="437" spans="1:4" x14ac:dyDescent="0.3">
      <c r="A437" s="11">
        <v>45796.805555555555</v>
      </c>
      <c r="B437" s="15">
        <v>2.6440000000000001</v>
      </c>
      <c r="C437" s="15">
        <v>2.524</v>
      </c>
      <c r="D437" s="15">
        <v>2.4220000000000002</v>
      </c>
    </row>
    <row r="438" spans="1:4" x14ac:dyDescent="0.3">
      <c r="A438" s="11">
        <v>45796.809027777781</v>
      </c>
      <c r="B438" s="15">
        <v>2.645</v>
      </c>
      <c r="C438" s="15">
        <v>2.5249999999999999</v>
      </c>
      <c r="D438" s="15">
        <v>2.423</v>
      </c>
    </row>
    <row r="439" spans="1:4" x14ac:dyDescent="0.3">
      <c r="A439" s="11">
        <v>45796.8125</v>
      </c>
      <c r="B439" s="15">
        <v>2.6379999999999999</v>
      </c>
      <c r="C439" s="15">
        <v>2.5169999999999999</v>
      </c>
      <c r="D439" s="15">
        <v>2.415</v>
      </c>
    </row>
    <row r="440" spans="1:4" x14ac:dyDescent="0.3">
      <c r="A440" s="11">
        <v>45796.815972222219</v>
      </c>
      <c r="B440" s="15">
        <v>2.6560000000000001</v>
      </c>
      <c r="C440" s="15">
        <v>2.536</v>
      </c>
      <c r="D440" s="15">
        <v>2.415</v>
      </c>
    </row>
    <row r="441" spans="1:4" x14ac:dyDescent="0.3">
      <c r="A441" s="11">
        <v>45796.819444444445</v>
      </c>
      <c r="B441" s="15">
        <v>2.6379999999999999</v>
      </c>
      <c r="C441" s="15">
        <v>2.5169999999999999</v>
      </c>
      <c r="D441" s="15">
        <v>2.415</v>
      </c>
    </row>
    <row r="442" spans="1:4" x14ac:dyDescent="0.3">
      <c r="A442" s="11">
        <v>45796.822916666664</v>
      </c>
      <c r="B442" s="15">
        <v>2.657</v>
      </c>
      <c r="C442" s="15">
        <v>2.5369999999999999</v>
      </c>
      <c r="D442" s="15">
        <v>2.4159999999999999</v>
      </c>
    </row>
    <row r="443" spans="1:4" x14ac:dyDescent="0.3">
      <c r="A443" s="11">
        <v>45796.826388888891</v>
      </c>
      <c r="B443" s="15">
        <v>2.6379999999999999</v>
      </c>
      <c r="C443" s="15">
        <v>2.5169999999999999</v>
      </c>
      <c r="D443" s="15">
        <v>2.415</v>
      </c>
    </row>
    <row r="444" spans="1:4" x14ac:dyDescent="0.3">
      <c r="A444" s="11">
        <v>45796.829861111109</v>
      </c>
      <c r="B444" s="15">
        <v>2.6379999999999999</v>
      </c>
      <c r="C444" s="15">
        <v>2.5169999999999999</v>
      </c>
      <c r="D444" s="15">
        <v>2.415</v>
      </c>
    </row>
    <row r="445" spans="1:4" x14ac:dyDescent="0.3">
      <c r="A445" s="11">
        <v>45796.833333333336</v>
      </c>
      <c r="B445" s="15">
        <v>2.657</v>
      </c>
      <c r="C445" s="15">
        <v>2.5369999999999999</v>
      </c>
      <c r="D445" s="15">
        <v>2.4159999999999999</v>
      </c>
    </row>
    <row r="446" spans="1:4" x14ac:dyDescent="0.3">
      <c r="A446" s="11">
        <v>45796.836805555555</v>
      </c>
      <c r="B446" s="15">
        <v>2.6389999999999998</v>
      </c>
      <c r="C446" s="15">
        <v>2.5190000000000001</v>
      </c>
      <c r="D446" s="15">
        <v>2.4159999999999999</v>
      </c>
    </row>
    <row r="447" spans="1:4" x14ac:dyDescent="0.3">
      <c r="A447" s="11">
        <v>45796.840277777781</v>
      </c>
      <c r="B447" s="15">
        <v>2.6389999999999998</v>
      </c>
      <c r="C447" s="15">
        <v>2.5190000000000001</v>
      </c>
      <c r="D447" s="15">
        <v>2.4220000000000002</v>
      </c>
    </row>
    <row r="448" spans="1:4" x14ac:dyDescent="0.3">
      <c r="A448" s="11">
        <v>45796.84375</v>
      </c>
      <c r="B448" s="15">
        <v>2.64</v>
      </c>
      <c r="C448" s="15">
        <v>2.52</v>
      </c>
      <c r="D448" s="15">
        <v>2.4220000000000002</v>
      </c>
    </row>
    <row r="449" spans="1:4" x14ac:dyDescent="0.3">
      <c r="A449" s="11">
        <v>45796.847222222219</v>
      </c>
      <c r="B449" s="15">
        <v>2.64</v>
      </c>
      <c r="C449" s="15">
        <v>2.52</v>
      </c>
      <c r="D449" s="15">
        <v>2.4220000000000002</v>
      </c>
    </row>
    <row r="450" spans="1:4" x14ac:dyDescent="0.3">
      <c r="A450" s="11">
        <v>45796.850694444445</v>
      </c>
      <c r="B450" s="15">
        <v>2.6389999999999998</v>
      </c>
      <c r="C450" s="15">
        <v>2.5190000000000001</v>
      </c>
      <c r="D450" s="15">
        <v>2.4220000000000002</v>
      </c>
    </row>
    <row r="451" spans="1:4" x14ac:dyDescent="0.3">
      <c r="A451" s="11">
        <v>45796.854166666664</v>
      </c>
      <c r="B451" s="15">
        <v>2.6389999999999998</v>
      </c>
      <c r="C451" s="15">
        <v>2.5190000000000001</v>
      </c>
      <c r="D451" s="15">
        <v>2.4220000000000002</v>
      </c>
    </row>
    <row r="452" spans="1:4" x14ac:dyDescent="0.3">
      <c r="A452" s="11">
        <v>45796.857638888891</v>
      </c>
      <c r="B452" s="15">
        <v>2.6389999999999998</v>
      </c>
      <c r="C452" s="15">
        <v>2.5190000000000001</v>
      </c>
      <c r="D452" s="15">
        <v>2.4220000000000002</v>
      </c>
    </row>
    <row r="453" spans="1:4" x14ac:dyDescent="0.3">
      <c r="A453" s="11">
        <v>45796.861111111109</v>
      </c>
      <c r="B453" s="15">
        <v>2.6379999999999999</v>
      </c>
      <c r="C453" s="15">
        <v>2.5179999999999998</v>
      </c>
      <c r="D453" s="15">
        <v>2.4220000000000002</v>
      </c>
    </row>
    <row r="454" spans="1:4" x14ac:dyDescent="0.3">
      <c r="A454" s="11">
        <v>45796.864583333336</v>
      </c>
      <c r="B454" s="15">
        <v>2.6379999999999999</v>
      </c>
      <c r="C454" s="15">
        <v>2.5179999999999998</v>
      </c>
      <c r="D454" s="15">
        <v>2.4220000000000002</v>
      </c>
    </row>
    <row r="455" spans="1:4" x14ac:dyDescent="0.3">
      <c r="A455" s="11">
        <v>45796.868055555555</v>
      </c>
      <c r="B455" s="15">
        <v>2.637</v>
      </c>
      <c r="C455" s="15">
        <v>2.5169999999999999</v>
      </c>
      <c r="D455" s="15">
        <v>2.4220000000000002</v>
      </c>
    </row>
    <row r="456" spans="1:4" x14ac:dyDescent="0.3">
      <c r="A456" s="11">
        <v>45796.871527777781</v>
      </c>
      <c r="B456" s="15">
        <v>2.6360000000000001</v>
      </c>
      <c r="C456" s="15">
        <v>2.516</v>
      </c>
      <c r="D456" s="15">
        <v>2.4220000000000002</v>
      </c>
    </row>
    <row r="457" spans="1:4" x14ac:dyDescent="0.3">
      <c r="A457" s="11">
        <v>45796.875</v>
      </c>
      <c r="B457" s="15">
        <v>2.637</v>
      </c>
      <c r="C457" s="15">
        <v>2.5169999999999999</v>
      </c>
      <c r="D457" s="15">
        <v>2.4220000000000002</v>
      </c>
    </row>
    <row r="458" spans="1:4" x14ac:dyDescent="0.3">
      <c r="A458" s="11">
        <v>45796.878472222219</v>
      </c>
      <c r="B458" s="15">
        <v>2.6360000000000001</v>
      </c>
      <c r="C458" s="15">
        <v>2.516</v>
      </c>
      <c r="D458" s="15">
        <v>2.4220000000000002</v>
      </c>
    </row>
    <row r="459" spans="1:4" x14ac:dyDescent="0.3">
      <c r="A459" s="11">
        <v>45796.881944444445</v>
      </c>
      <c r="B459" s="15">
        <v>2.6349999999999998</v>
      </c>
      <c r="C459" s="15">
        <v>2.5150000000000001</v>
      </c>
      <c r="D459" s="15">
        <v>2.4220000000000002</v>
      </c>
    </row>
    <row r="460" spans="1:4" x14ac:dyDescent="0.3">
      <c r="A460" s="11">
        <v>45796.885416666664</v>
      </c>
      <c r="B460" s="15">
        <v>2.6339999999999999</v>
      </c>
      <c r="C460" s="15">
        <v>2.5129999999999999</v>
      </c>
      <c r="D460" s="15">
        <v>2.4220000000000002</v>
      </c>
    </row>
    <row r="461" spans="1:4" x14ac:dyDescent="0.3">
      <c r="A461" s="11">
        <v>45796.888888888891</v>
      </c>
      <c r="B461" s="15">
        <v>2.6320000000000001</v>
      </c>
      <c r="C461" s="15">
        <v>2.512</v>
      </c>
      <c r="D461" s="15">
        <v>2.4220000000000002</v>
      </c>
    </row>
    <row r="462" spans="1:4" x14ac:dyDescent="0.3">
      <c r="A462" s="11">
        <v>45796.892361111109</v>
      </c>
      <c r="B462" s="15">
        <v>2.633</v>
      </c>
      <c r="C462" s="15">
        <v>2.5129999999999999</v>
      </c>
      <c r="D462" s="15">
        <v>2.4220000000000002</v>
      </c>
    </row>
    <row r="463" spans="1:4" x14ac:dyDescent="0.3">
      <c r="A463" s="11">
        <v>45796.895833333336</v>
      </c>
      <c r="B463" s="15">
        <v>2.6320000000000001</v>
      </c>
      <c r="C463" s="15">
        <v>2.512</v>
      </c>
      <c r="D463" s="15">
        <v>2.4220000000000002</v>
      </c>
    </row>
    <row r="464" spans="1:4" x14ac:dyDescent="0.3">
      <c r="A464" s="11">
        <v>45796.899305555555</v>
      </c>
      <c r="B464" s="15">
        <v>2.633</v>
      </c>
      <c r="C464" s="15">
        <v>2.5129999999999999</v>
      </c>
      <c r="D464" s="15">
        <v>2.4220000000000002</v>
      </c>
    </row>
    <row r="465" spans="1:4" x14ac:dyDescent="0.3">
      <c r="A465" s="11">
        <v>45796.902777777781</v>
      </c>
      <c r="B465" s="15">
        <v>2.6339999999999999</v>
      </c>
      <c r="C465" s="15"/>
      <c r="D465" s="15">
        <v>2.4220000000000002</v>
      </c>
    </row>
    <row r="466" spans="1:4" x14ac:dyDescent="0.3">
      <c r="A466" s="11">
        <v>45796.90625</v>
      </c>
      <c r="B466" s="15">
        <v>2.6339999999999999</v>
      </c>
      <c r="C466" s="15">
        <v>2.5139999999999998</v>
      </c>
      <c r="D466" s="15">
        <v>2.4220000000000002</v>
      </c>
    </row>
    <row r="467" spans="1:4" x14ac:dyDescent="0.3">
      <c r="A467" s="11">
        <v>45796.909722222219</v>
      </c>
      <c r="B467" s="15">
        <v>2.6339999999999999</v>
      </c>
      <c r="C467" s="15">
        <v>2.5139999999999998</v>
      </c>
      <c r="D467" s="15">
        <v>2.4220000000000002</v>
      </c>
    </row>
    <row r="468" spans="1:4" x14ac:dyDescent="0.3">
      <c r="A468" s="11">
        <v>45796.913194444445</v>
      </c>
      <c r="B468" s="15">
        <v>2.633</v>
      </c>
      <c r="C468" s="15">
        <v>2.5129999999999999</v>
      </c>
      <c r="D468" s="15">
        <v>2.4220000000000002</v>
      </c>
    </row>
    <row r="469" spans="1:4" x14ac:dyDescent="0.3">
      <c r="A469" s="11">
        <v>45796.916666666664</v>
      </c>
      <c r="B469" s="15">
        <v>2.63</v>
      </c>
      <c r="C469" s="15">
        <v>2.5099999999999998</v>
      </c>
      <c r="D469" s="15">
        <v>2.4220000000000002</v>
      </c>
    </row>
    <row r="470" spans="1:4" x14ac:dyDescent="0.3">
      <c r="A470" s="11">
        <v>45796.920138888891</v>
      </c>
      <c r="B470" s="15">
        <v>2.6309999999999998</v>
      </c>
      <c r="C470" s="15">
        <v>2.5110000000000001</v>
      </c>
      <c r="D470" s="15">
        <v>2.4220000000000002</v>
      </c>
    </row>
    <row r="471" spans="1:4" x14ac:dyDescent="0.3">
      <c r="A471" s="11">
        <v>45797.006944444445</v>
      </c>
      <c r="B471" s="15">
        <v>2.6309999999999998</v>
      </c>
      <c r="C471" s="15">
        <v>2.5110000000000001</v>
      </c>
      <c r="D471" s="15">
        <v>2.4220000000000002</v>
      </c>
    </row>
    <row r="472" spans="1:4" x14ac:dyDescent="0.3">
      <c r="A472" s="11">
        <v>45797.024305555555</v>
      </c>
      <c r="B472" s="15">
        <v>2.6309999999999998</v>
      </c>
      <c r="C472" s="15">
        <v>2.5110000000000001</v>
      </c>
      <c r="D472" s="15">
        <v>2.4220000000000002</v>
      </c>
    </row>
    <row r="473" spans="1:4" x14ac:dyDescent="0.3">
      <c r="A473" s="11">
        <v>45797.100694444445</v>
      </c>
      <c r="B473" s="15">
        <v>2.63</v>
      </c>
      <c r="C473" s="15">
        <v>2.5099999999999998</v>
      </c>
      <c r="D473" s="15">
        <v>2.4220000000000002</v>
      </c>
    </row>
    <row r="474" spans="1:4" x14ac:dyDescent="0.3">
      <c r="A474" s="11">
        <v>45797.104166666664</v>
      </c>
      <c r="B474" s="15">
        <v>2.6309999999999998</v>
      </c>
      <c r="C474" s="15">
        <v>2.5110000000000001</v>
      </c>
      <c r="D474" s="15">
        <v>2.4220000000000002</v>
      </c>
    </row>
    <row r="475" spans="1:4" x14ac:dyDescent="0.3">
      <c r="A475" s="11">
        <v>45797.107638888891</v>
      </c>
      <c r="B475" s="15">
        <v>2.6320000000000001</v>
      </c>
      <c r="C475" s="15">
        <v>2.512</v>
      </c>
      <c r="D475" s="15">
        <v>2.4220000000000002</v>
      </c>
    </row>
    <row r="476" spans="1:4" x14ac:dyDescent="0.3">
      <c r="A476" s="11">
        <v>45797.111111111109</v>
      </c>
      <c r="B476" s="15">
        <v>2.633</v>
      </c>
      <c r="C476" s="15">
        <v>2.5129999999999999</v>
      </c>
      <c r="D476" s="15">
        <v>2.4220000000000002</v>
      </c>
    </row>
    <row r="477" spans="1:4" x14ac:dyDescent="0.3">
      <c r="A477" s="11">
        <v>45797.114583333336</v>
      </c>
      <c r="B477" s="15">
        <v>2.6309999999999998</v>
      </c>
      <c r="C477" s="15">
        <v>2.5110000000000001</v>
      </c>
      <c r="D477" s="15">
        <v>2.4220000000000002</v>
      </c>
    </row>
    <row r="478" spans="1:4" x14ac:dyDescent="0.3">
      <c r="A478" s="11">
        <v>45797.118055555555</v>
      </c>
      <c r="B478" s="15">
        <v>2.6309999999999998</v>
      </c>
      <c r="C478" s="15">
        <v>2.5110000000000001</v>
      </c>
      <c r="D478" s="15">
        <v>2.4220000000000002</v>
      </c>
    </row>
    <row r="479" spans="1:4" x14ac:dyDescent="0.3">
      <c r="A479" s="11">
        <v>45797.121527777781</v>
      </c>
      <c r="B479" s="15">
        <v>2.63</v>
      </c>
      <c r="C479" s="15">
        <v>2.5099999999999998</v>
      </c>
      <c r="D479" s="15">
        <v>2.4220000000000002</v>
      </c>
    </row>
    <row r="480" spans="1:4" x14ac:dyDescent="0.3">
      <c r="A480" s="11">
        <v>45797.125</v>
      </c>
      <c r="B480" s="15">
        <v>2.63</v>
      </c>
      <c r="C480" s="15">
        <v>2.5099999999999998</v>
      </c>
      <c r="D480" s="15">
        <v>2.4220000000000002</v>
      </c>
    </row>
    <row r="481" spans="1:4" x14ac:dyDescent="0.3">
      <c r="A481" s="11">
        <v>45797.128472222219</v>
      </c>
      <c r="B481" s="15">
        <v>2.63</v>
      </c>
      <c r="C481" s="15">
        <v>2.5099999999999998</v>
      </c>
      <c r="D481" s="15">
        <v>2.4220000000000002</v>
      </c>
    </row>
    <row r="482" spans="1:4" x14ac:dyDescent="0.3">
      <c r="A482" s="11">
        <v>45797.131944444445</v>
      </c>
      <c r="B482" s="15">
        <v>2.629</v>
      </c>
      <c r="C482" s="15">
        <v>2.5089999999999999</v>
      </c>
      <c r="D482" s="15">
        <v>2.4220000000000002</v>
      </c>
    </row>
    <row r="483" spans="1:4" x14ac:dyDescent="0.3">
      <c r="A483" s="11">
        <v>45797.135416666664</v>
      </c>
      <c r="B483" s="15">
        <v>2.6269999999999998</v>
      </c>
      <c r="C483" s="15">
        <v>2.5070000000000001</v>
      </c>
      <c r="D483" s="15">
        <v>2.4220000000000002</v>
      </c>
    </row>
    <row r="484" spans="1:4" x14ac:dyDescent="0.3">
      <c r="A484" s="11">
        <v>45797.138888888891</v>
      </c>
      <c r="B484" s="15">
        <v>2.6259999999999999</v>
      </c>
      <c r="C484" s="15">
        <v>2.5059999999999998</v>
      </c>
      <c r="D484" s="15">
        <v>2.4220000000000002</v>
      </c>
    </row>
    <row r="485" spans="1:4" x14ac:dyDescent="0.3">
      <c r="A485" s="11">
        <v>45797.142361111109</v>
      </c>
      <c r="B485" s="15">
        <v>2.6230000000000002</v>
      </c>
      <c r="C485" s="15">
        <v>2.5030000000000001</v>
      </c>
      <c r="D485" s="15">
        <v>2.4220000000000002</v>
      </c>
    </row>
    <row r="486" spans="1:4" x14ac:dyDescent="0.3">
      <c r="A486" s="11">
        <v>45797.145833333336</v>
      </c>
      <c r="B486" s="15">
        <v>2.6240000000000001</v>
      </c>
      <c r="C486" s="15">
        <v>2.504</v>
      </c>
      <c r="D486" s="15">
        <v>2.4220000000000002</v>
      </c>
    </row>
    <row r="487" spans="1:4" x14ac:dyDescent="0.3">
      <c r="A487" s="11">
        <v>45797.149305555555</v>
      </c>
      <c r="B487" s="15">
        <v>2.625</v>
      </c>
      <c r="C487" s="15">
        <v>2.5049999999999999</v>
      </c>
      <c r="D487" s="15">
        <v>2.4220000000000002</v>
      </c>
    </row>
    <row r="488" spans="1:4" x14ac:dyDescent="0.3">
      <c r="A488" s="11">
        <v>45797.152777777781</v>
      </c>
      <c r="B488" s="15">
        <v>2.6269999999999998</v>
      </c>
      <c r="C488" s="15">
        <v>2.5070000000000001</v>
      </c>
      <c r="D488" s="15">
        <v>2.4220000000000002</v>
      </c>
    </row>
    <row r="489" spans="1:4" x14ac:dyDescent="0.3">
      <c r="A489" s="11">
        <v>45797.15625</v>
      </c>
      <c r="B489" s="15">
        <v>2.629</v>
      </c>
      <c r="C489" s="15">
        <v>2.5089999999999999</v>
      </c>
      <c r="D489" s="15">
        <v>2.4220000000000002</v>
      </c>
    </row>
    <row r="490" spans="1:4" x14ac:dyDescent="0.3">
      <c r="A490" s="11">
        <v>45797.159722222219</v>
      </c>
      <c r="B490" s="15">
        <v>2.63</v>
      </c>
      <c r="C490" s="15">
        <v>2.5099999999999998</v>
      </c>
      <c r="D490" s="15">
        <v>2.4220000000000002</v>
      </c>
    </row>
    <row r="491" spans="1:4" x14ac:dyDescent="0.3">
      <c r="A491" s="11">
        <v>45797.163194444445</v>
      </c>
      <c r="B491" s="15">
        <v>2.629</v>
      </c>
      <c r="C491" s="15">
        <v>2.5089999999999999</v>
      </c>
      <c r="D491" s="15">
        <v>2.4220000000000002</v>
      </c>
    </row>
    <row r="492" spans="1:4" x14ac:dyDescent="0.3">
      <c r="A492" s="11">
        <v>45797.166666666664</v>
      </c>
      <c r="B492" s="15">
        <v>2.629</v>
      </c>
      <c r="C492" s="15">
        <v>2.5089999999999999</v>
      </c>
      <c r="D492" s="15">
        <v>2.4220000000000002</v>
      </c>
    </row>
    <row r="493" spans="1:4" x14ac:dyDescent="0.3">
      <c r="A493" s="11">
        <v>45797.170138888891</v>
      </c>
      <c r="B493" s="15">
        <v>2.6309999999999998</v>
      </c>
      <c r="C493" s="15">
        <v>2.5110000000000001</v>
      </c>
      <c r="D493" s="15">
        <v>2.4220000000000002</v>
      </c>
    </row>
    <row r="494" spans="1:4" x14ac:dyDescent="0.3">
      <c r="A494" s="11">
        <v>45797.173611111109</v>
      </c>
      <c r="B494" s="15">
        <v>2.629</v>
      </c>
      <c r="C494" s="15">
        <v>2.5089999999999999</v>
      </c>
      <c r="D494" s="15">
        <v>2.4220000000000002</v>
      </c>
    </row>
    <row r="495" spans="1:4" x14ac:dyDescent="0.3">
      <c r="A495" s="11">
        <v>45797.177083333336</v>
      </c>
      <c r="B495" s="15">
        <v>2.629</v>
      </c>
      <c r="C495" s="15">
        <v>2.5089999999999999</v>
      </c>
      <c r="D495" s="15">
        <v>2.4220000000000002</v>
      </c>
    </row>
    <row r="496" spans="1:4" x14ac:dyDescent="0.3">
      <c r="A496" s="11">
        <v>45797.180555555555</v>
      </c>
      <c r="B496" s="15">
        <v>2.6280000000000001</v>
      </c>
      <c r="C496" s="15">
        <v>2.508</v>
      </c>
      <c r="D496" s="15">
        <v>2.4220000000000002</v>
      </c>
    </row>
    <row r="497" spans="1:4" x14ac:dyDescent="0.3">
      <c r="A497" s="11">
        <v>45797.184027777781</v>
      </c>
      <c r="B497" s="15">
        <v>2.6280000000000001</v>
      </c>
      <c r="C497" s="15">
        <v>2.508</v>
      </c>
      <c r="D497" s="15">
        <v>2.4220000000000002</v>
      </c>
    </row>
    <row r="498" spans="1:4" x14ac:dyDescent="0.3">
      <c r="A498" s="11">
        <v>45797.1875</v>
      </c>
      <c r="B498" s="15">
        <v>2.6280000000000001</v>
      </c>
      <c r="C498" s="15">
        <v>2.508</v>
      </c>
      <c r="D498" s="15">
        <v>2.4220000000000002</v>
      </c>
    </row>
    <row r="499" spans="1:4" x14ac:dyDescent="0.3">
      <c r="A499" s="11">
        <v>45797.190972222219</v>
      </c>
      <c r="B499" s="15">
        <v>2.6280000000000001</v>
      </c>
      <c r="C499" s="15">
        <v>2.508</v>
      </c>
      <c r="D499" s="15">
        <v>2.4220000000000002</v>
      </c>
    </row>
    <row r="500" spans="1:4" x14ac:dyDescent="0.3">
      <c r="A500" s="11">
        <v>45797.194444444445</v>
      </c>
      <c r="B500" s="15">
        <v>2.629</v>
      </c>
      <c r="C500" s="15">
        <v>2.5089999999999999</v>
      </c>
      <c r="D500" s="15">
        <v>2.4220000000000002</v>
      </c>
    </row>
    <row r="501" spans="1:4" x14ac:dyDescent="0.3">
      <c r="A501" s="11">
        <v>45797.197916666664</v>
      </c>
      <c r="B501" s="15">
        <v>2.629</v>
      </c>
      <c r="C501" s="15"/>
      <c r="D501" s="15">
        <v>2.4220000000000002</v>
      </c>
    </row>
    <row r="502" spans="1:4" x14ac:dyDescent="0.3">
      <c r="A502" s="11">
        <v>45797.201388888891</v>
      </c>
      <c r="B502" s="15">
        <v>2.629</v>
      </c>
      <c r="C502" s="15"/>
      <c r="D502" s="15">
        <v>2.4220000000000002</v>
      </c>
    </row>
    <row r="503" spans="1:4" x14ac:dyDescent="0.3">
      <c r="A503" s="11">
        <v>45797.208333333336</v>
      </c>
      <c r="B503" s="15">
        <v>2.633</v>
      </c>
      <c r="C503" s="15">
        <v>2.5129999999999999</v>
      </c>
      <c r="D503" s="15">
        <v>2.4220000000000002</v>
      </c>
    </row>
    <row r="504" spans="1:4" x14ac:dyDescent="0.3">
      <c r="A504" s="11">
        <v>45797.211805555555</v>
      </c>
      <c r="B504" s="15">
        <v>2.633</v>
      </c>
      <c r="C504" s="15">
        <v>2.5129999999999999</v>
      </c>
      <c r="D504" s="15">
        <v>2.4220000000000002</v>
      </c>
    </row>
    <row r="505" spans="1:4" x14ac:dyDescent="0.3">
      <c r="A505" s="11">
        <v>45797.215277777781</v>
      </c>
      <c r="B505" s="15">
        <v>2.6320000000000001</v>
      </c>
      <c r="C505" s="15">
        <v>2.512</v>
      </c>
      <c r="D505" s="15">
        <v>2.4220000000000002</v>
      </c>
    </row>
    <row r="506" spans="1:4" x14ac:dyDescent="0.3">
      <c r="A506" s="11">
        <v>45797.21875</v>
      </c>
      <c r="B506" s="15">
        <v>2.63</v>
      </c>
      <c r="C506" s="15">
        <v>2.5099999999999998</v>
      </c>
      <c r="D506" s="15">
        <v>2.4220000000000002</v>
      </c>
    </row>
    <row r="507" spans="1:4" x14ac:dyDescent="0.3">
      <c r="A507" s="11">
        <v>45797.222222222219</v>
      </c>
      <c r="B507" s="15">
        <v>2.63</v>
      </c>
      <c r="C507" s="15">
        <v>2.5099999999999998</v>
      </c>
      <c r="D507" s="15">
        <v>2.4220000000000002</v>
      </c>
    </row>
    <row r="508" spans="1:4" x14ac:dyDescent="0.3">
      <c r="A508" s="11">
        <v>45797.225694444445</v>
      </c>
      <c r="B508" s="15">
        <v>2.63</v>
      </c>
      <c r="C508" s="15">
        <v>2.5099999999999998</v>
      </c>
      <c r="D508" s="15">
        <v>2.4220000000000002</v>
      </c>
    </row>
    <row r="509" spans="1:4" x14ac:dyDescent="0.3">
      <c r="A509" s="11">
        <v>45797.232638888891</v>
      </c>
      <c r="B509" s="15">
        <v>2.629</v>
      </c>
      <c r="C509" s="15">
        <v>2.5089999999999999</v>
      </c>
      <c r="D509" s="15">
        <v>2.4220000000000002</v>
      </c>
    </row>
    <row r="510" spans="1:4" x14ac:dyDescent="0.3">
      <c r="A510" s="11">
        <v>45797.236111111109</v>
      </c>
      <c r="B510" s="15">
        <v>2.6379999999999999</v>
      </c>
      <c r="C510" s="15">
        <v>2.5179999999999998</v>
      </c>
      <c r="D510" s="15">
        <v>2.4220000000000002</v>
      </c>
    </row>
    <row r="511" spans="1:4" x14ac:dyDescent="0.3">
      <c r="A511" s="11">
        <v>45797.239583333336</v>
      </c>
      <c r="B511" s="15">
        <v>2.6360000000000001</v>
      </c>
      <c r="C511" s="15">
        <v>2.516</v>
      </c>
      <c r="D511" s="15">
        <v>2.4220000000000002</v>
      </c>
    </row>
    <row r="512" spans="1:4" x14ac:dyDescent="0.3">
      <c r="A512" s="11">
        <v>45797.243055555555</v>
      </c>
      <c r="B512" s="15">
        <v>2.6360000000000001</v>
      </c>
      <c r="C512" s="15">
        <v>2.516</v>
      </c>
      <c r="D512" s="15">
        <v>2.4220000000000002</v>
      </c>
    </row>
    <row r="513" spans="1:4" x14ac:dyDescent="0.3">
      <c r="A513" s="11">
        <v>45797.246527777781</v>
      </c>
      <c r="B513" s="15">
        <v>2.6379999999999999</v>
      </c>
      <c r="C513" s="15">
        <v>2.5179999999999998</v>
      </c>
      <c r="D513" s="15">
        <v>2.4220000000000002</v>
      </c>
    </row>
    <row r="514" spans="1:4" x14ac:dyDescent="0.3">
      <c r="A514" s="11">
        <v>45797.25</v>
      </c>
      <c r="B514" s="15">
        <v>2.64</v>
      </c>
      <c r="C514" s="15">
        <v>2.52</v>
      </c>
      <c r="D514" s="15">
        <v>2.4220000000000002</v>
      </c>
    </row>
    <row r="515" spans="1:4" x14ac:dyDescent="0.3">
      <c r="A515" s="11">
        <v>45797.253472222219</v>
      </c>
      <c r="B515" s="15">
        <v>2.637</v>
      </c>
      <c r="C515" s="15">
        <v>2.5169999999999999</v>
      </c>
      <c r="D515" s="15">
        <v>2.4220000000000002</v>
      </c>
    </row>
    <row r="516" spans="1:4" x14ac:dyDescent="0.3">
      <c r="A516" s="11">
        <v>45797.256944444445</v>
      </c>
      <c r="B516" s="15">
        <v>2.6389999999999998</v>
      </c>
      <c r="C516" s="15">
        <v>2.5190000000000001</v>
      </c>
      <c r="D516" s="15">
        <v>2.4220000000000002</v>
      </c>
    </row>
    <row r="517" spans="1:4" x14ac:dyDescent="0.3">
      <c r="A517" s="11">
        <v>45797.260416666664</v>
      </c>
      <c r="B517" s="15">
        <v>2.6379999999999999</v>
      </c>
      <c r="C517" s="15">
        <v>2.5179999999999998</v>
      </c>
      <c r="D517" s="15">
        <v>2.4220000000000002</v>
      </c>
    </row>
    <row r="518" spans="1:4" x14ac:dyDescent="0.3">
      <c r="A518" s="11">
        <v>45797.263888888891</v>
      </c>
      <c r="B518" s="15">
        <v>2.64</v>
      </c>
      <c r="C518" s="15">
        <v>2.52</v>
      </c>
      <c r="D518" s="15">
        <v>2.4220000000000002</v>
      </c>
    </row>
    <row r="519" spans="1:4" x14ac:dyDescent="0.3">
      <c r="A519" s="11">
        <v>45797.267361111109</v>
      </c>
      <c r="B519" s="15">
        <v>2.6389999999999998</v>
      </c>
      <c r="C519" s="15">
        <v>2.5190000000000001</v>
      </c>
      <c r="D519" s="15">
        <v>2.4220000000000002</v>
      </c>
    </row>
    <row r="520" spans="1:4" x14ac:dyDescent="0.3">
      <c r="A520" s="11">
        <v>45797.270833333336</v>
      </c>
      <c r="B520" s="15">
        <v>2.64</v>
      </c>
      <c r="C520" s="15">
        <v>2.52</v>
      </c>
      <c r="D520" s="15">
        <v>2.4220000000000002</v>
      </c>
    </row>
    <row r="521" spans="1:4" x14ac:dyDescent="0.3">
      <c r="A521" s="11">
        <v>45797.274305555555</v>
      </c>
      <c r="B521" s="15">
        <v>2.6389999999999998</v>
      </c>
      <c r="C521" s="15">
        <v>2.5190000000000001</v>
      </c>
      <c r="D521" s="15">
        <v>2.4220000000000002</v>
      </c>
    </row>
    <row r="522" spans="1:4" x14ac:dyDescent="0.3">
      <c r="A522" s="11">
        <v>45797.277777777781</v>
      </c>
      <c r="B522" s="15">
        <v>2.6349999999999998</v>
      </c>
      <c r="C522" s="15">
        <v>2.5150000000000001</v>
      </c>
      <c r="D522" s="15">
        <v>2.4220000000000002</v>
      </c>
    </row>
    <row r="523" spans="1:4" x14ac:dyDescent="0.3">
      <c r="A523" s="11">
        <v>45797.28125</v>
      </c>
      <c r="B523" s="15">
        <v>2.6360000000000001</v>
      </c>
      <c r="C523" s="15">
        <v>2.516</v>
      </c>
      <c r="D523" s="15">
        <v>2.4220000000000002</v>
      </c>
    </row>
    <row r="524" spans="1:4" x14ac:dyDescent="0.3">
      <c r="A524" s="11">
        <v>45797.284722222219</v>
      </c>
      <c r="B524" s="15">
        <v>2.6360000000000001</v>
      </c>
      <c r="C524" s="15">
        <v>2.516</v>
      </c>
      <c r="D524" s="15">
        <v>2.4220000000000002</v>
      </c>
    </row>
    <row r="525" spans="1:4" x14ac:dyDescent="0.3">
      <c r="A525" s="11">
        <v>45797.288194444445</v>
      </c>
      <c r="B525" s="15">
        <v>2.6379999999999999</v>
      </c>
      <c r="C525" s="15">
        <v>2.5169999999999999</v>
      </c>
      <c r="D525" s="15">
        <v>2.4220000000000002</v>
      </c>
    </row>
    <row r="526" spans="1:4" x14ac:dyDescent="0.3">
      <c r="A526" s="11">
        <v>45797.291666666664</v>
      </c>
      <c r="B526" s="15">
        <v>2.64</v>
      </c>
      <c r="C526" s="15">
        <v>2.52</v>
      </c>
      <c r="D526" s="15">
        <v>2.4220000000000002</v>
      </c>
    </row>
    <row r="527" spans="1:4" x14ac:dyDescent="0.3">
      <c r="A527" s="11">
        <v>45797.295138888891</v>
      </c>
      <c r="B527" s="15">
        <v>2.6360000000000001</v>
      </c>
      <c r="C527" s="15">
        <v>2.516</v>
      </c>
      <c r="D527" s="15">
        <v>2.4220000000000002</v>
      </c>
    </row>
    <row r="528" spans="1:4" x14ac:dyDescent="0.3">
      <c r="A528" s="11">
        <v>45797.298611111109</v>
      </c>
      <c r="B528" s="15">
        <v>2.641</v>
      </c>
      <c r="C528" s="15">
        <v>2.5209999999999999</v>
      </c>
      <c r="D528" s="15">
        <v>2.4220000000000002</v>
      </c>
    </row>
    <row r="529" spans="1:4" x14ac:dyDescent="0.3">
      <c r="A529" s="11">
        <v>45797.302083333336</v>
      </c>
      <c r="B529" s="15">
        <v>2.64</v>
      </c>
      <c r="C529" s="15">
        <v>2.52</v>
      </c>
      <c r="D529" s="15">
        <v>2.4220000000000002</v>
      </c>
    </row>
    <row r="530" spans="1:4" x14ac:dyDescent="0.3">
      <c r="A530" s="11">
        <v>45797.305555555555</v>
      </c>
      <c r="B530" s="15">
        <v>2.6429999999999998</v>
      </c>
      <c r="C530" s="15">
        <v>2.5230000000000001</v>
      </c>
      <c r="D530" s="15">
        <v>2.4220000000000002</v>
      </c>
    </row>
    <row r="531" spans="1:4" x14ac:dyDescent="0.3">
      <c r="A531" s="11">
        <v>45797.309027777781</v>
      </c>
      <c r="B531" s="15">
        <v>2.6419999999999999</v>
      </c>
      <c r="C531" s="15">
        <v>2.5219999999999998</v>
      </c>
      <c r="D531" s="15">
        <v>2.4220000000000002</v>
      </c>
    </row>
    <row r="532" spans="1:4" x14ac:dyDescent="0.3">
      <c r="A532" s="11">
        <v>45797.3125</v>
      </c>
      <c r="B532" s="15">
        <v>2.641</v>
      </c>
      <c r="C532" s="15">
        <v>2.5209999999999999</v>
      </c>
      <c r="D532" s="15">
        <v>2.4220000000000002</v>
      </c>
    </row>
    <row r="533" spans="1:4" x14ac:dyDescent="0.3">
      <c r="A533" s="11">
        <v>45797.315972222219</v>
      </c>
      <c r="B533" s="15">
        <v>2.637</v>
      </c>
      <c r="C533" s="15">
        <v>2.5169999999999999</v>
      </c>
      <c r="D533" s="15">
        <v>2.4220000000000002</v>
      </c>
    </row>
    <row r="534" spans="1:4" x14ac:dyDescent="0.3">
      <c r="A534" s="11">
        <v>45797.319444444445</v>
      </c>
      <c r="B534" s="15">
        <v>2.6379999999999999</v>
      </c>
      <c r="C534" s="15">
        <v>2.5179999999999998</v>
      </c>
      <c r="D534" s="15">
        <v>2.4209999999999998</v>
      </c>
    </row>
    <row r="535" spans="1:4" x14ac:dyDescent="0.3">
      <c r="A535" s="11">
        <v>45797.322916666664</v>
      </c>
      <c r="B535" s="15">
        <v>2.6339999999999999</v>
      </c>
      <c r="C535" s="15">
        <v>2.5139999999999998</v>
      </c>
      <c r="D535" s="15">
        <v>2.4060000000000001</v>
      </c>
    </row>
    <row r="536" spans="1:4" x14ac:dyDescent="0.3">
      <c r="A536" s="11">
        <v>45797.326388888891</v>
      </c>
      <c r="B536" s="15">
        <v>2.63</v>
      </c>
      <c r="C536" s="15">
        <v>2.5099999999999998</v>
      </c>
      <c r="D536" s="15">
        <v>2.4060000000000001</v>
      </c>
    </row>
    <row r="537" spans="1:4" x14ac:dyDescent="0.3">
      <c r="A537" s="11">
        <v>45797.329861111109</v>
      </c>
      <c r="B537" s="15">
        <v>2.6269999999999998</v>
      </c>
      <c r="C537" s="15">
        <v>2.5070000000000001</v>
      </c>
      <c r="D537" s="15">
        <v>2.4060000000000001</v>
      </c>
    </row>
    <row r="538" spans="1:4" x14ac:dyDescent="0.3">
      <c r="A538" s="11">
        <v>45797.333333333336</v>
      </c>
      <c r="B538" s="15">
        <v>2.63</v>
      </c>
      <c r="C538" s="15">
        <v>2.5099999999999998</v>
      </c>
      <c r="D538" s="15">
        <v>2.4060000000000001</v>
      </c>
    </row>
    <row r="539" spans="1:4" x14ac:dyDescent="0.3">
      <c r="A539" s="11">
        <v>45797.336805555555</v>
      </c>
      <c r="B539" s="15">
        <v>2.629</v>
      </c>
      <c r="C539" s="15">
        <v>2.5270000000000001</v>
      </c>
      <c r="D539" s="15">
        <v>2.4060000000000001</v>
      </c>
    </row>
    <row r="540" spans="1:4" x14ac:dyDescent="0.3">
      <c r="A540" s="11">
        <v>45797.340277777781</v>
      </c>
      <c r="B540" s="15">
        <v>2.63</v>
      </c>
      <c r="C540" s="15">
        <v>2.5099999999999998</v>
      </c>
      <c r="D540" s="15">
        <v>2.4119999999999999</v>
      </c>
    </row>
    <row r="541" spans="1:4" x14ac:dyDescent="0.3">
      <c r="A541" s="11">
        <v>45797.34375</v>
      </c>
      <c r="B541" s="15">
        <v>2.6309999999999998</v>
      </c>
      <c r="C541" s="15">
        <v>2.5110000000000001</v>
      </c>
      <c r="D541" s="15">
        <v>2.415</v>
      </c>
    </row>
    <row r="542" spans="1:4" x14ac:dyDescent="0.3">
      <c r="A542" s="11">
        <v>45797.347222222219</v>
      </c>
      <c r="B542" s="15">
        <v>2.6389999999999998</v>
      </c>
      <c r="C542" s="15">
        <v>2.5190000000000001</v>
      </c>
      <c r="D542" s="15">
        <v>2.415</v>
      </c>
    </row>
    <row r="543" spans="1:4" x14ac:dyDescent="0.3">
      <c r="A543" s="11">
        <v>45797.350694444445</v>
      </c>
      <c r="B543" s="15">
        <v>2.63</v>
      </c>
      <c r="C543" s="15">
        <v>2.5099999999999998</v>
      </c>
      <c r="D543" s="15">
        <v>2.4079999999999999</v>
      </c>
    </row>
    <row r="544" spans="1:4" x14ac:dyDescent="0.3">
      <c r="A544" s="11">
        <v>45797.354166666664</v>
      </c>
      <c r="B544" s="15">
        <v>2.6280000000000001</v>
      </c>
      <c r="C544" s="15">
        <v>2.508</v>
      </c>
      <c r="D544" s="15">
        <v>2.4049999999999998</v>
      </c>
    </row>
    <row r="545" spans="1:4" x14ac:dyDescent="0.3">
      <c r="A545" s="11">
        <v>45797.357638888891</v>
      </c>
      <c r="B545" s="15">
        <v>2.653</v>
      </c>
      <c r="C545" s="15">
        <v>2.532</v>
      </c>
      <c r="D545" s="15">
        <v>2.4119999999999999</v>
      </c>
    </row>
    <row r="546" spans="1:4" x14ac:dyDescent="0.3">
      <c r="A546" s="11">
        <v>45797.361111111109</v>
      </c>
      <c r="B546" s="15">
        <v>2.653</v>
      </c>
      <c r="C546" s="15">
        <v>2.5379999999999998</v>
      </c>
      <c r="D546" s="15">
        <v>2.4180000000000001</v>
      </c>
    </row>
    <row r="547" spans="1:4" x14ac:dyDescent="0.3">
      <c r="A547" s="11">
        <v>45797.364583333336</v>
      </c>
      <c r="B547" s="15">
        <v>2.645</v>
      </c>
      <c r="C547" s="15">
        <v>2.5430000000000001</v>
      </c>
      <c r="D547" s="15">
        <v>2.4220000000000002</v>
      </c>
    </row>
    <row r="548" spans="1:4" x14ac:dyDescent="0.3">
      <c r="A548" s="11">
        <v>45797.368055555555</v>
      </c>
      <c r="B548" s="15">
        <v>2.6480000000000001</v>
      </c>
      <c r="C548" s="15">
        <v>2.5459999999999998</v>
      </c>
      <c r="D548" s="15">
        <v>2.4249999999999998</v>
      </c>
    </row>
    <row r="549" spans="1:4" x14ac:dyDescent="0.3">
      <c r="A549" s="11">
        <v>45797.371527777781</v>
      </c>
      <c r="B549" s="15">
        <v>2.649</v>
      </c>
      <c r="C549" s="15">
        <v>2.5459999999999998</v>
      </c>
      <c r="D549" s="15">
        <v>2.4260000000000002</v>
      </c>
    </row>
    <row r="550" spans="1:4" x14ac:dyDescent="0.3">
      <c r="A550" s="11">
        <v>45797.375</v>
      </c>
      <c r="B550" s="15">
        <v>2.6659999999999999</v>
      </c>
      <c r="C550" s="15">
        <v>2.528</v>
      </c>
      <c r="D550" s="15">
        <v>2.4239999999999999</v>
      </c>
    </row>
    <row r="551" spans="1:4" x14ac:dyDescent="0.3">
      <c r="A551" s="11">
        <v>45797.378472222219</v>
      </c>
      <c r="B551" s="15">
        <v>2.649</v>
      </c>
      <c r="C551" s="15">
        <v>2.5459999999999998</v>
      </c>
      <c r="D551" s="15">
        <v>2.4249999999999998</v>
      </c>
    </row>
    <row r="552" spans="1:4" x14ac:dyDescent="0.3">
      <c r="A552" s="11">
        <v>45797.381944444445</v>
      </c>
      <c r="B552" s="15">
        <v>2.6640000000000001</v>
      </c>
      <c r="C552" s="15">
        <v>2.544</v>
      </c>
      <c r="D552" s="15">
        <v>2.423</v>
      </c>
    </row>
    <row r="553" spans="1:4" x14ac:dyDescent="0.3">
      <c r="A553" s="11">
        <v>45797.385416666664</v>
      </c>
      <c r="B553" s="15">
        <v>2.6339999999999999</v>
      </c>
      <c r="C553" s="15">
        <v>2.532</v>
      </c>
      <c r="D553" s="15">
        <v>2.4180000000000001</v>
      </c>
    </row>
    <row r="554" spans="1:4" x14ac:dyDescent="0.3">
      <c r="A554" s="11">
        <v>45797.388888888891</v>
      </c>
      <c r="B554" s="15">
        <v>2.64</v>
      </c>
      <c r="C554" s="15">
        <v>2.5209999999999999</v>
      </c>
      <c r="D554" s="15">
        <v>2.399</v>
      </c>
    </row>
    <row r="555" spans="1:4" x14ac:dyDescent="0.3">
      <c r="A555" s="11">
        <v>45797.392361111109</v>
      </c>
      <c r="B555" s="15">
        <v>2.6419999999999999</v>
      </c>
      <c r="C555" s="15">
        <v>2.524</v>
      </c>
      <c r="D555" s="15">
        <v>2.4039999999999999</v>
      </c>
    </row>
    <row r="556" spans="1:4" x14ac:dyDescent="0.3">
      <c r="A556" s="11">
        <v>45797.395833333336</v>
      </c>
      <c r="B556" s="15">
        <v>2.6259999999999999</v>
      </c>
      <c r="C556" s="15">
        <v>2.508</v>
      </c>
      <c r="D556" s="15">
        <v>2.3879999999999999</v>
      </c>
    </row>
    <row r="557" spans="1:4" x14ac:dyDescent="0.3">
      <c r="A557" s="11">
        <v>45797.399305555555</v>
      </c>
      <c r="B557" s="15">
        <v>2.65</v>
      </c>
      <c r="C557" s="15">
        <v>2.5249999999999999</v>
      </c>
      <c r="D557" s="15">
        <v>2.403</v>
      </c>
    </row>
    <row r="558" spans="1:4" x14ac:dyDescent="0.3">
      <c r="A558" s="11">
        <v>45797.402777777781</v>
      </c>
      <c r="B558" s="15">
        <v>2.641</v>
      </c>
      <c r="C558" s="15">
        <v>2.5230000000000001</v>
      </c>
      <c r="D558" s="15">
        <v>2.3929999999999998</v>
      </c>
    </row>
    <row r="559" spans="1:4" x14ac:dyDescent="0.3">
      <c r="A559" s="11">
        <v>45797.40625</v>
      </c>
      <c r="B559" s="15">
        <v>2.6419999999999999</v>
      </c>
      <c r="C559" s="15">
        <v>2.52</v>
      </c>
      <c r="D559" s="15">
        <v>2.4039999999999999</v>
      </c>
    </row>
    <row r="560" spans="1:4" x14ac:dyDescent="0.3">
      <c r="A560" s="11">
        <v>45797.409722222219</v>
      </c>
      <c r="B560" s="15">
        <v>2.6440000000000001</v>
      </c>
      <c r="C560" s="15">
        <v>2.5190000000000001</v>
      </c>
      <c r="D560" s="15">
        <v>2.3969999999999998</v>
      </c>
    </row>
    <row r="561" spans="1:4" x14ac:dyDescent="0.3">
      <c r="A561" s="11">
        <v>45797.413194444445</v>
      </c>
      <c r="B561" s="15">
        <v>2.645</v>
      </c>
      <c r="C561" s="15">
        <v>2.5259999999999998</v>
      </c>
      <c r="D561" s="15">
        <v>2.4039999999999999</v>
      </c>
    </row>
    <row r="562" spans="1:4" x14ac:dyDescent="0.3">
      <c r="A562" s="11">
        <v>45797.416666666664</v>
      </c>
      <c r="B562" s="15">
        <v>2.6339999999999999</v>
      </c>
      <c r="C562" s="15">
        <v>2.5339999999999998</v>
      </c>
      <c r="D562" s="15">
        <v>2.4129999999999998</v>
      </c>
    </row>
    <row r="563" spans="1:4" x14ac:dyDescent="0.3">
      <c r="A563" s="11">
        <v>45797.420138888891</v>
      </c>
      <c r="B563" s="15">
        <v>2.6539999999999999</v>
      </c>
      <c r="C563" s="15">
        <v>2.5350000000000001</v>
      </c>
      <c r="D563" s="15">
        <v>2.403</v>
      </c>
    </row>
    <row r="564" spans="1:4" x14ac:dyDescent="0.3">
      <c r="A564" s="11">
        <v>45797.423611111109</v>
      </c>
      <c r="B564" s="15">
        <v>2.6320000000000001</v>
      </c>
      <c r="C564" s="15">
        <v>2.5289999999999999</v>
      </c>
      <c r="D564" s="15">
        <v>2.4</v>
      </c>
    </row>
    <row r="565" spans="1:4" x14ac:dyDescent="0.3">
      <c r="A565" s="11">
        <v>45797.427083333336</v>
      </c>
      <c r="B565" s="15">
        <v>2.6240000000000001</v>
      </c>
      <c r="C565" s="15">
        <v>2.504</v>
      </c>
      <c r="D565" s="15">
        <v>2.3839999999999999</v>
      </c>
    </row>
    <row r="566" spans="1:4" x14ac:dyDescent="0.3">
      <c r="A566" s="11">
        <v>45797.430555555555</v>
      </c>
      <c r="B566" s="15">
        <v>2.625</v>
      </c>
      <c r="C566" s="15">
        <v>2.5049999999999999</v>
      </c>
      <c r="D566" s="15">
        <v>2.403</v>
      </c>
    </row>
    <row r="567" spans="1:4" x14ac:dyDescent="0.3">
      <c r="A567" s="11">
        <v>45797.434027777781</v>
      </c>
      <c r="B567" s="15">
        <v>2.6440000000000001</v>
      </c>
      <c r="C567" s="15">
        <v>2.524</v>
      </c>
      <c r="D567" s="15">
        <v>2.403</v>
      </c>
    </row>
    <row r="568" spans="1:4" x14ac:dyDescent="0.3">
      <c r="A568" s="11">
        <v>45797.4375</v>
      </c>
      <c r="B568" s="15">
        <v>2.6429999999999998</v>
      </c>
      <c r="C568" s="15">
        <v>2.5230000000000001</v>
      </c>
      <c r="D568" s="15">
        <v>2.403</v>
      </c>
    </row>
    <row r="569" spans="1:4" x14ac:dyDescent="0.3">
      <c r="A569" s="11">
        <v>45797.440972222219</v>
      </c>
      <c r="B569" s="15">
        <v>2.6440000000000001</v>
      </c>
      <c r="C569" s="15">
        <v>2.5249999999999999</v>
      </c>
      <c r="D569" s="15">
        <v>2.3879999999999999</v>
      </c>
    </row>
    <row r="570" spans="1:4" x14ac:dyDescent="0.3">
      <c r="A570" s="11">
        <v>45797.444444444445</v>
      </c>
      <c r="B570" s="15">
        <v>2.6429999999999998</v>
      </c>
      <c r="C570" s="15">
        <v>2.5230000000000001</v>
      </c>
      <c r="D570" s="15">
        <v>2.403</v>
      </c>
    </row>
    <row r="571" spans="1:4" x14ac:dyDescent="0.3">
      <c r="A571" s="11">
        <v>45797.447916666664</v>
      </c>
      <c r="B571" s="15">
        <v>2.649</v>
      </c>
      <c r="C571" s="15">
        <v>2.5289999999999999</v>
      </c>
      <c r="D571" s="15">
        <v>2.4</v>
      </c>
    </row>
    <row r="572" spans="1:4" x14ac:dyDescent="0.3">
      <c r="A572" s="11">
        <v>45797.451388888891</v>
      </c>
      <c r="B572" s="15">
        <v>2.6419999999999999</v>
      </c>
      <c r="C572" s="15">
        <v>2.5219999999999998</v>
      </c>
      <c r="D572" s="15">
        <v>2.4</v>
      </c>
    </row>
    <row r="573" spans="1:4" x14ac:dyDescent="0.3">
      <c r="A573" s="11">
        <v>45797.454861111109</v>
      </c>
      <c r="B573" s="15">
        <v>2.6459999999999999</v>
      </c>
      <c r="C573" s="15">
        <v>2.5259999999999998</v>
      </c>
      <c r="D573" s="15">
        <v>2.3860000000000001</v>
      </c>
    </row>
    <row r="574" spans="1:4" x14ac:dyDescent="0.3">
      <c r="A574" s="11">
        <v>45797.458333333336</v>
      </c>
      <c r="B574" s="15">
        <v>2.645</v>
      </c>
      <c r="C574" s="15">
        <v>2.5249999999999999</v>
      </c>
      <c r="D574" s="15">
        <v>2.403</v>
      </c>
    </row>
    <row r="575" spans="1:4" x14ac:dyDescent="0.3">
      <c r="A575" s="11">
        <v>45797.461805555555</v>
      </c>
      <c r="B575" s="15">
        <v>2.6440000000000001</v>
      </c>
      <c r="C575" s="15">
        <v>2.524</v>
      </c>
      <c r="D575" s="15">
        <v>2.4020000000000001</v>
      </c>
    </row>
    <row r="576" spans="1:4" x14ac:dyDescent="0.3">
      <c r="A576" s="11">
        <v>45797.465277777781</v>
      </c>
      <c r="B576" s="15">
        <v>2.6480000000000001</v>
      </c>
      <c r="C576" s="15">
        <v>2.528</v>
      </c>
      <c r="D576" s="15">
        <v>2.4060000000000001</v>
      </c>
    </row>
    <row r="577" spans="1:4" x14ac:dyDescent="0.3">
      <c r="A577" s="11">
        <v>45797.46875</v>
      </c>
      <c r="B577" s="15">
        <v>2.6339999999999999</v>
      </c>
      <c r="C577" s="15">
        <v>2.532</v>
      </c>
      <c r="D577" s="15">
        <v>2.41</v>
      </c>
    </row>
    <row r="578" spans="1:4" x14ac:dyDescent="0.3">
      <c r="A578" s="11">
        <v>45797.472222222219</v>
      </c>
      <c r="B578" s="15">
        <v>2.6549999999999998</v>
      </c>
      <c r="C578" s="15">
        <v>2.5314999999999999</v>
      </c>
      <c r="D578" s="15">
        <v>2.3980000000000001</v>
      </c>
    </row>
    <row r="579" spans="1:4" x14ac:dyDescent="0.3">
      <c r="A579" s="11">
        <v>45797.475694444445</v>
      </c>
      <c r="B579" s="15">
        <v>2.653</v>
      </c>
      <c r="C579" s="15">
        <v>2.52</v>
      </c>
      <c r="D579" s="15">
        <v>2.415</v>
      </c>
    </row>
    <row r="580" spans="1:4" x14ac:dyDescent="0.3">
      <c r="A580" s="11">
        <v>45797.479166666664</v>
      </c>
      <c r="B580" s="15">
        <v>2.645</v>
      </c>
      <c r="C580" s="15">
        <v>2.5259999999999998</v>
      </c>
      <c r="D580" s="15">
        <v>2.4209999999999998</v>
      </c>
    </row>
    <row r="581" spans="1:4" x14ac:dyDescent="0.3">
      <c r="A581" s="11">
        <v>45797.482638888891</v>
      </c>
      <c r="B581" s="15">
        <v>2.6419999999999999</v>
      </c>
      <c r="C581" s="15">
        <v>2.524</v>
      </c>
      <c r="D581" s="15">
        <v>2.4180000000000001</v>
      </c>
    </row>
    <row r="582" spans="1:4" x14ac:dyDescent="0.3">
      <c r="A582" s="11">
        <v>45797.486111111109</v>
      </c>
      <c r="B582" s="15">
        <v>2.6629999999999998</v>
      </c>
      <c r="C582" s="15">
        <v>2.544</v>
      </c>
      <c r="D582" s="15">
        <v>2.4220000000000002</v>
      </c>
    </row>
    <row r="583" spans="1:4" x14ac:dyDescent="0.3">
      <c r="A583" s="11">
        <v>45797.489583333336</v>
      </c>
      <c r="B583" s="15">
        <v>2.6640000000000001</v>
      </c>
      <c r="C583" s="15">
        <v>2.5449999999999999</v>
      </c>
      <c r="D583" s="15">
        <v>2.4220000000000002</v>
      </c>
    </row>
    <row r="584" spans="1:4" x14ac:dyDescent="0.3">
      <c r="A584" s="11">
        <v>45797.493055555555</v>
      </c>
      <c r="B584" s="15">
        <v>2.6640000000000001</v>
      </c>
      <c r="C584" s="15">
        <v>2.5449999999999999</v>
      </c>
      <c r="D584" s="15">
        <v>2.4220000000000002</v>
      </c>
    </row>
    <row r="585" spans="1:4" x14ac:dyDescent="0.3">
      <c r="A585" s="11">
        <v>45797.496527777781</v>
      </c>
      <c r="B585" s="15">
        <v>2.6579999999999999</v>
      </c>
      <c r="C585" s="15">
        <v>2.5390000000000001</v>
      </c>
      <c r="D585" s="15">
        <v>2.423</v>
      </c>
    </row>
    <row r="586" spans="1:4" x14ac:dyDescent="0.3">
      <c r="A586" s="11">
        <v>45797.5</v>
      </c>
      <c r="B586" s="15">
        <v>2.665</v>
      </c>
      <c r="C586" s="15">
        <v>2.5459999999999998</v>
      </c>
      <c r="D586" s="15">
        <v>2.423</v>
      </c>
    </row>
    <row r="587" spans="1:4" x14ac:dyDescent="0.3">
      <c r="A587" s="11">
        <v>45797.503472222219</v>
      </c>
      <c r="B587" s="15">
        <v>2.6549999999999998</v>
      </c>
      <c r="C587" s="15">
        <v>2.5419999999999998</v>
      </c>
      <c r="D587" s="15">
        <v>2.42</v>
      </c>
    </row>
    <row r="588" spans="1:4" x14ac:dyDescent="0.3">
      <c r="A588" s="11">
        <v>45797.506944444445</v>
      </c>
      <c r="B588" s="15">
        <v>2.669</v>
      </c>
      <c r="C588" s="15">
        <v>2.5489999999999999</v>
      </c>
      <c r="D588" s="15">
        <v>2.4260000000000002</v>
      </c>
    </row>
    <row r="589" spans="1:4" x14ac:dyDescent="0.3">
      <c r="A589" s="11">
        <v>45797.510416666664</v>
      </c>
      <c r="B589" s="15">
        <v>2.6659999999999999</v>
      </c>
      <c r="C589" s="15">
        <v>2.5459999999999998</v>
      </c>
      <c r="D589" s="15">
        <v>2.4239999999999999</v>
      </c>
    </row>
    <row r="590" spans="1:4" x14ac:dyDescent="0.3">
      <c r="A590" s="11">
        <v>45797.513888888891</v>
      </c>
      <c r="B590" s="15">
        <v>2.6669999999999998</v>
      </c>
      <c r="C590" s="15">
        <v>2.54</v>
      </c>
      <c r="D590" s="15">
        <v>2.4159999999999999</v>
      </c>
    </row>
    <row r="591" spans="1:4" x14ac:dyDescent="0.3">
      <c r="A591" s="11">
        <v>45797.517361111109</v>
      </c>
      <c r="B591" s="15">
        <v>2.6669999999999998</v>
      </c>
      <c r="C591" s="15">
        <v>2.5299999999999998</v>
      </c>
      <c r="D591" s="15">
        <v>2.4239999999999999</v>
      </c>
    </row>
    <row r="592" spans="1:4" x14ac:dyDescent="0.3">
      <c r="A592" s="11">
        <v>45797.520833333336</v>
      </c>
      <c r="B592" s="15">
        <v>2.6480000000000001</v>
      </c>
      <c r="C592" s="15">
        <v>2.5459999999999998</v>
      </c>
      <c r="D592" s="15">
        <v>2.4260000000000002</v>
      </c>
    </row>
    <row r="593" spans="1:4" x14ac:dyDescent="0.3">
      <c r="A593" s="11">
        <v>45797.524305555555</v>
      </c>
      <c r="B593" s="15">
        <v>2.65</v>
      </c>
      <c r="C593" s="15">
        <v>2.5489999999999999</v>
      </c>
      <c r="D593" s="15">
        <v>2.4260000000000002</v>
      </c>
    </row>
    <row r="594" spans="1:4" x14ac:dyDescent="0.3">
      <c r="A594" s="11">
        <v>45797.527777777781</v>
      </c>
      <c r="B594" s="15">
        <v>2.669</v>
      </c>
      <c r="C594" s="15">
        <v>2.5459999999999998</v>
      </c>
      <c r="D594" s="15">
        <v>2.4279999999999999</v>
      </c>
    </row>
    <row r="595" spans="1:4" x14ac:dyDescent="0.3">
      <c r="A595" s="11">
        <v>45797.53125</v>
      </c>
      <c r="B595" s="15">
        <v>2.6515</v>
      </c>
      <c r="C595" s="15">
        <v>2.5489999999999999</v>
      </c>
      <c r="D595" s="15">
        <v>2.4159999999999999</v>
      </c>
    </row>
    <row r="596" spans="1:4" x14ac:dyDescent="0.3">
      <c r="A596" s="11">
        <v>45797.534722222219</v>
      </c>
      <c r="B596" s="15">
        <v>2.6640000000000001</v>
      </c>
      <c r="C596" s="15">
        <v>2.5449999999999999</v>
      </c>
      <c r="D596" s="15">
        <v>2.423</v>
      </c>
    </row>
    <row r="597" spans="1:4" x14ac:dyDescent="0.3">
      <c r="A597" s="11">
        <v>45797.538194444445</v>
      </c>
      <c r="B597" s="15">
        <v>2.669</v>
      </c>
      <c r="C597" s="15">
        <v>2.5499999999999998</v>
      </c>
      <c r="D597" s="15">
        <v>2.4279999999999999</v>
      </c>
    </row>
    <row r="598" spans="1:4" x14ac:dyDescent="0.3">
      <c r="A598" s="11">
        <v>45797.541666666664</v>
      </c>
      <c r="B598" s="15">
        <v>2.65</v>
      </c>
      <c r="C598" s="15">
        <v>2.532</v>
      </c>
      <c r="D598" s="15">
        <v>2.427</v>
      </c>
    </row>
    <row r="599" spans="1:4" x14ac:dyDescent="0.3">
      <c r="A599" s="11">
        <v>45797.545138888891</v>
      </c>
      <c r="B599" s="15">
        <v>2.6709999999999998</v>
      </c>
      <c r="C599" s="15">
        <v>2.548</v>
      </c>
      <c r="D599" s="15">
        <v>2.4260000000000002</v>
      </c>
    </row>
    <row r="600" spans="1:4" x14ac:dyDescent="0.3">
      <c r="A600" s="11">
        <v>45797.548611111109</v>
      </c>
      <c r="B600" s="15">
        <v>2.6539999999999999</v>
      </c>
      <c r="C600" s="15">
        <v>2.5369999999999999</v>
      </c>
      <c r="D600" s="15">
        <v>2.4260000000000002</v>
      </c>
    </row>
    <row r="601" spans="1:4" x14ac:dyDescent="0.3">
      <c r="A601" s="11">
        <v>45797.552083333336</v>
      </c>
      <c r="B601" s="15">
        <v>2.6720000000000002</v>
      </c>
      <c r="C601" s="15">
        <v>2.5529999999999999</v>
      </c>
      <c r="D601" s="15">
        <v>2.4249999999999998</v>
      </c>
    </row>
    <row r="602" spans="1:4" x14ac:dyDescent="0.3">
      <c r="A602" s="11">
        <v>45797.555555555555</v>
      </c>
      <c r="B602" s="15">
        <v>2.673</v>
      </c>
      <c r="C602" s="15">
        <v>2.536</v>
      </c>
      <c r="D602" s="15">
        <v>2.4249999999999998</v>
      </c>
    </row>
    <row r="603" spans="1:4" x14ac:dyDescent="0.3">
      <c r="A603" s="11">
        <v>45797.559027777781</v>
      </c>
      <c r="B603" s="15">
        <v>2.67</v>
      </c>
      <c r="C603" s="15">
        <v>2.5579999999999998</v>
      </c>
      <c r="D603" s="15">
        <v>2.4300000000000002</v>
      </c>
    </row>
    <row r="604" spans="1:4" x14ac:dyDescent="0.3">
      <c r="A604" s="11">
        <v>45797.5625</v>
      </c>
      <c r="B604" s="15">
        <v>2.6589999999999998</v>
      </c>
      <c r="C604" s="15">
        <v>2.54</v>
      </c>
      <c r="D604" s="15">
        <v>2.4289999999999998</v>
      </c>
    </row>
    <row r="605" spans="1:4" x14ac:dyDescent="0.3">
      <c r="A605" s="11">
        <v>45797.565972222219</v>
      </c>
      <c r="B605" s="15">
        <v>2.6789999999999998</v>
      </c>
      <c r="C605" s="15">
        <v>2.5609999999999999</v>
      </c>
      <c r="D605" s="15">
        <v>2.431</v>
      </c>
    </row>
    <row r="606" spans="1:4" x14ac:dyDescent="0.3">
      <c r="A606" s="11">
        <v>45797.569444444445</v>
      </c>
      <c r="B606" s="15">
        <v>2.6629999999999998</v>
      </c>
      <c r="C606" s="15">
        <v>2.5619999999999998</v>
      </c>
      <c r="D606" s="15">
        <v>2.4319999999999999</v>
      </c>
    </row>
    <row r="607" spans="1:4" x14ac:dyDescent="0.3">
      <c r="A607" s="11">
        <v>45797.572916666664</v>
      </c>
      <c r="B607" s="15">
        <v>2.661</v>
      </c>
      <c r="C607" s="15">
        <v>2.5419999999999998</v>
      </c>
      <c r="D607" s="15">
        <v>2.4279999999999999</v>
      </c>
    </row>
    <row r="608" spans="1:4" x14ac:dyDescent="0.3">
      <c r="A608" s="11">
        <v>45797.576388888891</v>
      </c>
      <c r="B608" s="15">
        <v>2.6760000000000002</v>
      </c>
      <c r="C608" s="15">
        <v>2.556</v>
      </c>
      <c r="D608" s="15">
        <v>2.4260000000000002</v>
      </c>
    </row>
    <row r="609" spans="1:4" x14ac:dyDescent="0.3">
      <c r="A609" s="11">
        <v>45797.579861111109</v>
      </c>
      <c r="B609" s="15">
        <v>2.657</v>
      </c>
      <c r="C609" s="15">
        <v>2.5379999999999998</v>
      </c>
      <c r="D609" s="15">
        <v>2.4079999999999999</v>
      </c>
    </row>
    <row r="610" spans="1:4" x14ac:dyDescent="0.3">
      <c r="A610" s="11">
        <v>45797.583333333336</v>
      </c>
      <c r="B610" s="15">
        <v>2.6579999999999999</v>
      </c>
      <c r="C610" s="15">
        <v>2.556</v>
      </c>
      <c r="D610" s="15">
        <v>2.4260000000000002</v>
      </c>
    </row>
    <row r="611" spans="1:4" x14ac:dyDescent="0.3">
      <c r="A611" s="11">
        <v>45797.586805555555</v>
      </c>
      <c r="B611" s="15">
        <v>2.673</v>
      </c>
      <c r="C611" s="15">
        <v>2.5539999999999998</v>
      </c>
      <c r="D611" s="15">
        <v>2.427</v>
      </c>
    </row>
    <row r="612" spans="1:4" x14ac:dyDescent="0.3">
      <c r="A612" s="11">
        <v>45797.590277777781</v>
      </c>
      <c r="B612" s="15">
        <v>2.68</v>
      </c>
      <c r="C612" s="15">
        <v>2.5569999999999999</v>
      </c>
      <c r="D612" s="15">
        <v>2.4220000000000002</v>
      </c>
    </row>
    <row r="613" spans="1:4" x14ac:dyDescent="0.3">
      <c r="A613" s="11">
        <v>45797.59375</v>
      </c>
      <c r="B613" s="15">
        <v>2.6659999999999999</v>
      </c>
      <c r="C613" s="15">
        <v>2.552</v>
      </c>
      <c r="D613" s="15">
        <v>2.4260000000000002</v>
      </c>
    </row>
    <row r="614" spans="1:4" x14ac:dyDescent="0.3">
      <c r="A614" s="11">
        <v>45797.597222222219</v>
      </c>
      <c r="B614" s="15">
        <v>2.6789999999999998</v>
      </c>
      <c r="C614" s="15">
        <v>2.5529999999999999</v>
      </c>
      <c r="D614" s="15">
        <v>2.4289999999999998</v>
      </c>
    </row>
    <row r="615" spans="1:4" x14ac:dyDescent="0.3">
      <c r="A615" s="11">
        <v>45797.600694444445</v>
      </c>
      <c r="B615" s="15">
        <v>2.6720000000000002</v>
      </c>
      <c r="C615" s="15">
        <v>2.5569999999999999</v>
      </c>
      <c r="D615" s="15">
        <v>2.4529999999999998</v>
      </c>
    </row>
    <row r="616" spans="1:4" x14ac:dyDescent="0.3">
      <c r="A616" s="11">
        <v>45797.604166666664</v>
      </c>
      <c r="B616" s="15">
        <v>2.669</v>
      </c>
      <c r="C616" s="15">
        <v>2.5739999999999998</v>
      </c>
      <c r="D616" s="15">
        <v>2.4470000000000001</v>
      </c>
    </row>
    <row r="617" spans="1:4" x14ac:dyDescent="0.3">
      <c r="A617" s="11">
        <v>45797.607638888891</v>
      </c>
      <c r="B617" s="15">
        <v>2.6680000000000001</v>
      </c>
      <c r="C617" s="15">
        <v>2.5710000000000002</v>
      </c>
      <c r="D617" s="15">
        <v>2.4500000000000002</v>
      </c>
    </row>
    <row r="618" spans="1:4" x14ac:dyDescent="0.3">
      <c r="A618" s="11">
        <v>45797.611111111109</v>
      </c>
      <c r="B618" s="15">
        <v>2.6920000000000002</v>
      </c>
      <c r="C618" s="15">
        <v>2.5590000000000002</v>
      </c>
      <c r="D618" s="15">
        <v>2.4449999999999998</v>
      </c>
    </row>
    <row r="619" spans="1:4" x14ac:dyDescent="0.3">
      <c r="A619" s="11">
        <v>45797.614583333336</v>
      </c>
      <c r="B619" s="15">
        <v>2.6970000000000001</v>
      </c>
      <c r="C619" s="15">
        <v>2.5859999999999999</v>
      </c>
      <c r="D619" s="15">
        <v>2.4710000000000001</v>
      </c>
    </row>
    <row r="620" spans="1:4" x14ac:dyDescent="0.3">
      <c r="A620" s="11">
        <v>45797.618055555555</v>
      </c>
      <c r="B620" s="15">
        <v>2.698</v>
      </c>
      <c r="C620" s="15">
        <v>2.5870000000000002</v>
      </c>
      <c r="D620" s="15">
        <v>2.472</v>
      </c>
    </row>
    <row r="621" spans="1:4" x14ac:dyDescent="0.3">
      <c r="A621" s="11">
        <v>45797.621527777781</v>
      </c>
      <c r="B621" s="15">
        <v>2.6789999999999998</v>
      </c>
      <c r="C621" s="15">
        <v>2.5680000000000001</v>
      </c>
      <c r="D621" s="15">
        <v>2.4740000000000002</v>
      </c>
    </row>
    <row r="622" spans="1:4" x14ac:dyDescent="0.3">
      <c r="A622" s="11">
        <v>45797.625</v>
      </c>
      <c r="B622" s="15">
        <v>2.6960000000000002</v>
      </c>
      <c r="C622" s="15">
        <v>2.5819999999999999</v>
      </c>
      <c r="D622" s="15">
        <v>2.4670000000000001</v>
      </c>
    </row>
    <row r="623" spans="1:4" x14ac:dyDescent="0.3">
      <c r="A623" s="11">
        <v>45797.628472222219</v>
      </c>
      <c r="B623" s="15">
        <v>2.6909999999999998</v>
      </c>
      <c r="C623" s="15">
        <v>2.5670000000000002</v>
      </c>
      <c r="D623" s="15">
        <v>2.4630000000000001</v>
      </c>
    </row>
    <row r="624" spans="1:4" x14ac:dyDescent="0.3">
      <c r="A624" s="11">
        <v>45797.631944444445</v>
      </c>
      <c r="B624" s="15">
        <v>2.7010000000000001</v>
      </c>
      <c r="C624" s="15">
        <v>2.57</v>
      </c>
      <c r="D624" s="15">
        <v>2.4729999999999999</v>
      </c>
    </row>
    <row r="625" spans="1:4" x14ac:dyDescent="0.3">
      <c r="A625" s="11">
        <v>45797.635416666664</v>
      </c>
      <c r="B625" s="15">
        <v>2.7029999999999998</v>
      </c>
      <c r="C625" s="15">
        <v>2.59</v>
      </c>
      <c r="D625" s="15">
        <v>2.476</v>
      </c>
    </row>
    <row r="626" spans="1:4" x14ac:dyDescent="0.3">
      <c r="A626" s="11">
        <v>45797.638888888891</v>
      </c>
      <c r="B626" s="15">
        <v>2.6829999999999998</v>
      </c>
      <c r="C626" s="15">
        <v>2.5720000000000001</v>
      </c>
      <c r="D626" s="15">
        <v>2.4590000000000001</v>
      </c>
    </row>
    <row r="627" spans="1:4" x14ac:dyDescent="0.3">
      <c r="A627" s="11">
        <v>45797.642361111109</v>
      </c>
      <c r="B627" s="15">
        <v>2.6989999999999998</v>
      </c>
      <c r="C627" s="15">
        <v>2.5790000000000002</v>
      </c>
      <c r="D627" s="15">
        <v>2.472</v>
      </c>
    </row>
    <row r="628" spans="1:4" x14ac:dyDescent="0.3">
      <c r="A628" s="11">
        <v>45797.645833333336</v>
      </c>
      <c r="B628" s="15">
        <v>2.698</v>
      </c>
      <c r="C628" s="15">
        <v>2.5910000000000002</v>
      </c>
      <c r="D628" s="15">
        <v>2.4740000000000002</v>
      </c>
    </row>
    <row r="629" spans="1:4" x14ac:dyDescent="0.3">
      <c r="A629" s="11">
        <v>45797.649305555555</v>
      </c>
      <c r="B629" s="15">
        <v>2.6909999999999998</v>
      </c>
      <c r="C629" s="15">
        <v>2.5779999999999998</v>
      </c>
      <c r="D629" s="15">
        <v>2.4660000000000002</v>
      </c>
    </row>
    <row r="630" spans="1:4" x14ac:dyDescent="0.3">
      <c r="A630" s="11">
        <v>45797.652777777781</v>
      </c>
      <c r="B630" s="15">
        <v>2.7160000000000002</v>
      </c>
      <c r="C630" s="15">
        <v>2.6059999999999999</v>
      </c>
      <c r="D630" s="15">
        <v>2.4950000000000001</v>
      </c>
    </row>
    <row r="631" spans="1:4" x14ac:dyDescent="0.3">
      <c r="A631" s="11">
        <v>45797.65625</v>
      </c>
      <c r="B631" s="15">
        <v>2.7240000000000002</v>
      </c>
      <c r="C631" s="15">
        <v>2.613</v>
      </c>
      <c r="D631" s="15">
        <v>2.508</v>
      </c>
    </row>
    <row r="632" spans="1:4" x14ac:dyDescent="0.3">
      <c r="A632" s="11">
        <v>45797.659722222219</v>
      </c>
      <c r="B632" s="15">
        <v>2.7149999999999999</v>
      </c>
      <c r="C632" s="15">
        <v>2.617</v>
      </c>
      <c r="D632" s="15">
        <v>2.5190000000000001</v>
      </c>
    </row>
    <row r="633" spans="1:4" x14ac:dyDescent="0.3">
      <c r="A633" s="11">
        <v>45797.663194444445</v>
      </c>
      <c r="B633" s="15">
        <v>2.7280000000000002</v>
      </c>
      <c r="C633" s="15">
        <v>2.6120000000000001</v>
      </c>
      <c r="D633" s="15">
        <v>2.512</v>
      </c>
    </row>
    <row r="634" spans="1:4" x14ac:dyDescent="0.3">
      <c r="A634" s="11">
        <v>45797.666666666664</v>
      </c>
      <c r="B634" s="15">
        <v>2.7120000000000002</v>
      </c>
      <c r="C634" s="15">
        <v>2.6040000000000001</v>
      </c>
      <c r="D634" s="15">
        <v>2.5139999999999998</v>
      </c>
    </row>
    <row r="635" spans="1:4" x14ac:dyDescent="0.3">
      <c r="A635" s="11">
        <v>45797.670138888891</v>
      </c>
      <c r="B635" s="15">
        <v>2.722</v>
      </c>
      <c r="C635" s="15">
        <v>2.6139999999999999</v>
      </c>
      <c r="D635" s="15">
        <v>2.508</v>
      </c>
    </row>
    <row r="636" spans="1:4" x14ac:dyDescent="0.3">
      <c r="A636" s="11">
        <v>45797.673611111109</v>
      </c>
      <c r="B636" s="15">
        <v>2.7280000000000002</v>
      </c>
      <c r="C636" s="15">
        <v>2.62</v>
      </c>
      <c r="D636" s="15">
        <v>2.5139999999999998</v>
      </c>
    </row>
    <row r="637" spans="1:4" x14ac:dyDescent="0.3">
      <c r="A637" s="11">
        <v>45797.677083333336</v>
      </c>
      <c r="B637" s="15">
        <v>2.706</v>
      </c>
      <c r="C637" s="15">
        <v>2.6</v>
      </c>
      <c r="D637" s="15">
        <v>2.5169999999999999</v>
      </c>
    </row>
    <row r="638" spans="1:4" x14ac:dyDescent="0.3">
      <c r="A638" s="11">
        <v>45797.680555555555</v>
      </c>
      <c r="B638" s="15">
        <v>2.7240000000000002</v>
      </c>
      <c r="C638" s="15">
        <v>2.6160000000000001</v>
      </c>
      <c r="D638" s="15">
        <v>2.5150000000000001</v>
      </c>
    </row>
    <row r="639" spans="1:4" x14ac:dyDescent="0.3">
      <c r="A639" s="11">
        <v>45797.684027777781</v>
      </c>
      <c r="B639" s="15">
        <v>2.7240000000000002</v>
      </c>
      <c r="C639" s="15">
        <v>2.617</v>
      </c>
      <c r="D639" s="15">
        <v>2.516</v>
      </c>
    </row>
    <row r="640" spans="1:4" x14ac:dyDescent="0.3">
      <c r="A640" s="11">
        <v>45797.6875</v>
      </c>
      <c r="B640" s="15">
        <v>2.72</v>
      </c>
      <c r="C640" s="15">
        <v>2.6084999999999998</v>
      </c>
      <c r="D640" s="15">
        <v>2.5059999999999998</v>
      </c>
    </row>
    <row r="641" spans="1:4" x14ac:dyDescent="0.3">
      <c r="A641" s="11">
        <v>45797.690972222219</v>
      </c>
      <c r="B641" s="15">
        <v>2.7210000000000001</v>
      </c>
      <c r="C641" s="15">
        <v>2.6139999999999999</v>
      </c>
      <c r="D641" s="15">
        <v>2.5129999999999999</v>
      </c>
    </row>
    <row r="642" spans="1:4" x14ac:dyDescent="0.3">
      <c r="A642" s="11">
        <v>45797.694444444445</v>
      </c>
      <c r="B642" s="15">
        <v>2.718</v>
      </c>
      <c r="C642" s="15">
        <v>2.6120000000000001</v>
      </c>
      <c r="D642" s="15">
        <v>2.5089999999999999</v>
      </c>
    </row>
    <row r="643" spans="1:4" x14ac:dyDescent="0.3">
      <c r="A643" s="11">
        <v>45797.697916666664</v>
      </c>
      <c r="B643" s="15">
        <v>2.7229999999999999</v>
      </c>
      <c r="C643" s="15">
        <v>2.617</v>
      </c>
      <c r="D643" s="15">
        <v>2.5169999999999999</v>
      </c>
    </row>
    <row r="644" spans="1:4" x14ac:dyDescent="0.3">
      <c r="A644" s="11">
        <v>45797.701388888891</v>
      </c>
      <c r="B644" s="15">
        <v>2.6989999999999998</v>
      </c>
      <c r="C644" s="15">
        <v>2.5960000000000001</v>
      </c>
      <c r="D644" s="15">
        <v>2.4950000000000001</v>
      </c>
    </row>
    <row r="645" spans="1:4" x14ac:dyDescent="0.3">
      <c r="A645" s="11">
        <v>45797.704861111109</v>
      </c>
      <c r="B645" s="15">
        <v>2.722</v>
      </c>
      <c r="C645" s="15">
        <v>2.6150000000000002</v>
      </c>
      <c r="D645" s="15">
        <v>2.5139999999999998</v>
      </c>
    </row>
    <row r="646" spans="1:4" x14ac:dyDescent="0.3">
      <c r="A646" s="11">
        <v>45797.708333333336</v>
      </c>
      <c r="B646" s="15">
        <v>2.718</v>
      </c>
      <c r="C646" s="15">
        <v>2.5960000000000001</v>
      </c>
      <c r="D646" s="15">
        <v>2.4900000000000002</v>
      </c>
    </row>
    <row r="647" spans="1:4" x14ac:dyDescent="0.3">
      <c r="A647" s="11">
        <v>45797.711805555555</v>
      </c>
      <c r="B647" s="15">
        <v>2.7160000000000002</v>
      </c>
      <c r="C647" s="15">
        <v>2.59</v>
      </c>
      <c r="D647" s="15">
        <v>2.5019999999999998</v>
      </c>
    </row>
    <row r="648" spans="1:4" x14ac:dyDescent="0.3">
      <c r="A648" s="11">
        <v>45797.715277777781</v>
      </c>
      <c r="B648" s="15">
        <v>2.7160000000000002</v>
      </c>
      <c r="C648" s="15">
        <v>2.6025</v>
      </c>
      <c r="D648" s="15">
        <v>2.5049999999999999</v>
      </c>
    </row>
    <row r="649" spans="1:4" x14ac:dyDescent="0.3">
      <c r="A649" s="11">
        <v>45797.71875</v>
      </c>
      <c r="B649" s="15">
        <v>2.694</v>
      </c>
      <c r="C649" s="15">
        <v>2.5859999999999999</v>
      </c>
      <c r="D649" s="15">
        <v>2.4929999999999999</v>
      </c>
    </row>
    <row r="650" spans="1:4" x14ac:dyDescent="0.3">
      <c r="A650" s="11">
        <v>45797.722222222219</v>
      </c>
      <c r="B650" s="15">
        <v>2.69</v>
      </c>
      <c r="C650" s="15">
        <v>2.5920000000000001</v>
      </c>
      <c r="D650" s="15">
        <v>2.48</v>
      </c>
    </row>
    <row r="651" spans="1:4" x14ac:dyDescent="0.3">
      <c r="A651" s="11">
        <v>45797.725694444445</v>
      </c>
      <c r="B651" s="15">
        <v>2.6909999999999998</v>
      </c>
      <c r="C651" s="15">
        <v>2.5819999999999999</v>
      </c>
      <c r="D651" s="15">
        <v>2.48</v>
      </c>
    </row>
    <row r="652" spans="1:4" x14ac:dyDescent="0.3">
      <c r="A652" s="11">
        <v>45797.729166666664</v>
      </c>
      <c r="B652" s="15">
        <v>2.6920000000000002</v>
      </c>
      <c r="C652" s="15">
        <v>2.5830000000000002</v>
      </c>
      <c r="D652" s="15">
        <v>2.5</v>
      </c>
    </row>
    <row r="653" spans="1:4" x14ac:dyDescent="0.3">
      <c r="A653" s="11">
        <v>45797.732638888891</v>
      </c>
      <c r="B653" s="15">
        <v>2.6989999999999998</v>
      </c>
      <c r="C653" s="15">
        <v>2.5874999999999999</v>
      </c>
      <c r="D653" s="15">
        <v>2.4860000000000002</v>
      </c>
    </row>
    <row r="654" spans="1:4" x14ac:dyDescent="0.3">
      <c r="A654" s="11">
        <v>45797.736111111109</v>
      </c>
      <c r="B654" s="15">
        <v>2.6930000000000001</v>
      </c>
      <c r="C654" s="15">
        <v>2.597</v>
      </c>
      <c r="D654" s="15">
        <v>2.4940000000000002</v>
      </c>
    </row>
    <row r="655" spans="1:4" x14ac:dyDescent="0.3">
      <c r="A655" s="11">
        <v>45797.739583333336</v>
      </c>
      <c r="B655" s="15">
        <v>2.6890000000000001</v>
      </c>
      <c r="C655" s="15">
        <v>2.5830000000000002</v>
      </c>
      <c r="D655" s="15">
        <v>2.4910000000000001</v>
      </c>
    </row>
    <row r="656" spans="1:4" x14ac:dyDescent="0.3">
      <c r="A656" s="11">
        <v>45797.743055555555</v>
      </c>
      <c r="B656" s="15">
        <v>2.6909999999999998</v>
      </c>
      <c r="C656" s="15">
        <v>2.5840000000000001</v>
      </c>
      <c r="D656" s="15">
        <v>2.4809999999999999</v>
      </c>
    </row>
    <row r="657" spans="1:4" x14ac:dyDescent="0.3">
      <c r="A657" s="11">
        <v>45797.746527777781</v>
      </c>
      <c r="B657" s="15">
        <v>2.694</v>
      </c>
      <c r="C657" s="15">
        <v>2.5880000000000001</v>
      </c>
      <c r="D657" s="15">
        <v>2.5019999999999998</v>
      </c>
    </row>
    <row r="658" spans="1:4" x14ac:dyDescent="0.3">
      <c r="A658" s="11">
        <v>45797.75</v>
      </c>
      <c r="B658" s="15">
        <v>2.698</v>
      </c>
      <c r="C658" s="15">
        <v>2.6110000000000002</v>
      </c>
      <c r="D658" s="15">
        <v>2.5089999999999999</v>
      </c>
    </row>
    <row r="659" spans="1:4" x14ac:dyDescent="0.3">
      <c r="A659" s="11">
        <v>45797.753472222219</v>
      </c>
      <c r="B659" s="15">
        <v>2.7170000000000001</v>
      </c>
      <c r="C659" s="15">
        <v>2.6110000000000002</v>
      </c>
      <c r="D659" s="15">
        <v>2.508</v>
      </c>
    </row>
    <row r="660" spans="1:4" x14ac:dyDescent="0.3">
      <c r="A660" s="11">
        <v>45797.756944444445</v>
      </c>
      <c r="B660" s="15">
        <v>2.72</v>
      </c>
      <c r="C660" s="15">
        <v>2.6139999999999999</v>
      </c>
      <c r="D660" s="15">
        <v>2.5049999999999999</v>
      </c>
    </row>
    <row r="661" spans="1:4" x14ac:dyDescent="0.3">
      <c r="A661" s="11">
        <v>45797.760416666664</v>
      </c>
      <c r="B661" s="15">
        <v>2.7149999999999999</v>
      </c>
      <c r="C661" s="15">
        <v>2.6160000000000001</v>
      </c>
      <c r="D661" s="15">
        <v>2.5129999999999999</v>
      </c>
    </row>
    <row r="662" spans="1:4" x14ac:dyDescent="0.3">
      <c r="A662" s="11">
        <v>45797.763888888891</v>
      </c>
      <c r="B662" s="15">
        <v>2.7090000000000001</v>
      </c>
      <c r="C662" s="15">
        <v>2.6040000000000001</v>
      </c>
      <c r="D662" s="15">
        <v>2.4990000000000001</v>
      </c>
    </row>
    <row r="663" spans="1:4" x14ac:dyDescent="0.3">
      <c r="A663" s="11">
        <v>45797.767361111109</v>
      </c>
      <c r="B663" s="15">
        <v>2.6949999999999998</v>
      </c>
      <c r="C663" s="15">
        <v>2.5880000000000001</v>
      </c>
      <c r="D663" s="15">
        <v>2.4849999999999999</v>
      </c>
    </row>
    <row r="664" spans="1:4" x14ac:dyDescent="0.3">
      <c r="A664" s="11">
        <v>45797.770833333336</v>
      </c>
      <c r="B664" s="15">
        <v>2.698</v>
      </c>
      <c r="C664" s="15">
        <v>2.593</v>
      </c>
      <c r="D664" s="15">
        <v>2.5049999999999999</v>
      </c>
    </row>
    <row r="665" spans="1:4" x14ac:dyDescent="0.3">
      <c r="A665" s="11">
        <v>45797.774305555555</v>
      </c>
      <c r="B665" s="15">
        <v>2.7149999999999999</v>
      </c>
      <c r="C665" s="15">
        <v>2.6139999999999999</v>
      </c>
      <c r="D665" s="15">
        <v>2.5110000000000001</v>
      </c>
    </row>
    <row r="666" spans="1:4" x14ac:dyDescent="0.3">
      <c r="A666" s="11">
        <v>45797.777777777781</v>
      </c>
      <c r="B666" s="15">
        <v>2.7</v>
      </c>
      <c r="C666" s="15">
        <v>2.5950000000000002</v>
      </c>
      <c r="D666" s="15">
        <v>2.5070000000000001</v>
      </c>
    </row>
    <row r="667" spans="1:4" x14ac:dyDescent="0.3">
      <c r="A667" s="11">
        <v>45797.78125</v>
      </c>
      <c r="B667" s="15">
        <v>2.7</v>
      </c>
      <c r="C667" s="15">
        <v>2.6080000000000001</v>
      </c>
      <c r="D667" s="15">
        <v>2.5059999999999998</v>
      </c>
    </row>
    <row r="668" spans="1:4" x14ac:dyDescent="0.3">
      <c r="A668" s="11">
        <v>45797.784722222219</v>
      </c>
      <c r="B668" s="15">
        <v>2.7160000000000002</v>
      </c>
      <c r="C668" s="15">
        <v>2.6110000000000002</v>
      </c>
      <c r="D668" s="15">
        <v>2.508</v>
      </c>
    </row>
    <row r="669" spans="1:4" x14ac:dyDescent="0.3">
      <c r="A669" s="11">
        <v>45797.788194444445</v>
      </c>
      <c r="B669" s="15">
        <v>2.6989999999999998</v>
      </c>
      <c r="C669" s="15">
        <v>2.61</v>
      </c>
      <c r="D669" s="15">
        <v>2.5070000000000001</v>
      </c>
    </row>
    <row r="670" spans="1:4" x14ac:dyDescent="0.3">
      <c r="A670" s="11">
        <v>45797.791666666664</v>
      </c>
      <c r="B670" s="15">
        <v>2.6989999999999998</v>
      </c>
      <c r="C670" s="15">
        <v>2.5939999999999999</v>
      </c>
      <c r="D670" s="15">
        <v>2.5070000000000001</v>
      </c>
    </row>
    <row r="671" spans="1:4" x14ac:dyDescent="0.3">
      <c r="A671" s="11">
        <v>45797.795138888891</v>
      </c>
      <c r="B671" s="15">
        <v>2.7160000000000002</v>
      </c>
      <c r="C671" s="15">
        <v>2.6110000000000002</v>
      </c>
      <c r="D671" s="15">
        <v>2.5059999999999998</v>
      </c>
    </row>
    <row r="672" spans="1:4" x14ac:dyDescent="0.3">
      <c r="A672" s="11">
        <v>45797.798611111109</v>
      </c>
      <c r="B672" s="15">
        <v>2.7010000000000001</v>
      </c>
      <c r="C672" s="15">
        <v>2.5960000000000001</v>
      </c>
      <c r="D672" s="15">
        <v>2.5070000000000001</v>
      </c>
    </row>
    <row r="673" spans="1:4" x14ac:dyDescent="0.3">
      <c r="A673" s="11">
        <v>45797.802083333336</v>
      </c>
      <c r="B673" s="15">
        <v>2.718</v>
      </c>
      <c r="C673" s="15">
        <v>2.5950000000000002</v>
      </c>
      <c r="D673" s="15">
        <v>2.5099999999999998</v>
      </c>
    </row>
    <row r="674" spans="1:4" x14ac:dyDescent="0.3">
      <c r="A674" s="11">
        <v>45797.805555555555</v>
      </c>
      <c r="B674" s="15">
        <v>2.7160000000000002</v>
      </c>
      <c r="C674" s="15">
        <v>2.609</v>
      </c>
      <c r="D674" s="15">
        <v>2.5059999999999998</v>
      </c>
    </row>
    <row r="675" spans="1:4" x14ac:dyDescent="0.3">
      <c r="A675" s="11">
        <v>45797.809027777781</v>
      </c>
      <c r="B675" s="15">
        <v>2.7</v>
      </c>
      <c r="C675" s="15">
        <v>2.5950000000000002</v>
      </c>
      <c r="D675" s="15">
        <v>2.5089999999999999</v>
      </c>
    </row>
    <row r="676" spans="1:4" x14ac:dyDescent="0.3">
      <c r="A676" s="11">
        <v>45797.8125</v>
      </c>
      <c r="B676" s="15">
        <v>2.7170000000000001</v>
      </c>
      <c r="C676" s="15">
        <v>2.6120000000000001</v>
      </c>
      <c r="D676" s="15">
        <v>2.5089999999999999</v>
      </c>
    </row>
    <row r="677" spans="1:4" x14ac:dyDescent="0.3">
      <c r="A677" s="11">
        <v>45797.815972222219</v>
      </c>
      <c r="B677" s="15">
        <v>2.7</v>
      </c>
      <c r="C677" s="15">
        <v>2.5950000000000002</v>
      </c>
      <c r="D677" s="15">
        <v>2.5089999999999999</v>
      </c>
    </row>
    <row r="678" spans="1:4" x14ac:dyDescent="0.3">
      <c r="A678" s="11">
        <v>45797.819444444445</v>
      </c>
      <c r="B678" s="15">
        <v>2.718</v>
      </c>
      <c r="C678" s="15">
        <v>2.613</v>
      </c>
      <c r="D678" s="15">
        <v>2.5099999999999998</v>
      </c>
    </row>
    <row r="679" spans="1:4" x14ac:dyDescent="0.3">
      <c r="A679" s="11">
        <v>45797.826388888891</v>
      </c>
      <c r="B679" s="15">
        <v>2.6989999999999998</v>
      </c>
      <c r="C679" s="15">
        <v>2.5939999999999999</v>
      </c>
      <c r="D679" s="15">
        <v>2.5089999999999999</v>
      </c>
    </row>
    <row r="680" spans="1:4" x14ac:dyDescent="0.3">
      <c r="A680" s="11">
        <v>45797.829861111109</v>
      </c>
      <c r="B680" s="15">
        <v>2.7170000000000001</v>
      </c>
      <c r="C680" s="15">
        <v>2.6120000000000001</v>
      </c>
      <c r="D680" s="15">
        <v>2.5089999999999999</v>
      </c>
    </row>
    <row r="681" spans="1:4" x14ac:dyDescent="0.3">
      <c r="A681" s="11">
        <v>45797.833333333336</v>
      </c>
      <c r="B681" s="15">
        <v>2.7170000000000001</v>
      </c>
      <c r="C681" s="15">
        <v>2.6120000000000001</v>
      </c>
      <c r="D681" s="15">
        <v>2.5089999999999999</v>
      </c>
    </row>
    <row r="682" spans="1:4" x14ac:dyDescent="0.3">
      <c r="A682" s="11">
        <v>45797.836805555555</v>
      </c>
      <c r="B682" s="15">
        <v>2.6989999999999998</v>
      </c>
      <c r="C682" s="15">
        <v>2.5939999999999999</v>
      </c>
      <c r="D682" s="15">
        <v>2.5089999999999999</v>
      </c>
    </row>
    <row r="683" spans="1:4" x14ac:dyDescent="0.3">
      <c r="A683" s="11">
        <v>45797.840277777781</v>
      </c>
      <c r="B683" s="15">
        <v>2.7</v>
      </c>
      <c r="C683" s="15">
        <v>2.5950000000000002</v>
      </c>
      <c r="D683" s="15">
        <v>2.5150000000000001</v>
      </c>
    </row>
    <row r="684" spans="1:4" x14ac:dyDescent="0.3">
      <c r="A684" s="11">
        <v>45797.84375</v>
      </c>
      <c r="B684" s="15">
        <v>2.7010000000000001</v>
      </c>
      <c r="C684" s="15">
        <v>2.5960000000000001</v>
      </c>
      <c r="D684" s="15">
        <v>2.5150000000000001</v>
      </c>
    </row>
    <row r="685" spans="1:4" x14ac:dyDescent="0.3">
      <c r="A685" s="11">
        <v>45797.847222222219</v>
      </c>
      <c r="B685" s="15">
        <v>2.7</v>
      </c>
      <c r="C685" s="15">
        <v>2.5950000000000002</v>
      </c>
      <c r="D685" s="15">
        <v>2.5150000000000001</v>
      </c>
    </row>
    <row r="686" spans="1:4" x14ac:dyDescent="0.3">
      <c r="A686" s="11">
        <v>45797.850694444445</v>
      </c>
      <c r="B686" s="15">
        <v>2.6989999999999998</v>
      </c>
      <c r="C686" s="15">
        <v>2.5939999999999999</v>
      </c>
      <c r="D686" s="15">
        <v>2.5150000000000001</v>
      </c>
    </row>
    <row r="687" spans="1:4" x14ac:dyDescent="0.3">
      <c r="A687" s="11">
        <v>45797.854166666664</v>
      </c>
      <c r="B687" s="15">
        <v>2.6989999999999998</v>
      </c>
      <c r="C687" s="15">
        <v>2.5939999999999999</v>
      </c>
      <c r="D687" s="15">
        <v>2.5150000000000001</v>
      </c>
    </row>
    <row r="688" spans="1:4" x14ac:dyDescent="0.3">
      <c r="A688" s="11">
        <v>45797.857638888891</v>
      </c>
      <c r="B688" s="15">
        <v>2.7</v>
      </c>
      <c r="C688" s="15">
        <v>2.5950000000000002</v>
      </c>
      <c r="D688" s="15">
        <v>2.5150000000000001</v>
      </c>
    </row>
    <row r="689" spans="1:4" x14ac:dyDescent="0.3">
      <c r="A689" s="11">
        <v>45797.861111111109</v>
      </c>
      <c r="B689" s="15">
        <v>2.6989999999999998</v>
      </c>
      <c r="C689" s="15">
        <v>2.5939999999999999</v>
      </c>
      <c r="D689" s="15">
        <v>2.5150000000000001</v>
      </c>
    </row>
    <row r="690" spans="1:4" x14ac:dyDescent="0.3">
      <c r="A690" s="11">
        <v>45797.864583333336</v>
      </c>
      <c r="B690" s="15">
        <v>2.7</v>
      </c>
      <c r="C690" s="15">
        <v>2.5950000000000002</v>
      </c>
      <c r="D690" s="15">
        <v>2.5150000000000001</v>
      </c>
    </row>
    <row r="691" spans="1:4" x14ac:dyDescent="0.3">
      <c r="A691" s="11">
        <v>45797.868055555555</v>
      </c>
      <c r="B691" s="15">
        <v>2.7</v>
      </c>
      <c r="C691" s="15">
        <v>2.5950000000000002</v>
      </c>
      <c r="D691" s="15">
        <v>2.5150000000000001</v>
      </c>
    </row>
    <row r="692" spans="1:4" x14ac:dyDescent="0.3">
      <c r="A692" s="11">
        <v>45797.871527777781</v>
      </c>
      <c r="B692" s="15">
        <v>2.7</v>
      </c>
      <c r="C692" s="15">
        <v>2.5950000000000002</v>
      </c>
      <c r="D692" s="15">
        <v>2.5150000000000001</v>
      </c>
    </row>
    <row r="693" spans="1:4" x14ac:dyDescent="0.3">
      <c r="A693" s="11">
        <v>45797.875</v>
      </c>
      <c r="B693" s="15">
        <v>2.6989999999999998</v>
      </c>
      <c r="C693" s="15">
        <v>2.5939999999999999</v>
      </c>
      <c r="D693" s="15">
        <v>2.5150000000000001</v>
      </c>
    </row>
    <row r="694" spans="1:4" x14ac:dyDescent="0.3">
      <c r="A694" s="11">
        <v>45797.878472222219</v>
      </c>
      <c r="B694" s="15">
        <v>2.6989999999999998</v>
      </c>
      <c r="C694" s="15">
        <v>2.5939999999999999</v>
      </c>
      <c r="D694" s="15">
        <v>2.5150000000000001</v>
      </c>
    </row>
    <row r="695" spans="1:4" x14ac:dyDescent="0.3">
      <c r="A695" s="11">
        <v>45797.881944444445</v>
      </c>
      <c r="B695" s="15">
        <v>2.6989999999999998</v>
      </c>
      <c r="C695" s="15">
        <v>2.5939999999999999</v>
      </c>
      <c r="D695" s="15">
        <v>2.5150000000000001</v>
      </c>
    </row>
    <row r="696" spans="1:4" x14ac:dyDescent="0.3">
      <c r="A696" s="11">
        <v>45797.885416666664</v>
      </c>
      <c r="B696" s="15">
        <v>2.7</v>
      </c>
      <c r="C696" s="15">
        <v>2.5950000000000002</v>
      </c>
      <c r="D696" s="15">
        <v>2.5150000000000001</v>
      </c>
    </row>
    <row r="697" spans="1:4" x14ac:dyDescent="0.3">
      <c r="A697" s="11">
        <v>45797.888888888891</v>
      </c>
      <c r="B697" s="15">
        <v>2.7010000000000001</v>
      </c>
      <c r="C697" s="15">
        <v>2.5960000000000001</v>
      </c>
      <c r="D697" s="15">
        <v>2.5150000000000001</v>
      </c>
    </row>
    <row r="698" spans="1:4" x14ac:dyDescent="0.3">
      <c r="A698" s="11">
        <v>45797.892361111109</v>
      </c>
      <c r="B698" s="15">
        <v>2.7010000000000001</v>
      </c>
      <c r="C698" s="15">
        <v>2.5960000000000001</v>
      </c>
      <c r="D698" s="15">
        <v>2.5150000000000001</v>
      </c>
    </row>
    <row r="699" spans="1:4" x14ac:dyDescent="0.3">
      <c r="A699" s="11">
        <v>45797.895833333336</v>
      </c>
      <c r="B699" s="15">
        <v>2.7010000000000001</v>
      </c>
      <c r="C699" s="15">
        <v>2.5960000000000001</v>
      </c>
      <c r="D699" s="15">
        <v>2.5150000000000001</v>
      </c>
    </row>
    <row r="700" spans="1:4" x14ac:dyDescent="0.3">
      <c r="A700" s="11">
        <v>45797.902777777781</v>
      </c>
      <c r="B700" s="15">
        <v>2.7</v>
      </c>
      <c r="C700" s="15">
        <v>2.5950000000000002</v>
      </c>
      <c r="D700" s="15">
        <v>2.5150000000000001</v>
      </c>
    </row>
    <row r="701" spans="1:4" x14ac:dyDescent="0.3">
      <c r="A701" s="11">
        <v>45797.90625</v>
      </c>
      <c r="B701" s="15">
        <v>2.7</v>
      </c>
      <c r="C701" s="15">
        <v>2.5950000000000002</v>
      </c>
      <c r="D701" s="15">
        <v>2.5150000000000001</v>
      </c>
    </row>
    <row r="702" spans="1:4" x14ac:dyDescent="0.3">
      <c r="A702" s="11">
        <v>45797.909722222219</v>
      </c>
      <c r="B702" s="15">
        <v>2.7</v>
      </c>
      <c r="C702" s="15">
        <v>2.5950000000000002</v>
      </c>
      <c r="D702" s="15">
        <v>2.5150000000000001</v>
      </c>
    </row>
    <row r="703" spans="1:4" x14ac:dyDescent="0.3">
      <c r="A703" s="11">
        <v>45797.913194444445</v>
      </c>
      <c r="B703" s="15">
        <v>2.7010000000000001</v>
      </c>
      <c r="C703" s="15">
        <v>2.5960000000000001</v>
      </c>
      <c r="D703" s="15">
        <v>2.5150000000000001</v>
      </c>
    </row>
    <row r="704" spans="1:4" x14ac:dyDescent="0.3">
      <c r="A704" s="11">
        <v>45797.916666666664</v>
      </c>
      <c r="B704" s="15">
        <v>2.6989999999999998</v>
      </c>
      <c r="C704" s="15">
        <v>2.5939999999999999</v>
      </c>
      <c r="D704" s="15">
        <v>2.5150000000000001</v>
      </c>
    </row>
    <row r="705" spans="1:4" x14ac:dyDescent="0.3">
      <c r="A705" s="11">
        <v>45798.006944444445</v>
      </c>
      <c r="B705" s="15">
        <v>2.6989999999999998</v>
      </c>
      <c r="C705" s="15">
        <v>2.5939999999999999</v>
      </c>
      <c r="D705" s="15">
        <v>2.5150000000000001</v>
      </c>
    </row>
    <row r="706" spans="1:4" x14ac:dyDescent="0.3">
      <c r="A706" s="11">
        <v>45798.024305555555</v>
      </c>
      <c r="B706" s="15">
        <v>2.6989999999999998</v>
      </c>
      <c r="C706" s="15">
        <v>2.5939999999999999</v>
      </c>
      <c r="D706" s="15">
        <v>2.5150000000000001</v>
      </c>
    </row>
    <row r="707" spans="1:4" x14ac:dyDescent="0.3">
      <c r="A707" s="11">
        <v>45798.097222222219</v>
      </c>
      <c r="B707" s="15">
        <v>2.702</v>
      </c>
      <c r="C707" s="15">
        <v>2.597</v>
      </c>
      <c r="D707" s="15">
        <v>2.5150000000000001</v>
      </c>
    </row>
    <row r="708" spans="1:4" x14ac:dyDescent="0.3">
      <c r="A708" s="11">
        <v>45798.100694444445</v>
      </c>
      <c r="B708" s="15">
        <v>2.7029999999999998</v>
      </c>
      <c r="C708" s="15">
        <v>2.5979999999999999</v>
      </c>
      <c r="D708" s="15">
        <v>2.5150000000000001</v>
      </c>
    </row>
    <row r="709" spans="1:4" x14ac:dyDescent="0.3">
      <c r="A709" s="11">
        <v>45798.104166666664</v>
      </c>
      <c r="B709" s="15">
        <v>2.7029999999999998</v>
      </c>
      <c r="C709" s="15">
        <v>2.5979999999999999</v>
      </c>
      <c r="D709" s="15">
        <v>2.5150000000000001</v>
      </c>
    </row>
    <row r="710" spans="1:4" x14ac:dyDescent="0.3">
      <c r="A710" s="11">
        <v>45798.107638888891</v>
      </c>
      <c r="B710" s="15">
        <v>2.7040000000000002</v>
      </c>
      <c r="C710" s="15">
        <v>2.5990000000000002</v>
      </c>
      <c r="D710" s="15">
        <v>2.5150000000000001</v>
      </c>
    </row>
    <row r="711" spans="1:4" x14ac:dyDescent="0.3">
      <c r="A711" s="11">
        <v>45798.111111111109</v>
      </c>
      <c r="B711" s="15">
        <v>2.7010000000000001</v>
      </c>
      <c r="C711" s="15">
        <v>2.5960000000000001</v>
      </c>
      <c r="D711" s="15">
        <v>2.5150000000000001</v>
      </c>
    </row>
    <row r="712" spans="1:4" x14ac:dyDescent="0.3">
      <c r="A712" s="11">
        <v>45798.114583333336</v>
      </c>
      <c r="B712" s="15">
        <v>2.7</v>
      </c>
      <c r="C712" s="15">
        <v>2.5950000000000002</v>
      </c>
      <c r="D712" s="15">
        <v>2.5150000000000001</v>
      </c>
    </row>
    <row r="713" spans="1:4" x14ac:dyDescent="0.3">
      <c r="A713" s="11">
        <v>45798.118055555555</v>
      </c>
      <c r="B713" s="15">
        <v>2.702</v>
      </c>
      <c r="C713" s="15">
        <v>2.597</v>
      </c>
      <c r="D713" s="15">
        <v>2.5150000000000001</v>
      </c>
    </row>
    <row r="714" spans="1:4" x14ac:dyDescent="0.3">
      <c r="A714" s="11">
        <v>45798.121527777781</v>
      </c>
      <c r="B714" s="15">
        <v>2.7010000000000001</v>
      </c>
      <c r="C714" s="15">
        <v>2.5960000000000001</v>
      </c>
      <c r="D714" s="15">
        <v>2.5150000000000001</v>
      </c>
    </row>
    <row r="715" spans="1:4" x14ac:dyDescent="0.3">
      <c r="A715" s="11">
        <v>45798.125</v>
      </c>
      <c r="B715" s="15">
        <v>2.702</v>
      </c>
      <c r="C715" s="15">
        <v>2.597</v>
      </c>
      <c r="D715" s="15">
        <v>2.5150000000000001</v>
      </c>
    </row>
    <row r="716" spans="1:4" x14ac:dyDescent="0.3">
      <c r="A716" s="11">
        <v>45798.128472222219</v>
      </c>
      <c r="B716" s="15">
        <v>2.7029999999999998</v>
      </c>
      <c r="C716" s="15">
        <v>2.5979999999999999</v>
      </c>
      <c r="D716" s="15">
        <v>2.5150000000000001</v>
      </c>
    </row>
    <row r="717" spans="1:4" x14ac:dyDescent="0.3">
      <c r="A717" s="11">
        <v>45798.131944444445</v>
      </c>
      <c r="B717" s="15">
        <v>2.702</v>
      </c>
      <c r="C717" s="15">
        <v>2.597</v>
      </c>
      <c r="D717" s="15">
        <v>2.5150000000000001</v>
      </c>
    </row>
    <row r="718" spans="1:4" x14ac:dyDescent="0.3">
      <c r="A718" s="11">
        <v>45798.135416666664</v>
      </c>
      <c r="B718" s="15">
        <v>2.7040000000000002</v>
      </c>
      <c r="C718" s="15">
        <v>2.5990000000000002</v>
      </c>
      <c r="D718" s="15">
        <v>2.5150000000000001</v>
      </c>
    </row>
    <row r="719" spans="1:4" x14ac:dyDescent="0.3">
      <c r="A719" s="11">
        <v>45798.138888888891</v>
      </c>
      <c r="B719" s="15">
        <v>2.7050000000000001</v>
      </c>
      <c r="C719" s="15">
        <v>2.6</v>
      </c>
      <c r="D719" s="15">
        <v>2.5150000000000001</v>
      </c>
    </row>
    <row r="720" spans="1:4" x14ac:dyDescent="0.3">
      <c r="A720" s="11">
        <v>45798.142361111109</v>
      </c>
      <c r="B720" s="15">
        <v>2.702</v>
      </c>
      <c r="C720" s="15">
        <v>2.597</v>
      </c>
      <c r="D720" s="15">
        <v>2.5150000000000001</v>
      </c>
    </row>
    <row r="721" spans="1:4" x14ac:dyDescent="0.3">
      <c r="A721" s="11">
        <v>45798.145833333336</v>
      </c>
      <c r="B721" s="15">
        <v>2.7040000000000002</v>
      </c>
      <c r="C721" s="15">
        <v>2.5990000000000002</v>
      </c>
      <c r="D721" s="15">
        <v>2.5150000000000001</v>
      </c>
    </row>
    <row r="722" spans="1:4" x14ac:dyDescent="0.3">
      <c r="A722" s="11">
        <v>45798.149305555555</v>
      </c>
      <c r="B722" s="15">
        <v>2.7080000000000002</v>
      </c>
      <c r="C722" s="15">
        <v>2.6030000000000002</v>
      </c>
      <c r="D722" s="15">
        <v>2.5150000000000001</v>
      </c>
    </row>
    <row r="723" spans="1:4" x14ac:dyDescent="0.3">
      <c r="A723" s="11">
        <v>45798.152777777781</v>
      </c>
      <c r="B723" s="15">
        <v>2.7090000000000001</v>
      </c>
      <c r="C723" s="15">
        <v>2.6040000000000001</v>
      </c>
      <c r="D723" s="15">
        <v>2.5150000000000001</v>
      </c>
    </row>
    <row r="724" spans="1:4" x14ac:dyDescent="0.3">
      <c r="A724" s="11">
        <v>45798.15625</v>
      </c>
      <c r="B724" s="15">
        <v>2.7069999999999999</v>
      </c>
      <c r="C724" s="15">
        <v>2.6019999999999999</v>
      </c>
      <c r="D724" s="15">
        <v>2.5150000000000001</v>
      </c>
    </row>
    <row r="725" spans="1:4" x14ac:dyDescent="0.3">
      <c r="A725" s="11">
        <v>45798.159722222219</v>
      </c>
      <c r="B725" s="15">
        <v>2.7069999999999999</v>
      </c>
      <c r="C725" s="15">
        <v>2.6019999999999999</v>
      </c>
      <c r="D725" s="15">
        <v>2.5150000000000001</v>
      </c>
    </row>
    <row r="726" spans="1:4" x14ac:dyDescent="0.3">
      <c r="A726" s="11">
        <v>45798.163194444445</v>
      </c>
      <c r="B726" s="15">
        <v>2.7090000000000001</v>
      </c>
      <c r="C726" s="15">
        <v>2.6040000000000001</v>
      </c>
      <c r="D726" s="15">
        <v>2.5150000000000001</v>
      </c>
    </row>
    <row r="727" spans="1:4" x14ac:dyDescent="0.3">
      <c r="A727" s="11">
        <v>45798.166666666664</v>
      </c>
      <c r="B727" s="15">
        <v>2.7080000000000002</v>
      </c>
      <c r="C727" s="15">
        <v>2.6030000000000002</v>
      </c>
      <c r="D727" s="15">
        <v>2.5150000000000001</v>
      </c>
    </row>
    <row r="728" spans="1:4" x14ac:dyDescent="0.3">
      <c r="A728" s="11">
        <v>45798.170138888891</v>
      </c>
      <c r="B728" s="15">
        <v>2.7080000000000002</v>
      </c>
      <c r="C728" s="15">
        <v>2.6030000000000002</v>
      </c>
      <c r="D728" s="15">
        <v>2.5150000000000001</v>
      </c>
    </row>
    <row r="729" spans="1:4" x14ac:dyDescent="0.3">
      <c r="A729" s="11">
        <v>45798.173611111109</v>
      </c>
      <c r="B729" s="15">
        <v>2.71</v>
      </c>
      <c r="C729" s="15">
        <v>2.605</v>
      </c>
      <c r="D729" s="15">
        <v>2.5150000000000001</v>
      </c>
    </row>
    <row r="730" spans="1:4" x14ac:dyDescent="0.3">
      <c r="A730" s="11">
        <v>45798.177083333336</v>
      </c>
      <c r="B730" s="15">
        <v>2.71</v>
      </c>
      <c r="C730" s="15">
        <v>2.605</v>
      </c>
      <c r="D730" s="15">
        <v>2.5150000000000001</v>
      </c>
    </row>
    <row r="731" spans="1:4" x14ac:dyDescent="0.3">
      <c r="A731" s="11">
        <v>45798.180555555555</v>
      </c>
      <c r="B731" s="15">
        <v>2.7130000000000001</v>
      </c>
      <c r="C731" s="15">
        <v>2.6080000000000001</v>
      </c>
      <c r="D731" s="15">
        <v>2.5150000000000001</v>
      </c>
    </row>
    <row r="732" spans="1:4" x14ac:dyDescent="0.3">
      <c r="A732" s="11">
        <v>45798.184027777781</v>
      </c>
      <c r="B732" s="15">
        <v>2.7130000000000001</v>
      </c>
      <c r="C732" s="15">
        <v>2.6080000000000001</v>
      </c>
      <c r="D732" s="15">
        <v>2.5150000000000001</v>
      </c>
    </row>
    <row r="733" spans="1:4" x14ac:dyDescent="0.3">
      <c r="A733" s="11">
        <v>45798.190972222219</v>
      </c>
      <c r="B733" s="15">
        <v>2.714</v>
      </c>
      <c r="C733" s="15">
        <v>2.609</v>
      </c>
      <c r="D733" s="15">
        <v>2.5150000000000001</v>
      </c>
    </row>
    <row r="734" spans="1:4" x14ac:dyDescent="0.3">
      <c r="A734" s="11">
        <v>45798.194444444445</v>
      </c>
      <c r="B734" s="15">
        <v>2.7130000000000001</v>
      </c>
      <c r="C734" s="15">
        <v>2.6080000000000001</v>
      </c>
      <c r="D734" s="15">
        <v>2.5150000000000001</v>
      </c>
    </row>
    <row r="735" spans="1:4" x14ac:dyDescent="0.3">
      <c r="A735" s="11">
        <v>45798.197916666664</v>
      </c>
      <c r="B735" s="15">
        <v>2.714</v>
      </c>
      <c r="C735" s="15">
        <v>2.609</v>
      </c>
      <c r="D735" s="15">
        <v>2.5150000000000001</v>
      </c>
    </row>
    <row r="736" spans="1:4" x14ac:dyDescent="0.3">
      <c r="A736" s="11">
        <v>45798.201388888891</v>
      </c>
      <c r="B736" s="15">
        <v>2.714</v>
      </c>
      <c r="C736" s="15">
        <v>2.609</v>
      </c>
      <c r="D736" s="15">
        <v>2.5150000000000001</v>
      </c>
    </row>
    <row r="737" spans="1:4" x14ac:dyDescent="0.3">
      <c r="A737" s="11">
        <v>45798.204861111109</v>
      </c>
      <c r="B737" s="15">
        <v>2.7130000000000001</v>
      </c>
      <c r="C737" s="15">
        <v>2.6080000000000001</v>
      </c>
      <c r="D737" s="15">
        <v>2.5150000000000001</v>
      </c>
    </row>
    <row r="738" spans="1:4" x14ac:dyDescent="0.3">
      <c r="A738" s="11">
        <v>45798.208333333336</v>
      </c>
      <c r="B738" s="15">
        <v>2.7149999999999999</v>
      </c>
      <c r="C738" s="15">
        <v>2.61</v>
      </c>
      <c r="D738" s="15">
        <v>2.5150000000000001</v>
      </c>
    </row>
    <row r="739" spans="1:4" x14ac:dyDescent="0.3">
      <c r="A739" s="11">
        <v>45798.211805555555</v>
      </c>
      <c r="B739" s="15">
        <v>2.714</v>
      </c>
      <c r="C739" s="15">
        <v>2.609</v>
      </c>
      <c r="D739" s="15">
        <v>2.5150000000000001</v>
      </c>
    </row>
    <row r="740" spans="1:4" x14ac:dyDescent="0.3">
      <c r="A740" s="11">
        <v>45798.215277777781</v>
      </c>
      <c r="B740" s="15">
        <v>2.7149999999999999</v>
      </c>
      <c r="C740" s="15">
        <v>2.61</v>
      </c>
      <c r="D740" s="15">
        <v>2.5150000000000001</v>
      </c>
    </row>
    <row r="741" spans="1:4" x14ac:dyDescent="0.3">
      <c r="A741" s="11">
        <v>45798.21875</v>
      </c>
      <c r="B741" s="15">
        <v>2.7149999999999999</v>
      </c>
      <c r="C741" s="15">
        <v>2.61</v>
      </c>
      <c r="D741" s="15">
        <v>2.5150000000000001</v>
      </c>
    </row>
    <row r="742" spans="1:4" x14ac:dyDescent="0.3">
      <c r="A742" s="11">
        <v>45798.222222222219</v>
      </c>
      <c r="B742" s="15">
        <v>2.7149999999999999</v>
      </c>
      <c r="C742" s="15">
        <v>2.61</v>
      </c>
      <c r="D742" s="15">
        <v>2.5150000000000001</v>
      </c>
    </row>
    <row r="743" spans="1:4" x14ac:dyDescent="0.3">
      <c r="A743" s="11">
        <v>45798.225694444445</v>
      </c>
      <c r="B743" s="15">
        <v>2.7149999999999999</v>
      </c>
      <c r="C743" s="15">
        <v>2.61</v>
      </c>
      <c r="D743" s="15">
        <v>2.5150000000000001</v>
      </c>
    </row>
    <row r="744" spans="1:4" x14ac:dyDescent="0.3">
      <c r="A744" s="11">
        <v>45798.229166666664</v>
      </c>
      <c r="B744" s="15">
        <v>2.7160000000000002</v>
      </c>
      <c r="C744" s="15">
        <v>2.6110000000000002</v>
      </c>
      <c r="D744" s="15">
        <v>2.5150000000000001</v>
      </c>
    </row>
    <row r="745" spans="1:4" x14ac:dyDescent="0.3">
      <c r="A745" s="11">
        <v>45798.232638888891</v>
      </c>
      <c r="B745" s="15">
        <v>2.7170000000000001</v>
      </c>
      <c r="C745" s="15">
        <v>2.6120000000000001</v>
      </c>
      <c r="D745" s="15">
        <v>2.5150000000000001</v>
      </c>
    </row>
    <row r="746" spans="1:4" x14ac:dyDescent="0.3">
      <c r="A746" s="11">
        <v>45798.236111111109</v>
      </c>
      <c r="B746" s="15">
        <v>2.7160000000000002</v>
      </c>
      <c r="C746" s="15">
        <v>2.6110000000000002</v>
      </c>
      <c r="D746" s="15">
        <v>2.5150000000000001</v>
      </c>
    </row>
    <row r="747" spans="1:4" x14ac:dyDescent="0.3">
      <c r="A747" s="11">
        <v>45798.239583333336</v>
      </c>
      <c r="B747" s="15">
        <v>2.7170000000000001</v>
      </c>
      <c r="C747" s="15">
        <v>2.6120000000000001</v>
      </c>
      <c r="D747" s="15">
        <v>2.5150000000000001</v>
      </c>
    </row>
    <row r="748" spans="1:4" x14ac:dyDescent="0.3">
      <c r="A748" s="11">
        <v>45798.243055555555</v>
      </c>
      <c r="B748" s="15">
        <v>2.7160000000000002</v>
      </c>
      <c r="C748" s="15">
        <v>2.6110000000000002</v>
      </c>
      <c r="D748" s="15">
        <v>2.5150000000000001</v>
      </c>
    </row>
    <row r="749" spans="1:4" x14ac:dyDescent="0.3">
      <c r="A749" s="11">
        <v>45798.246527777781</v>
      </c>
      <c r="B749" s="15">
        <v>2.7160000000000002</v>
      </c>
      <c r="C749" s="15">
        <v>2.6110000000000002</v>
      </c>
      <c r="D749" s="15">
        <v>2.5150000000000001</v>
      </c>
    </row>
    <row r="750" spans="1:4" x14ac:dyDescent="0.3">
      <c r="A750" s="11">
        <v>45798.25</v>
      </c>
      <c r="B750" s="15">
        <v>2.7160000000000002</v>
      </c>
      <c r="C750" s="15">
        <v>2.6110000000000002</v>
      </c>
      <c r="D750" s="15">
        <v>2.5150000000000001</v>
      </c>
    </row>
    <row r="751" spans="1:4" x14ac:dyDescent="0.3">
      <c r="A751" s="11">
        <v>45798.253472222219</v>
      </c>
      <c r="B751" s="15">
        <v>2.7149999999999999</v>
      </c>
      <c r="C751" s="15">
        <v>2.61</v>
      </c>
      <c r="D751" s="15">
        <v>2.5150000000000001</v>
      </c>
    </row>
    <row r="752" spans="1:4" x14ac:dyDescent="0.3">
      <c r="A752" s="11">
        <v>45798.256944444445</v>
      </c>
      <c r="B752" s="15">
        <v>2.7149999999999999</v>
      </c>
      <c r="C752" s="15">
        <v>2.61</v>
      </c>
      <c r="D752" s="15">
        <v>2.5150000000000001</v>
      </c>
    </row>
    <row r="753" spans="1:4" x14ac:dyDescent="0.3">
      <c r="A753" s="11">
        <v>45798.260416666664</v>
      </c>
      <c r="B753" s="15">
        <v>2.7160000000000002</v>
      </c>
      <c r="C753" s="15">
        <v>2.6110000000000002</v>
      </c>
      <c r="D753" s="15">
        <v>2.5150000000000001</v>
      </c>
    </row>
    <row r="754" spans="1:4" x14ac:dyDescent="0.3">
      <c r="A754" s="11">
        <v>45798.263888888891</v>
      </c>
      <c r="B754" s="15">
        <v>2.7149999999999999</v>
      </c>
      <c r="C754" s="15">
        <v>2.61</v>
      </c>
      <c r="D754" s="15">
        <v>2.5150000000000001</v>
      </c>
    </row>
    <row r="755" spans="1:4" x14ac:dyDescent="0.3">
      <c r="A755" s="11">
        <v>45798.267361111109</v>
      </c>
      <c r="B755" s="15">
        <v>2.7160000000000002</v>
      </c>
      <c r="C755" s="15">
        <v>2.6110000000000002</v>
      </c>
      <c r="D755" s="15">
        <v>2.5150000000000001</v>
      </c>
    </row>
    <row r="756" spans="1:4" x14ac:dyDescent="0.3">
      <c r="A756" s="11">
        <v>45798.270833333336</v>
      </c>
      <c r="B756" s="15">
        <v>2.7149999999999999</v>
      </c>
      <c r="C756" s="15">
        <v>2.61</v>
      </c>
      <c r="D756" s="15">
        <v>2.5150000000000001</v>
      </c>
    </row>
    <row r="757" spans="1:4" x14ac:dyDescent="0.3">
      <c r="A757" s="11">
        <v>45798.274305555555</v>
      </c>
      <c r="B757" s="15">
        <v>2.7170000000000001</v>
      </c>
      <c r="C757" s="15">
        <v>2.6120000000000001</v>
      </c>
      <c r="D757" s="15">
        <v>2.5150000000000001</v>
      </c>
    </row>
    <row r="758" spans="1:4" x14ac:dyDescent="0.3">
      <c r="A758" s="11">
        <v>45798.277777777781</v>
      </c>
      <c r="B758" s="15">
        <v>2.7170000000000001</v>
      </c>
      <c r="C758" s="15">
        <v>2.6120000000000001</v>
      </c>
      <c r="D758" s="15">
        <v>2.5150000000000001</v>
      </c>
    </row>
    <row r="759" spans="1:4" x14ac:dyDescent="0.3">
      <c r="A759" s="11">
        <v>45798.28125</v>
      </c>
      <c r="B759" s="15">
        <v>2.7160000000000002</v>
      </c>
      <c r="C759" s="15">
        <v>2.6110000000000002</v>
      </c>
      <c r="D759" s="15">
        <v>2.5150000000000001</v>
      </c>
    </row>
    <row r="760" spans="1:4" x14ac:dyDescent="0.3">
      <c r="A760" s="11">
        <v>45798.284722222219</v>
      </c>
      <c r="B760" s="15">
        <v>2.7170000000000001</v>
      </c>
      <c r="C760" s="15">
        <v>2.6120000000000001</v>
      </c>
      <c r="D760" s="15">
        <v>2.5150000000000001</v>
      </c>
    </row>
    <row r="761" spans="1:4" x14ac:dyDescent="0.3">
      <c r="A761" s="11">
        <v>45798.288194444445</v>
      </c>
      <c r="B761" s="15">
        <v>2.7170000000000001</v>
      </c>
      <c r="C761" s="15">
        <v>2.6120000000000001</v>
      </c>
      <c r="D761" s="15">
        <v>2.5150000000000001</v>
      </c>
    </row>
    <row r="762" spans="1:4" x14ac:dyDescent="0.3">
      <c r="A762" s="11">
        <v>45798.291666666664</v>
      </c>
      <c r="B762" s="15">
        <v>2.718</v>
      </c>
      <c r="C762" s="15">
        <v>2.613</v>
      </c>
      <c r="D762" s="15">
        <v>2.5150000000000001</v>
      </c>
    </row>
    <row r="763" spans="1:4" x14ac:dyDescent="0.3">
      <c r="A763" s="11">
        <v>45798.295138888891</v>
      </c>
      <c r="B763" s="15">
        <v>2.7210000000000001</v>
      </c>
      <c r="C763" s="15">
        <v>2.6160000000000001</v>
      </c>
      <c r="D763" s="15">
        <v>2.5150000000000001</v>
      </c>
    </row>
    <row r="764" spans="1:4" x14ac:dyDescent="0.3">
      <c r="A764" s="11">
        <v>45798.298611111109</v>
      </c>
      <c r="B764" s="15">
        <v>2.718</v>
      </c>
      <c r="C764" s="15">
        <v>2.613</v>
      </c>
      <c r="D764" s="15">
        <v>2.5150000000000001</v>
      </c>
    </row>
    <row r="765" spans="1:4" x14ac:dyDescent="0.3">
      <c r="A765" s="11">
        <v>45798.302083333336</v>
      </c>
      <c r="B765" s="15">
        <v>2.718</v>
      </c>
      <c r="C765" s="15">
        <v>2.613</v>
      </c>
      <c r="D765" s="15">
        <v>2.5150000000000001</v>
      </c>
    </row>
    <row r="766" spans="1:4" x14ac:dyDescent="0.3">
      <c r="A766" s="11">
        <v>45798.305555555555</v>
      </c>
      <c r="B766" s="15">
        <v>2.7170000000000001</v>
      </c>
      <c r="C766" s="15">
        <v>2.6120000000000001</v>
      </c>
      <c r="D766" s="15">
        <v>2.5150000000000001</v>
      </c>
    </row>
    <row r="767" spans="1:4" x14ac:dyDescent="0.3">
      <c r="A767" s="11">
        <v>45798.309027777781</v>
      </c>
      <c r="B767" s="15">
        <v>2.7149999999999999</v>
      </c>
      <c r="C767" s="15">
        <v>2.61</v>
      </c>
      <c r="D767" s="15">
        <v>2.5150000000000001</v>
      </c>
    </row>
    <row r="768" spans="1:4" x14ac:dyDescent="0.3">
      <c r="A768" s="11">
        <v>45798.3125</v>
      </c>
      <c r="B768" s="15">
        <v>2.7149999999999999</v>
      </c>
      <c r="C768" s="15">
        <v>2.61</v>
      </c>
      <c r="D768" s="15">
        <v>2.5150000000000001</v>
      </c>
    </row>
    <row r="769" spans="1:4" x14ac:dyDescent="0.3">
      <c r="A769" s="11">
        <v>45798.315972222219</v>
      </c>
      <c r="B769" s="15">
        <v>2.7149999999999999</v>
      </c>
      <c r="C769" s="15">
        <v>2.6150000000000002</v>
      </c>
      <c r="D769" s="15">
        <v>2.5150000000000001</v>
      </c>
    </row>
    <row r="770" spans="1:4" x14ac:dyDescent="0.3">
      <c r="A770" s="11">
        <v>45798.319444444445</v>
      </c>
      <c r="B770" s="15">
        <v>2.714</v>
      </c>
      <c r="C770" s="15">
        <v>2.609</v>
      </c>
      <c r="D770" s="15">
        <v>2.5150000000000001</v>
      </c>
    </row>
    <row r="771" spans="1:4" x14ac:dyDescent="0.3">
      <c r="A771" s="11">
        <v>45798.322916666664</v>
      </c>
      <c r="B771" s="15">
        <v>2.7210000000000001</v>
      </c>
      <c r="C771" s="15">
        <v>2.61</v>
      </c>
      <c r="D771" s="15">
        <v>2.5150000000000001</v>
      </c>
    </row>
    <row r="772" spans="1:4" x14ac:dyDescent="0.3">
      <c r="A772" s="11">
        <v>45798.326388888891</v>
      </c>
      <c r="B772" s="15">
        <v>2.7210000000000001</v>
      </c>
      <c r="C772" s="15">
        <v>2.6160000000000001</v>
      </c>
      <c r="D772" s="15">
        <v>2.5150000000000001</v>
      </c>
    </row>
    <row r="773" spans="1:4" x14ac:dyDescent="0.3">
      <c r="A773" s="11">
        <v>45798.329861111109</v>
      </c>
      <c r="B773" s="15">
        <v>2.714</v>
      </c>
      <c r="C773" s="15">
        <v>2.609</v>
      </c>
      <c r="D773" s="15">
        <v>2.5150000000000001</v>
      </c>
    </row>
    <row r="774" spans="1:4" x14ac:dyDescent="0.3">
      <c r="A774" s="11">
        <v>45798.333333333336</v>
      </c>
      <c r="B774" s="15">
        <v>2.71</v>
      </c>
      <c r="C774" s="15">
        <v>2.605</v>
      </c>
      <c r="D774" s="15">
        <v>2.5150000000000001</v>
      </c>
    </row>
    <row r="775" spans="1:4" x14ac:dyDescent="0.3">
      <c r="A775" s="11">
        <v>45798.336805555555</v>
      </c>
      <c r="B775" s="15">
        <v>2.7229999999999999</v>
      </c>
      <c r="C775" s="15">
        <v>2.6190000000000002</v>
      </c>
      <c r="D775" s="15">
        <v>2.5150000000000001</v>
      </c>
    </row>
    <row r="776" spans="1:4" x14ac:dyDescent="0.3">
      <c r="A776" s="11">
        <v>45798.340277777781</v>
      </c>
      <c r="B776" s="15">
        <v>2.726</v>
      </c>
      <c r="C776" s="15">
        <v>2.621</v>
      </c>
      <c r="D776" s="15">
        <v>2.516</v>
      </c>
    </row>
    <row r="777" spans="1:4" x14ac:dyDescent="0.3">
      <c r="A777" s="11">
        <v>45798.34375</v>
      </c>
      <c r="B777" s="15">
        <v>2.7360000000000002</v>
      </c>
      <c r="C777" s="15">
        <v>2.629</v>
      </c>
      <c r="D777" s="15">
        <v>2.5179999999999998</v>
      </c>
    </row>
    <row r="778" spans="1:4" x14ac:dyDescent="0.3">
      <c r="A778" s="11">
        <v>45798.347222222219</v>
      </c>
      <c r="B778" s="15">
        <v>2.7250000000000001</v>
      </c>
      <c r="C778" s="15">
        <v>2.62</v>
      </c>
      <c r="D778" s="15">
        <v>2.5169999999999999</v>
      </c>
    </row>
    <row r="779" spans="1:4" x14ac:dyDescent="0.3">
      <c r="A779" s="11">
        <v>45798.350694444445</v>
      </c>
      <c r="B779" s="15">
        <v>2.7410000000000001</v>
      </c>
      <c r="C779" s="15">
        <v>2.633</v>
      </c>
      <c r="D779" s="15">
        <v>2.532</v>
      </c>
    </row>
    <row r="780" spans="1:4" x14ac:dyDescent="0.3">
      <c r="A780" s="11">
        <v>45798.354166666664</v>
      </c>
      <c r="B780" s="15">
        <v>2.7440000000000002</v>
      </c>
      <c r="C780" s="15">
        <v>2.6360000000000001</v>
      </c>
      <c r="D780" s="15">
        <v>2.5350000000000001</v>
      </c>
    </row>
    <row r="781" spans="1:4" x14ac:dyDescent="0.3">
      <c r="A781" s="11">
        <v>45798.357638888891</v>
      </c>
      <c r="B781" s="15">
        <v>2.742</v>
      </c>
      <c r="C781" s="15">
        <v>2.6240000000000001</v>
      </c>
      <c r="D781" s="15">
        <v>2.5190000000000001</v>
      </c>
    </row>
    <row r="782" spans="1:4" x14ac:dyDescent="0.3">
      <c r="A782" s="11">
        <v>45798.361111111109</v>
      </c>
      <c r="B782" s="15">
        <v>2.718</v>
      </c>
      <c r="C782" s="15">
        <v>2.629</v>
      </c>
      <c r="D782" s="15">
        <v>2.5099999999999998</v>
      </c>
    </row>
    <row r="783" spans="1:4" x14ac:dyDescent="0.3">
      <c r="A783" s="11">
        <v>45798.364583333336</v>
      </c>
      <c r="B783" s="15">
        <v>2.7170000000000001</v>
      </c>
      <c r="C783" s="15">
        <v>2.6120000000000001</v>
      </c>
      <c r="D783" s="15">
        <v>2.5289999999999999</v>
      </c>
    </row>
    <row r="784" spans="1:4" x14ac:dyDescent="0.3">
      <c r="A784" s="11">
        <v>45798.368055555555</v>
      </c>
      <c r="B784" s="15">
        <v>2.7160000000000002</v>
      </c>
      <c r="C784" s="15">
        <v>2.6280000000000001</v>
      </c>
      <c r="D784" s="15">
        <v>2.528</v>
      </c>
    </row>
    <row r="785" spans="1:4" x14ac:dyDescent="0.3">
      <c r="A785" s="11">
        <v>45798.371527777781</v>
      </c>
      <c r="B785" s="15">
        <v>2.7330000000000001</v>
      </c>
      <c r="C785" s="15">
        <v>2.6259999999999999</v>
      </c>
      <c r="D785" s="15">
        <v>2.5249999999999999</v>
      </c>
    </row>
    <row r="786" spans="1:4" x14ac:dyDescent="0.3">
      <c r="A786" s="11">
        <v>45798.375</v>
      </c>
      <c r="B786" s="15">
        <v>2.7349999999999999</v>
      </c>
      <c r="C786" s="15">
        <v>2.63</v>
      </c>
      <c r="D786" s="15">
        <v>2.528</v>
      </c>
    </row>
    <row r="787" spans="1:4" x14ac:dyDescent="0.3">
      <c r="A787" s="11">
        <v>45798.378472222219</v>
      </c>
      <c r="B787" s="15">
        <v>2.7160000000000002</v>
      </c>
      <c r="C787" s="15">
        <v>2.6110000000000002</v>
      </c>
      <c r="D787" s="15">
        <v>2.528</v>
      </c>
    </row>
    <row r="788" spans="1:4" x14ac:dyDescent="0.3">
      <c r="A788" s="11">
        <v>45798.381944444445</v>
      </c>
      <c r="B788" s="15">
        <v>2.7309999999999999</v>
      </c>
      <c r="C788" s="15">
        <v>2.62</v>
      </c>
      <c r="D788" s="15">
        <v>2.5150000000000001</v>
      </c>
    </row>
    <row r="789" spans="1:4" x14ac:dyDescent="0.3">
      <c r="A789" s="11">
        <v>45798.385416666664</v>
      </c>
      <c r="B789" s="15">
        <v>2.74</v>
      </c>
      <c r="C789" s="15">
        <v>2.6339999999999999</v>
      </c>
      <c r="D789" s="15">
        <v>2.5310000000000001</v>
      </c>
    </row>
    <row r="790" spans="1:4" x14ac:dyDescent="0.3">
      <c r="A790" s="11">
        <v>45798.388888888891</v>
      </c>
      <c r="B790" s="15">
        <v>2.7330000000000001</v>
      </c>
      <c r="C790" s="15">
        <v>2.629</v>
      </c>
      <c r="D790" s="15">
        <v>2.516</v>
      </c>
    </row>
    <row r="791" spans="1:4" x14ac:dyDescent="0.3">
      <c r="A791" s="11">
        <v>45798.392361111109</v>
      </c>
      <c r="B791" s="15">
        <v>2.7370000000000001</v>
      </c>
      <c r="C791" s="15">
        <v>2.6309999999999998</v>
      </c>
      <c r="D791" s="15">
        <v>2.528</v>
      </c>
    </row>
    <row r="792" spans="1:4" x14ac:dyDescent="0.3">
      <c r="A792" s="11">
        <v>45798.395833333336</v>
      </c>
      <c r="B792" s="15">
        <v>2.726</v>
      </c>
      <c r="C792" s="15">
        <v>2.6309999999999998</v>
      </c>
      <c r="D792" s="15">
        <v>2.5310000000000001</v>
      </c>
    </row>
    <row r="793" spans="1:4" x14ac:dyDescent="0.3">
      <c r="A793" s="11">
        <v>45798.399305555555</v>
      </c>
      <c r="B793" s="15">
        <v>2.7229999999999999</v>
      </c>
      <c r="C793" s="15">
        <v>2.62</v>
      </c>
      <c r="D793" s="15">
        <v>2.5169999999999999</v>
      </c>
    </row>
    <row r="794" spans="1:4" x14ac:dyDescent="0.3">
      <c r="A794" s="11">
        <v>45798.402777777781</v>
      </c>
      <c r="B794" s="15">
        <v>2.7440000000000002</v>
      </c>
      <c r="C794" s="15">
        <v>2.6389999999999998</v>
      </c>
      <c r="D794" s="15">
        <v>2.5369999999999999</v>
      </c>
    </row>
    <row r="795" spans="1:4" x14ac:dyDescent="0.3">
      <c r="A795" s="11">
        <v>45798.40625</v>
      </c>
      <c r="B795" s="15">
        <v>2.7480000000000002</v>
      </c>
      <c r="C795" s="15">
        <v>2.6429999999999998</v>
      </c>
      <c r="D795" s="15">
        <v>2.54</v>
      </c>
    </row>
    <row r="796" spans="1:4" x14ac:dyDescent="0.3">
      <c r="A796" s="11">
        <v>45798.409722222219</v>
      </c>
      <c r="B796" s="15">
        <v>2.7330000000000001</v>
      </c>
      <c r="C796" s="15">
        <v>2.645</v>
      </c>
      <c r="D796" s="15">
        <v>2.544</v>
      </c>
    </row>
    <row r="797" spans="1:4" x14ac:dyDescent="0.3">
      <c r="A797" s="11">
        <v>45798.413194444445</v>
      </c>
      <c r="B797" s="15">
        <v>2.7549999999999999</v>
      </c>
      <c r="C797" s="15">
        <v>2.65</v>
      </c>
      <c r="D797" s="15">
        <v>2.5470000000000002</v>
      </c>
    </row>
    <row r="798" spans="1:4" x14ac:dyDescent="0.3">
      <c r="A798" s="11">
        <v>45798.416666666664</v>
      </c>
      <c r="B798" s="15">
        <v>2.7530000000000001</v>
      </c>
      <c r="C798" s="15">
        <v>2.6440000000000001</v>
      </c>
      <c r="D798" s="15">
        <v>2.5449999999999999</v>
      </c>
    </row>
    <row r="799" spans="1:4" x14ac:dyDescent="0.3">
      <c r="A799" s="11">
        <v>45798.420138888891</v>
      </c>
      <c r="B799" s="15">
        <v>2.7589999999999999</v>
      </c>
      <c r="C799" s="15">
        <v>2.6480000000000001</v>
      </c>
      <c r="D799" s="15">
        <v>2.544</v>
      </c>
    </row>
    <row r="800" spans="1:4" x14ac:dyDescent="0.3">
      <c r="A800" s="11">
        <v>45798.423611111109</v>
      </c>
      <c r="B800" s="15">
        <v>2.7639999999999998</v>
      </c>
      <c r="C800" s="15">
        <v>2.6589999999999998</v>
      </c>
      <c r="D800" s="15">
        <v>2.5529999999999999</v>
      </c>
    </row>
    <row r="801" spans="1:4" x14ac:dyDescent="0.3">
      <c r="A801" s="11">
        <v>45798.427083333336</v>
      </c>
      <c r="B801" s="15">
        <v>2.7679999999999998</v>
      </c>
      <c r="C801" s="15">
        <v>2.6640000000000001</v>
      </c>
      <c r="D801" s="15">
        <v>2.5619999999999998</v>
      </c>
    </row>
    <row r="802" spans="1:4" x14ac:dyDescent="0.3">
      <c r="A802" s="11">
        <v>45798.430555555555</v>
      </c>
      <c r="B802" s="15">
        <v>2.7679999999999998</v>
      </c>
      <c r="C802" s="15">
        <v>2.6629999999999998</v>
      </c>
      <c r="D802" s="15">
        <v>2.5590000000000002</v>
      </c>
    </row>
    <row r="803" spans="1:4" x14ac:dyDescent="0.3">
      <c r="A803" s="11">
        <v>45798.434027777781</v>
      </c>
      <c r="B803" s="15">
        <v>2.77</v>
      </c>
      <c r="C803" s="15">
        <v>2.66</v>
      </c>
      <c r="D803" s="15">
        <v>2.5609999999999999</v>
      </c>
    </row>
    <row r="804" spans="1:4" x14ac:dyDescent="0.3">
      <c r="A804" s="11">
        <v>45798.4375</v>
      </c>
      <c r="B804" s="15">
        <v>2.77</v>
      </c>
      <c r="C804" s="15">
        <v>2.665</v>
      </c>
      <c r="D804" s="15">
        <v>2.5630000000000002</v>
      </c>
    </row>
    <row r="805" spans="1:4" x14ac:dyDescent="0.3">
      <c r="A805" s="11">
        <v>45798.440972222219</v>
      </c>
      <c r="B805" s="15">
        <v>2.77</v>
      </c>
      <c r="C805" s="15">
        <v>2.665</v>
      </c>
      <c r="D805" s="15">
        <v>2.5609999999999999</v>
      </c>
    </row>
    <row r="806" spans="1:4" x14ac:dyDescent="0.3">
      <c r="A806" s="11">
        <v>45798.444444444445</v>
      </c>
      <c r="B806" s="15">
        <v>2.7690000000000001</v>
      </c>
      <c r="C806" s="15">
        <v>2.6629999999999998</v>
      </c>
      <c r="D806" s="15">
        <v>2.5590000000000002</v>
      </c>
    </row>
    <row r="807" spans="1:4" x14ac:dyDescent="0.3">
      <c r="A807" s="11">
        <v>45798.447916666664</v>
      </c>
      <c r="B807" s="15">
        <v>2.76</v>
      </c>
      <c r="C807" s="15">
        <v>2.665</v>
      </c>
      <c r="D807" s="15">
        <v>2.5499999999999998</v>
      </c>
    </row>
    <row r="808" spans="1:4" x14ac:dyDescent="0.3">
      <c r="A808" s="11">
        <v>45798.451388888891</v>
      </c>
      <c r="B808" s="15">
        <v>2.7719999999999998</v>
      </c>
      <c r="C808" s="15">
        <v>2.6669999999999998</v>
      </c>
      <c r="D808" s="15">
        <v>2.5640000000000001</v>
      </c>
    </row>
    <row r="809" spans="1:4" x14ac:dyDescent="0.3">
      <c r="A809" s="11">
        <v>45798.454861111109</v>
      </c>
      <c r="B809" s="15">
        <v>2.7719999999999998</v>
      </c>
      <c r="C809" s="15">
        <v>2.6680000000000001</v>
      </c>
      <c r="D809" s="15">
        <v>2.5590000000000002</v>
      </c>
    </row>
    <row r="810" spans="1:4" x14ac:dyDescent="0.3">
      <c r="A810" s="11">
        <v>45798.458333333336</v>
      </c>
      <c r="B810" s="15">
        <v>2.7519999999999998</v>
      </c>
      <c r="C810" s="15">
        <v>2.649</v>
      </c>
      <c r="D810" s="15">
        <v>2.5510000000000002</v>
      </c>
    </row>
    <row r="811" spans="1:4" x14ac:dyDescent="0.3">
      <c r="A811" s="11">
        <v>45798.461805555555</v>
      </c>
      <c r="B811" s="15">
        <v>2.778</v>
      </c>
      <c r="C811" s="15">
        <v>2.657</v>
      </c>
      <c r="D811" s="15">
        <v>2.5710000000000002</v>
      </c>
    </row>
    <row r="812" spans="1:4" x14ac:dyDescent="0.3">
      <c r="A812" s="11">
        <v>45798.465277777781</v>
      </c>
      <c r="B812" s="15">
        <v>2.7789999999999999</v>
      </c>
      <c r="C812" s="15">
        <v>2.6760000000000002</v>
      </c>
      <c r="D812" s="15">
        <v>2.57</v>
      </c>
    </row>
    <row r="813" spans="1:4" x14ac:dyDescent="0.3">
      <c r="A813" s="11">
        <v>45798.46875</v>
      </c>
      <c r="B813" s="15">
        <v>2.7730000000000001</v>
      </c>
      <c r="C813" s="15">
        <v>2.6709999999999998</v>
      </c>
      <c r="D813" s="15">
        <v>2.577</v>
      </c>
    </row>
    <row r="814" spans="1:4" x14ac:dyDescent="0.3">
      <c r="A814" s="11">
        <v>45798.472222222219</v>
      </c>
      <c r="B814" s="15">
        <v>2.7749999999999999</v>
      </c>
      <c r="C814" s="15">
        <v>2.6789999999999998</v>
      </c>
      <c r="D814" s="15">
        <v>2.5840000000000001</v>
      </c>
    </row>
    <row r="815" spans="1:4" x14ac:dyDescent="0.3">
      <c r="A815" s="11">
        <v>45798.475694444445</v>
      </c>
      <c r="B815" s="15">
        <v>2.782</v>
      </c>
      <c r="C815" s="15">
        <v>2.681</v>
      </c>
      <c r="D815" s="15">
        <v>2.5880000000000001</v>
      </c>
    </row>
    <row r="816" spans="1:4" x14ac:dyDescent="0.3">
      <c r="A816" s="11">
        <v>45798.479166666664</v>
      </c>
      <c r="B816" s="15">
        <v>2.7690000000000001</v>
      </c>
      <c r="C816" s="15">
        <v>2.6789999999999998</v>
      </c>
      <c r="D816" s="15">
        <v>2.5720000000000001</v>
      </c>
    </row>
    <row r="817" spans="1:4" x14ac:dyDescent="0.3">
      <c r="A817" s="11">
        <v>45798.482638888891</v>
      </c>
      <c r="B817" s="15">
        <v>2.7909999999999999</v>
      </c>
      <c r="C817" s="15">
        <v>2.6844999999999999</v>
      </c>
      <c r="D817" s="15">
        <v>2.5950000000000002</v>
      </c>
    </row>
    <row r="818" spans="1:4" x14ac:dyDescent="0.3">
      <c r="A818" s="11">
        <v>45798.486111111109</v>
      </c>
      <c r="B818" s="15">
        <v>2.7839999999999998</v>
      </c>
      <c r="C818" s="15">
        <v>2.6880000000000002</v>
      </c>
      <c r="D818" s="15">
        <v>2.5910000000000002</v>
      </c>
    </row>
    <row r="819" spans="1:4" x14ac:dyDescent="0.3">
      <c r="A819" s="11">
        <v>45798.489583333336</v>
      </c>
      <c r="B819" s="15">
        <v>2.7679999999999998</v>
      </c>
      <c r="C819" s="15">
        <v>2.6680000000000001</v>
      </c>
      <c r="D819" s="15">
        <v>2.5920000000000001</v>
      </c>
    </row>
    <row r="820" spans="1:4" x14ac:dyDescent="0.3">
      <c r="A820" s="11">
        <v>45798.493055555555</v>
      </c>
      <c r="B820" s="15">
        <v>2.786</v>
      </c>
      <c r="C820" s="15">
        <v>2.6850000000000001</v>
      </c>
      <c r="D820" s="15">
        <v>2.59</v>
      </c>
    </row>
    <row r="821" spans="1:4" x14ac:dyDescent="0.3">
      <c r="A821" s="11">
        <v>45798.496527777781</v>
      </c>
      <c r="B821" s="15">
        <v>2.7850000000000001</v>
      </c>
      <c r="C821" s="15">
        <v>2.6840000000000002</v>
      </c>
      <c r="D821" s="15">
        <v>2.5910000000000002</v>
      </c>
    </row>
    <row r="822" spans="1:4" x14ac:dyDescent="0.3">
      <c r="A822" s="11">
        <v>45798.5</v>
      </c>
      <c r="B822" s="15">
        <v>2.782</v>
      </c>
      <c r="C822" s="15">
        <v>2.6850000000000001</v>
      </c>
      <c r="D822" s="15">
        <v>2.59</v>
      </c>
    </row>
    <row r="823" spans="1:4" x14ac:dyDescent="0.3">
      <c r="A823" s="11">
        <v>45798.503472222219</v>
      </c>
      <c r="B823" s="15">
        <v>2.77</v>
      </c>
      <c r="C823" s="15">
        <v>2.6890000000000001</v>
      </c>
      <c r="D823" s="15">
        <v>2.5960000000000001</v>
      </c>
    </row>
    <row r="824" spans="1:4" x14ac:dyDescent="0.3">
      <c r="A824" s="11">
        <v>45798.506944444445</v>
      </c>
      <c r="B824" s="15">
        <v>2.7679999999999998</v>
      </c>
      <c r="C824" s="15">
        <v>2.6859999999999999</v>
      </c>
      <c r="D824" s="15">
        <v>2.5920000000000001</v>
      </c>
    </row>
    <row r="825" spans="1:4" x14ac:dyDescent="0.3">
      <c r="A825" s="11">
        <v>45798.510416666664</v>
      </c>
      <c r="B825" s="15">
        <v>2.7679999999999998</v>
      </c>
      <c r="C825" s="15">
        <v>2.6680000000000001</v>
      </c>
      <c r="D825" s="15">
        <v>2.5920000000000001</v>
      </c>
    </row>
    <row r="826" spans="1:4" x14ac:dyDescent="0.3">
      <c r="A826" s="11">
        <v>45798.513888888891</v>
      </c>
      <c r="B826" s="15">
        <v>2.786</v>
      </c>
      <c r="C826" s="15">
        <v>2.6859999999999999</v>
      </c>
      <c r="D826" s="15">
        <v>2.5910000000000002</v>
      </c>
    </row>
    <row r="827" spans="1:4" x14ac:dyDescent="0.3">
      <c r="A827" s="11">
        <v>45798.517361111109</v>
      </c>
      <c r="B827" s="15">
        <v>2.786</v>
      </c>
      <c r="C827" s="15">
        <v>2.68</v>
      </c>
      <c r="D827" s="15">
        <v>2.5859999999999999</v>
      </c>
    </row>
    <row r="828" spans="1:4" x14ac:dyDescent="0.3">
      <c r="A828" s="11">
        <v>45798.520833333336</v>
      </c>
      <c r="B828" s="15">
        <v>2.7770000000000001</v>
      </c>
      <c r="C828" s="15">
        <v>2.6789999999999998</v>
      </c>
      <c r="D828" s="15">
        <v>2.5880000000000001</v>
      </c>
    </row>
    <row r="829" spans="1:4" x14ac:dyDescent="0.3">
      <c r="A829" s="11">
        <v>45798.524305555555</v>
      </c>
      <c r="B829" s="15">
        <v>2.774</v>
      </c>
      <c r="C829" s="15">
        <v>2.6760000000000002</v>
      </c>
      <c r="D829" s="15">
        <v>2.5950000000000002</v>
      </c>
    </row>
    <row r="830" spans="1:4" x14ac:dyDescent="0.3">
      <c r="A830" s="11">
        <v>45798.527777777781</v>
      </c>
      <c r="B830" s="15">
        <v>2.7869999999999999</v>
      </c>
      <c r="C830" s="15">
        <v>2.6880000000000002</v>
      </c>
      <c r="D830" s="15">
        <v>2.5950000000000002</v>
      </c>
    </row>
    <row r="831" spans="1:4" x14ac:dyDescent="0.3">
      <c r="A831" s="11">
        <v>45798.53125</v>
      </c>
      <c r="B831" s="15">
        <v>2.7869999999999999</v>
      </c>
      <c r="C831" s="15">
        <v>2.67</v>
      </c>
      <c r="D831" s="15">
        <v>2.5920000000000001</v>
      </c>
    </row>
    <row r="832" spans="1:4" x14ac:dyDescent="0.3">
      <c r="A832" s="11">
        <v>45798.534722222219</v>
      </c>
      <c r="B832" s="15">
        <v>2.7850000000000001</v>
      </c>
      <c r="C832" s="15">
        <v>2.6850000000000001</v>
      </c>
      <c r="D832" s="15">
        <v>2.593</v>
      </c>
    </row>
    <row r="833" spans="1:4" x14ac:dyDescent="0.3">
      <c r="A833" s="11">
        <v>45798.538194444445</v>
      </c>
      <c r="B833" s="15">
        <v>2.766</v>
      </c>
      <c r="C833" s="15">
        <v>2.6680000000000001</v>
      </c>
      <c r="D833" s="15">
        <v>2.5939999999999999</v>
      </c>
    </row>
    <row r="834" spans="1:4" x14ac:dyDescent="0.3">
      <c r="A834" s="11">
        <v>45798.541666666664</v>
      </c>
      <c r="B834" s="15">
        <v>2.7759999999999998</v>
      </c>
      <c r="C834" s="15">
        <v>2.6779999999999999</v>
      </c>
      <c r="D834" s="15">
        <v>2.5859999999999999</v>
      </c>
    </row>
    <row r="835" spans="1:4" x14ac:dyDescent="0.3">
      <c r="A835" s="11">
        <v>45798.545138888891</v>
      </c>
      <c r="B835" s="15">
        <v>2.7810000000000001</v>
      </c>
      <c r="C835" s="15">
        <v>2.677</v>
      </c>
      <c r="D835" s="15">
        <v>2.5910000000000002</v>
      </c>
    </row>
    <row r="836" spans="1:4" x14ac:dyDescent="0.3">
      <c r="A836" s="11">
        <v>45798.548611111109</v>
      </c>
      <c r="B836" s="15">
        <v>2.7589999999999999</v>
      </c>
      <c r="C836" s="15">
        <v>2.6789999999999998</v>
      </c>
      <c r="D836" s="15">
        <v>2.5880000000000001</v>
      </c>
    </row>
    <row r="837" spans="1:4" x14ac:dyDescent="0.3">
      <c r="A837" s="11">
        <v>45798.552083333336</v>
      </c>
      <c r="B837" s="15">
        <v>2.7829999999999999</v>
      </c>
      <c r="C837" s="15">
        <v>2.6659999999999999</v>
      </c>
      <c r="D837" s="15">
        <v>2.593</v>
      </c>
    </row>
    <row r="838" spans="1:4" x14ac:dyDescent="0.3">
      <c r="A838" s="11">
        <v>45798.555555555555</v>
      </c>
      <c r="B838" s="15">
        <v>2.7639999999999998</v>
      </c>
      <c r="C838" s="15">
        <v>2.6829999999999998</v>
      </c>
      <c r="D838" s="15">
        <v>2.5920000000000001</v>
      </c>
    </row>
    <row r="839" spans="1:4" x14ac:dyDescent="0.3">
      <c r="A839" s="11">
        <v>45798.559027777781</v>
      </c>
      <c r="B839" s="15">
        <v>2.7810000000000001</v>
      </c>
      <c r="C839" s="15">
        <v>2.6739999999999999</v>
      </c>
      <c r="D839" s="15">
        <v>2.5819999999999999</v>
      </c>
    </row>
    <row r="840" spans="1:4" x14ac:dyDescent="0.3">
      <c r="A840" s="11">
        <v>45798.5625</v>
      </c>
      <c r="B840" s="15">
        <v>2.7759999999999998</v>
      </c>
      <c r="C840" s="15">
        <v>2.6709999999999998</v>
      </c>
      <c r="D840" s="15">
        <v>2.5870000000000002</v>
      </c>
    </row>
    <row r="841" spans="1:4" x14ac:dyDescent="0.3">
      <c r="A841" s="11">
        <v>45798.565972222219</v>
      </c>
      <c r="B841" s="15">
        <v>2.7549999999999999</v>
      </c>
      <c r="C841" s="15">
        <v>2.657</v>
      </c>
      <c r="D841" s="15">
        <v>2.5840000000000001</v>
      </c>
    </row>
    <row r="842" spans="1:4" x14ac:dyDescent="0.3">
      <c r="A842" s="11">
        <v>45798.569444444445</v>
      </c>
      <c r="B842" s="15">
        <v>2.766</v>
      </c>
      <c r="C842" s="15">
        <v>2.6680000000000001</v>
      </c>
      <c r="D842" s="15">
        <v>2.5870000000000002</v>
      </c>
    </row>
    <row r="843" spans="1:4" x14ac:dyDescent="0.3">
      <c r="A843" s="11">
        <v>45798.572916666664</v>
      </c>
      <c r="B843" s="15">
        <v>2.7730000000000001</v>
      </c>
      <c r="C843" s="15">
        <v>2.6749999999999998</v>
      </c>
      <c r="D843" s="15">
        <v>2.573</v>
      </c>
    </row>
    <row r="844" spans="1:4" x14ac:dyDescent="0.3">
      <c r="A844" s="11">
        <v>45798.576388888891</v>
      </c>
      <c r="B844" s="15">
        <v>2.774</v>
      </c>
      <c r="C844" s="15">
        <v>2.6749999999999998</v>
      </c>
      <c r="D844" s="15">
        <v>2.585</v>
      </c>
    </row>
    <row r="845" spans="1:4" x14ac:dyDescent="0.3">
      <c r="A845" s="11">
        <v>45798.579861111109</v>
      </c>
      <c r="B845" s="15">
        <v>2.7730000000000001</v>
      </c>
      <c r="C845" s="15">
        <v>2.6560000000000001</v>
      </c>
      <c r="D845" s="15">
        <v>2.5830000000000002</v>
      </c>
    </row>
    <row r="846" spans="1:4" x14ac:dyDescent="0.3">
      <c r="A846" s="11">
        <v>45798.583333333336</v>
      </c>
      <c r="B846" s="15">
        <v>2.7730000000000001</v>
      </c>
      <c r="C846" s="15">
        <v>2.6739999999999999</v>
      </c>
      <c r="D846" s="15">
        <v>2.5840000000000001</v>
      </c>
    </row>
    <row r="847" spans="1:4" x14ac:dyDescent="0.3">
      <c r="A847" s="11">
        <v>45798.586805555555</v>
      </c>
      <c r="B847" s="15">
        <v>2.774</v>
      </c>
      <c r="C847" s="15">
        <v>2.681</v>
      </c>
      <c r="D847" s="15">
        <v>2.58</v>
      </c>
    </row>
    <row r="848" spans="1:4" x14ac:dyDescent="0.3">
      <c r="A848" s="11">
        <v>45798.590277777781</v>
      </c>
      <c r="B848" s="15">
        <v>2.7810000000000001</v>
      </c>
      <c r="C848" s="15">
        <v>2.6659999999999999</v>
      </c>
      <c r="D848" s="15">
        <v>2.5920000000000001</v>
      </c>
    </row>
    <row r="849" spans="1:4" x14ac:dyDescent="0.3">
      <c r="A849" s="11">
        <v>45798.59375</v>
      </c>
      <c r="B849" s="15">
        <v>2.7789999999999999</v>
      </c>
      <c r="C849" s="15">
        <v>2.681</v>
      </c>
      <c r="D849" s="15">
        <v>2.59</v>
      </c>
    </row>
    <row r="850" spans="1:4" x14ac:dyDescent="0.3">
      <c r="A850" s="11">
        <v>45798.597222222219</v>
      </c>
      <c r="B850" s="15">
        <v>2.782</v>
      </c>
      <c r="C850" s="15">
        <v>2.6850000000000001</v>
      </c>
      <c r="D850" s="15">
        <v>2.593</v>
      </c>
    </row>
    <row r="851" spans="1:4" x14ac:dyDescent="0.3">
      <c r="A851" s="11">
        <v>45798.600694444445</v>
      </c>
      <c r="B851" s="15">
        <v>2.782</v>
      </c>
      <c r="C851" s="15">
        <v>2.6850000000000001</v>
      </c>
      <c r="D851" s="15">
        <v>2.5950000000000002</v>
      </c>
    </row>
    <row r="852" spans="1:4" x14ac:dyDescent="0.3">
      <c r="A852" s="11">
        <v>45798.604166666664</v>
      </c>
      <c r="B852" s="15">
        <v>2.778</v>
      </c>
      <c r="C852" s="15">
        <v>2.6755</v>
      </c>
      <c r="D852" s="15">
        <v>2.589</v>
      </c>
    </row>
    <row r="853" spans="1:4" x14ac:dyDescent="0.3">
      <c r="A853" s="11">
        <v>45798.607638888891</v>
      </c>
      <c r="B853" s="15">
        <v>2.7759999999999998</v>
      </c>
      <c r="C853" s="15">
        <v>2.677</v>
      </c>
      <c r="D853" s="15">
        <v>2.5870000000000002</v>
      </c>
    </row>
    <row r="854" spans="1:4" x14ac:dyDescent="0.3">
      <c r="A854" s="11">
        <v>45798.611111111109</v>
      </c>
      <c r="B854" s="15">
        <v>2.778</v>
      </c>
      <c r="C854" s="15">
        <v>2.673</v>
      </c>
      <c r="D854" s="15">
        <v>2.589</v>
      </c>
    </row>
    <row r="855" spans="1:4" x14ac:dyDescent="0.3">
      <c r="A855" s="11">
        <v>45798.614583333336</v>
      </c>
      <c r="B855" s="15">
        <v>2.7810000000000001</v>
      </c>
      <c r="C855" s="15">
        <v>2.6829999999999998</v>
      </c>
      <c r="D855" s="15">
        <v>2.593</v>
      </c>
    </row>
    <row r="856" spans="1:4" x14ac:dyDescent="0.3">
      <c r="A856" s="11">
        <v>45798.618055555555</v>
      </c>
      <c r="B856" s="15">
        <v>2.7610000000000001</v>
      </c>
      <c r="C856" s="15">
        <v>2.6629999999999998</v>
      </c>
      <c r="D856" s="15">
        <v>2.5710000000000002</v>
      </c>
    </row>
    <row r="857" spans="1:4" x14ac:dyDescent="0.3">
      <c r="A857" s="11">
        <v>45798.621527777781</v>
      </c>
      <c r="B857" s="15">
        <v>2.7570000000000001</v>
      </c>
      <c r="C857" s="15">
        <v>2.661</v>
      </c>
      <c r="D857" s="15">
        <v>2.5840000000000001</v>
      </c>
    </row>
    <row r="858" spans="1:4" x14ac:dyDescent="0.3">
      <c r="A858" s="11">
        <v>45798.625</v>
      </c>
      <c r="B858" s="15">
        <v>2.7759999999999998</v>
      </c>
      <c r="C858" s="15">
        <v>2.6779999999999999</v>
      </c>
      <c r="D858" s="15">
        <v>2.5840000000000001</v>
      </c>
    </row>
    <row r="859" spans="1:4" x14ac:dyDescent="0.3">
      <c r="A859" s="11">
        <v>45798.628472222219</v>
      </c>
      <c r="B859" s="15">
        <v>2.7770000000000001</v>
      </c>
      <c r="C859" s="15">
        <v>2.6619999999999999</v>
      </c>
      <c r="D859" s="15">
        <v>2.585</v>
      </c>
    </row>
    <row r="860" spans="1:4" x14ac:dyDescent="0.3">
      <c r="A860" s="11">
        <v>45798.631944444445</v>
      </c>
      <c r="B860" s="15">
        <v>2.774</v>
      </c>
      <c r="C860" s="15">
        <v>2.677</v>
      </c>
      <c r="D860" s="15">
        <v>2.5830000000000002</v>
      </c>
    </row>
    <row r="861" spans="1:4" x14ac:dyDescent="0.3">
      <c r="A861" s="11">
        <v>45798.635416666664</v>
      </c>
      <c r="B861" s="15">
        <v>2.758</v>
      </c>
      <c r="C861" s="15">
        <v>2.661</v>
      </c>
      <c r="D861" s="15">
        <v>2.5859999999999999</v>
      </c>
    </row>
    <row r="862" spans="1:4" x14ac:dyDescent="0.3">
      <c r="A862" s="11">
        <v>45798.638888888891</v>
      </c>
      <c r="B862" s="15">
        <v>2.7749999999999999</v>
      </c>
      <c r="C862" s="15">
        <v>2.67</v>
      </c>
      <c r="D862" s="15">
        <v>2.5750000000000002</v>
      </c>
    </row>
    <row r="863" spans="1:4" x14ac:dyDescent="0.3">
      <c r="A863" s="11">
        <v>45798.642361111109</v>
      </c>
      <c r="B863" s="15">
        <v>2.7639999999999998</v>
      </c>
      <c r="C863" s="15">
        <v>2.67</v>
      </c>
      <c r="D863" s="15">
        <v>2.5720000000000001</v>
      </c>
    </row>
    <row r="864" spans="1:4" x14ac:dyDescent="0.3">
      <c r="A864" s="11">
        <v>45798.645833333336</v>
      </c>
      <c r="B864" s="15">
        <v>2.7730000000000001</v>
      </c>
      <c r="C864" s="15">
        <v>2.6760000000000002</v>
      </c>
      <c r="D864" s="15">
        <v>2.5649999999999999</v>
      </c>
    </row>
    <row r="865" spans="1:4" x14ac:dyDescent="0.3">
      <c r="A865" s="11">
        <v>45798.649305555555</v>
      </c>
      <c r="B865" s="15">
        <v>2.746</v>
      </c>
      <c r="C865" s="15">
        <v>2.649</v>
      </c>
      <c r="D865" s="15">
        <v>2.5670000000000002</v>
      </c>
    </row>
    <row r="866" spans="1:4" x14ac:dyDescent="0.3">
      <c r="A866" s="11">
        <v>45798.652777777781</v>
      </c>
      <c r="B866" s="15">
        <v>2.7490000000000001</v>
      </c>
      <c r="C866" s="15">
        <v>2.649</v>
      </c>
      <c r="D866" s="15">
        <v>2.5739999999999998</v>
      </c>
    </row>
    <row r="867" spans="1:4" x14ac:dyDescent="0.3">
      <c r="A867" s="11">
        <v>45798.65625</v>
      </c>
      <c r="B867" s="15">
        <v>2.766</v>
      </c>
      <c r="C867" s="15">
        <v>2.6680000000000001</v>
      </c>
      <c r="D867" s="15">
        <v>2.5659999999999998</v>
      </c>
    </row>
    <row r="868" spans="1:4" x14ac:dyDescent="0.3">
      <c r="A868" s="11">
        <v>45798.659722222219</v>
      </c>
      <c r="B868" s="15">
        <v>2.766</v>
      </c>
      <c r="C868" s="15">
        <v>2.6680000000000001</v>
      </c>
      <c r="D868" s="15">
        <v>2.5750000000000002</v>
      </c>
    </row>
    <row r="869" spans="1:4" x14ac:dyDescent="0.3">
      <c r="A869" s="11">
        <v>45798.663194444445</v>
      </c>
      <c r="B869" s="15">
        <v>2.7440000000000002</v>
      </c>
      <c r="C869" s="15">
        <v>2.6459999999999999</v>
      </c>
      <c r="D869" s="15">
        <v>2.5680000000000001</v>
      </c>
    </row>
    <row r="870" spans="1:4" x14ac:dyDescent="0.3">
      <c r="A870" s="11">
        <v>45798.666666666664</v>
      </c>
      <c r="B870" s="15">
        <v>2.7610000000000001</v>
      </c>
      <c r="C870" s="15">
        <v>2.6640000000000001</v>
      </c>
      <c r="D870" s="15">
        <v>2.5569999999999999</v>
      </c>
    </row>
    <row r="871" spans="1:4" x14ac:dyDescent="0.3">
      <c r="A871" s="11">
        <v>45798.670138888891</v>
      </c>
      <c r="B871" s="15">
        <v>2.7469999999999999</v>
      </c>
      <c r="C871" s="15">
        <v>2.6469999999999998</v>
      </c>
      <c r="D871" s="15">
        <v>2.569</v>
      </c>
    </row>
    <row r="872" spans="1:4" x14ac:dyDescent="0.3">
      <c r="A872" s="11">
        <v>45798.673611111109</v>
      </c>
      <c r="B872" s="15">
        <v>2.7469999999999999</v>
      </c>
      <c r="C872" s="15">
        <v>2.661</v>
      </c>
      <c r="D872" s="15">
        <v>2.5649999999999999</v>
      </c>
    </row>
    <row r="873" spans="1:4" x14ac:dyDescent="0.3">
      <c r="A873" s="11">
        <v>45798.677083333336</v>
      </c>
      <c r="B873" s="15">
        <v>2.7389999999999999</v>
      </c>
      <c r="C873" s="15">
        <v>2.657</v>
      </c>
      <c r="D873" s="15">
        <v>2.5419999999999998</v>
      </c>
    </row>
    <row r="874" spans="1:4" x14ac:dyDescent="0.3">
      <c r="A874" s="11">
        <v>45798.680555555555</v>
      </c>
      <c r="B874" s="15">
        <v>2.7349999999999999</v>
      </c>
      <c r="C874" s="15">
        <v>2.6520000000000001</v>
      </c>
      <c r="D874" s="15">
        <v>2.5539999999999998</v>
      </c>
    </row>
    <row r="875" spans="1:4" x14ac:dyDescent="0.3">
      <c r="A875" s="11">
        <v>45798.684027777781</v>
      </c>
      <c r="B875" s="15">
        <v>2.7320000000000002</v>
      </c>
      <c r="C875" s="15">
        <v>2.645</v>
      </c>
      <c r="D875" s="15">
        <v>2.5350000000000001</v>
      </c>
    </row>
    <row r="876" spans="1:4" x14ac:dyDescent="0.3">
      <c r="A876" s="11">
        <v>45798.6875</v>
      </c>
      <c r="B876" s="15">
        <v>2.7440000000000002</v>
      </c>
      <c r="C876" s="15">
        <v>2.6440000000000001</v>
      </c>
      <c r="D876" s="15">
        <v>2.5449999999999999</v>
      </c>
    </row>
    <row r="877" spans="1:4" x14ac:dyDescent="0.3">
      <c r="A877" s="11">
        <v>45798.690972222219</v>
      </c>
      <c r="B877" s="15">
        <v>2.738</v>
      </c>
      <c r="C877" s="15">
        <v>2.6379999999999999</v>
      </c>
      <c r="D877" s="15">
        <v>2.5409999999999999</v>
      </c>
    </row>
    <row r="878" spans="1:4" x14ac:dyDescent="0.3">
      <c r="A878" s="11">
        <v>45798.694444444445</v>
      </c>
      <c r="B878" s="15">
        <v>2.7490000000000001</v>
      </c>
      <c r="C878" s="15">
        <v>2.649</v>
      </c>
      <c r="D878" s="15">
        <v>2.552</v>
      </c>
    </row>
    <row r="879" spans="1:4" x14ac:dyDescent="0.3">
      <c r="A879" s="11">
        <v>45798.697916666664</v>
      </c>
      <c r="B879" s="15">
        <v>2.7490000000000001</v>
      </c>
      <c r="C879" s="15">
        <v>2.6520000000000001</v>
      </c>
      <c r="D879" s="15">
        <v>2.556</v>
      </c>
    </row>
    <row r="880" spans="1:4" x14ac:dyDescent="0.3">
      <c r="A880" s="11">
        <v>45798.701388888891</v>
      </c>
      <c r="B880" s="15">
        <v>2.7519999999999998</v>
      </c>
      <c r="C880" s="15">
        <v>2.653</v>
      </c>
      <c r="D880" s="15">
        <v>2.5550000000000002</v>
      </c>
    </row>
    <row r="881" spans="1:4" x14ac:dyDescent="0.3">
      <c r="A881" s="11">
        <v>45798.704861111109</v>
      </c>
      <c r="B881" s="15">
        <v>2.75</v>
      </c>
      <c r="C881" s="15">
        <v>2.6509999999999998</v>
      </c>
      <c r="D881" s="15">
        <v>2.5539999999999998</v>
      </c>
    </row>
    <row r="882" spans="1:4" x14ac:dyDescent="0.3">
      <c r="A882" s="11">
        <v>45798.708333333336</v>
      </c>
      <c r="B882" s="15">
        <v>2.7349999999999999</v>
      </c>
      <c r="C882" s="15">
        <v>2.6360000000000001</v>
      </c>
      <c r="D882" s="15">
        <v>2.556</v>
      </c>
    </row>
    <row r="883" spans="1:4" x14ac:dyDescent="0.3">
      <c r="A883" s="11">
        <v>45798.711805555555</v>
      </c>
      <c r="B883" s="15">
        <v>2.7349999999999999</v>
      </c>
      <c r="C883" s="15">
        <v>2.6360000000000001</v>
      </c>
      <c r="D883" s="15">
        <v>2.5569999999999999</v>
      </c>
    </row>
    <row r="884" spans="1:4" x14ac:dyDescent="0.3">
      <c r="A884" s="11">
        <v>45798.715277777781</v>
      </c>
      <c r="B884" s="15">
        <v>2.7559999999999998</v>
      </c>
      <c r="C884" s="15">
        <v>2.653</v>
      </c>
      <c r="D884" s="15">
        <v>2.56</v>
      </c>
    </row>
    <row r="885" spans="1:4" x14ac:dyDescent="0.3">
      <c r="A885" s="11">
        <v>45798.71875</v>
      </c>
      <c r="B885" s="15">
        <v>2.738</v>
      </c>
      <c r="C885" s="15">
        <v>2.657</v>
      </c>
      <c r="D885" s="15">
        <v>2.56</v>
      </c>
    </row>
    <row r="886" spans="1:4" x14ac:dyDescent="0.3">
      <c r="A886" s="11">
        <v>45798.722222222219</v>
      </c>
      <c r="B886" s="15">
        <v>2.7549999999999999</v>
      </c>
      <c r="C886" s="15">
        <v>2.649</v>
      </c>
      <c r="D886" s="15">
        <v>2.5609999999999999</v>
      </c>
    </row>
    <row r="887" spans="1:4" x14ac:dyDescent="0.3">
      <c r="A887" s="11">
        <v>45798.725694444445</v>
      </c>
      <c r="B887" s="15">
        <v>2.7480000000000002</v>
      </c>
      <c r="C887" s="15">
        <v>2.6495000000000002</v>
      </c>
      <c r="D887" s="15">
        <v>2.5529999999999999</v>
      </c>
    </row>
    <row r="888" spans="1:4" x14ac:dyDescent="0.3">
      <c r="A888" s="11">
        <v>45798.729166666664</v>
      </c>
      <c r="B888" s="15">
        <v>2.738</v>
      </c>
      <c r="C888" s="15">
        <v>2.6379999999999999</v>
      </c>
      <c r="D888" s="15">
        <v>2.5409999999999999</v>
      </c>
    </row>
    <row r="889" spans="1:4" x14ac:dyDescent="0.3">
      <c r="A889" s="11">
        <v>45798.732638888891</v>
      </c>
      <c r="B889" s="15">
        <v>2.7429999999999999</v>
      </c>
      <c r="C889" s="15">
        <v>2.645</v>
      </c>
      <c r="D889" s="15">
        <v>2.5579999999999998</v>
      </c>
    </row>
    <row r="890" spans="1:4" x14ac:dyDescent="0.3">
      <c r="A890" s="11">
        <v>45798.736111111109</v>
      </c>
      <c r="B890" s="15">
        <v>2.742</v>
      </c>
      <c r="C890" s="15">
        <v>2.6589999999999998</v>
      </c>
      <c r="D890" s="15">
        <v>2.5619999999999998</v>
      </c>
    </row>
    <row r="891" spans="1:4" x14ac:dyDescent="0.3">
      <c r="A891" s="11">
        <v>45798.739583333336</v>
      </c>
      <c r="B891" s="15">
        <v>2.742</v>
      </c>
      <c r="C891" s="15">
        <v>2.6429999999999998</v>
      </c>
      <c r="D891" s="15">
        <v>2.5590000000000002</v>
      </c>
    </row>
    <row r="892" spans="1:4" x14ac:dyDescent="0.3">
      <c r="A892" s="11">
        <v>45798.743055555555</v>
      </c>
      <c r="B892" s="15">
        <v>2.742</v>
      </c>
      <c r="C892" s="15">
        <v>2.645</v>
      </c>
      <c r="D892" s="15">
        <v>2.5670000000000002</v>
      </c>
    </row>
    <row r="893" spans="1:4" x14ac:dyDescent="0.3">
      <c r="A893" s="11">
        <v>45798.746527777781</v>
      </c>
      <c r="B893" s="15">
        <v>2.74</v>
      </c>
      <c r="C893" s="15">
        <v>2.6429999999999998</v>
      </c>
      <c r="D893" s="15">
        <v>2.5670000000000002</v>
      </c>
    </row>
    <row r="894" spans="1:4" x14ac:dyDescent="0.3">
      <c r="A894" s="11">
        <v>45798.75</v>
      </c>
      <c r="B894" s="15">
        <v>2.7440000000000002</v>
      </c>
      <c r="C894" s="15">
        <v>2.6469999999999998</v>
      </c>
      <c r="D894" s="15">
        <v>2.5710000000000002</v>
      </c>
    </row>
    <row r="895" spans="1:4" x14ac:dyDescent="0.3">
      <c r="A895" s="11">
        <v>45798.753472222219</v>
      </c>
      <c r="B895" s="15">
        <v>2.7469999999999999</v>
      </c>
      <c r="C895" s="15">
        <v>2.66</v>
      </c>
      <c r="D895" s="15">
        <v>2.5630000000000002</v>
      </c>
    </row>
    <row r="896" spans="1:4" x14ac:dyDescent="0.3">
      <c r="A896" s="11">
        <v>45798.756944444445</v>
      </c>
      <c r="B896" s="15">
        <v>2.7490000000000001</v>
      </c>
      <c r="C896" s="15">
        <v>2.6709999999999998</v>
      </c>
      <c r="D896" s="15">
        <v>2.5569999999999999</v>
      </c>
    </row>
    <row r="897" spans="1:4" x14ac:dyDescent="0.3">
      <c r="A897" s="11">
        <v>45798.760416666664</v>
      </c>
      <c r="B897" s="15">
        <v>2.7440000000000002</v>
      </c>
      <c r="C897" s="15">
        <v>2.6459999999999999</v>
      </c>
      <c r="D897" s="15">
        <v>2.56</v>
      </c>
    </row>
    <row r="898" spans="1:4" x14ac:dyDescent="0.3">
      <c r="A898" s="11">
        <v>45798.763888888891</v>
      </c>
      <c r="B898" s="15">
        <v>2.7450000000000001</v>
      </c>
      <c r="C898" s="15">
        <v>2.6469999999999998</v>
      </c>
      <c r="D898" s="15">
        <v>2.573</v>
      </c>
    </row>
    <row r="899" spans="1:4" x14ac:dyDescent="0.3">
      <c r="A899" s="11">
        <v>45798.767361111109</v>
      </c>
      <c r="B899" s="15">
        <v>2.746</v>
      </c>
      <c r="C899" s="15">
        <v>2.649</v>
      </c>
      <c r="D899" s="15">
        <v>2.5579999999999998</v>
      </c>
    </row>
    <row r="900" spans="1:4" x14ac:dyDescent="0.3">
      <c r="A900" s="11">
        <v>45798.770833333336</v>
      </c>
      <c r="B900" s="15">
        <v>2.7509999999999999</v>
      </c>
      <c r="C900" s="15">
        <v>2.6549999999999998</v>
      </c>
      <c r="D900" s="15">
        <v>2.5579999999999998</v>
      </c>
    </row>
    <row r="901" spans="1:4" x14ac:dyDescent="0.3">
      <c r="A901" s="11">
        <v>45798.774305555555</v>
      </c>
      <c r="B901" s="15">
        <v>2.7480000000000002</v>
      </c>
      <c r="C901" s="15">
        <v>2.6509999999999998</v>
      </c>
      <c r="D901" s="15">
        <v>2.5750000000000002</v>
      </c>
    </row>
    <row r="902" spans="1:4" x14ac:dyDescent="0.3">
      <c r="A902" s="11">
        <v>45798.777777777781</v>
      </c>
      <c r="B902" s="15">
        <v>2.7679999999999998</v>
      </c>
      <c r="C902" s="15">
        <v>2.67</v>
      </c>
      <c r="D902" s="15">
        <v>2.5739999999999998</v>
      </c>
    </row>
    <row r="903" spans="1:4" x14ac:dyDescent="0.3">
      <c r="A903" s="11">
        <v>45798.78125</v>
      </c>
      <c r="B903" s="15">
        <v>2.7490000000000001</v>
      </c>
      <c r="C903" s="15">
        <v>2.6520000000000001</v>
      </c>
      <c r="D903" s="15">
        <v>2.5760000000000001</v>
      </c>
    </row>
    <row r="904" spans="1:4" x14ac:dyDescent="0.3">
      <c r="A904" s="11">
        <v>45798.784722222219</v>
      </c>
      <c r="B904" s="15">
        <v>2.7679999999999998</v>
      </c>
      <c r="C904" s="15">
        <v>2.67</v>
      </c>
      <c r="D904" s="15">
        <v>2.5739999999999998</v>
      </c>
    </row>
    <row r="905" spans="1:4" x14ac:dyDescent="0.3">
      <c r="A905" s="11">
        <v>45798.788194444445</v>
      </c>
      <c r="B905" s="15">
        <v>2.746</v>
      </c>
      <c r="C905" s="15">
        <v>2.649</v>
      </c>
      <c r="D905" s="15">
        <v>2.573</v>
      </c>
    </row>
    <row r="906" spans="1:4" x14ac:dyDescent="0.3">
      <c r="A906" s="11">
        <v>45798.791666666664</v>
      </c>
      <c r="B906" s="15">
        <v>2.746</v>
      </c>
      <c r="C906" s="15">
        <v>2.649</v>
      </c>
      <c r="D906" s="15">
        <v>2.573</v>
      </c>
    </row>
    <row r="907" spans="1:4" x14ac:dyDescent="0.3">
      <c r="A907" s="11">
        <v>45798.795138888891</v>
      </c>
      <c r="B907" s="15">
        <v>2.7480000000000002</v>
      </c>
      <c r="C907" s="15">
        <v>2.6509999999999998</v>
      </c>
      <c r="D907" s="15">
        <v>2.5750000000000002</v>
      </c>
    </row>
    <row r="908" spans="1:4" x14ac:dyDescent="0.3">
      <c r="A908" s="11">
        <v>45798.798611111109</v>
      </c>
      <c r="B908" s="15">
        <v>2.7730000000000001</v>
      </c>
      <c r="C908" s="15">
        <v>2.6749999999999998</v>
      </c>
      <c r="D908" s="15">
        <v>2.5790000000000002</v>
      </c>
    </row>
    <row r="909" spans="1:4" x14ac:dyDescent="0.3">
      <c r="A909" s="11">
        <v>45798.802083333336</v>
      </c>
      <c r="B909" s="15">
        <v>2.7509999999999999</v>
      </c>
      <c r="C909" s="15">
        <v>2.6549999999999998</v>
      </c>
      <c r="D909" s="15">
        <v>2.5790000000000002</v>
      </c>
    </row>
    <row r="910" spans="1:4" x14ac:dyDescent="0.3">
      <c r="A910" s="11">
        <v>45798.805555555555</v>
      </c>
      <c r="B910" s="15">
        <v>2.778</v>
      </c>
      <c r="C910" s="15">
        <v>2.68</v>
      </c>
      <c r="D910" s="15">
        <v>2.5840000000000001</v>
      </c>
    </row>
    <row r="911" spans="1:4" x14ac:dyDescent="0.3">
      <c r="A911" s="11">
        <v>45798.809027777781</v>
      </c>
      <c r="B911" s="15">
        <v>2.778</v>
      </c>
      <c r="C911" s="15">
        <v>2.68</v>
      </c>
      <c r="D911" s="15">
        <v>2.5840000000000001</v>
      </c>
    </row>
    <row r="912" spans="1:4" x14ac:dyDescent="0.3">
      <c r="A912" s="11">
        <v>45798.8125</v>
      </c>
      <c r="B912" s="15">
        <v>2.7810000000000001</v>
      </c>
      <c r="C912" s="15">
        <v>2.6829999999999998</v>
      </c>
      <c r="D912" s="15">
        <v>2.5870000000000002</v>
      </c>
    </row>
    <row r="913" spans="1:4" x14ac:dyDescent="0.3">
      <c r="A913" s="11">
        <v>45798.815972222219</v>
      </c>
      <c r="B913" s="15">
        <v>2.758</v>
      </c>
      <c r="C913" s="15">
        <v>2.661</v>
      </c>
      <c r="D913" s="15">
        <v>2.5859999999999999</v>
      </c>
    </row>
    <row r="914" spans="1:4" x14ac:dyDescent="0.3">
      <c r="A914" s="11">
        <v>45798.819444444445</v>
      </c>
      <c r="B914" s="15">
        <v>2.7589999999999999</v>
      </c>
      <c r="C914" s="15">
        <v>2.6619999999999999</v>
      </c>
      <c r="D914" s="15">
        <v>2.5870000000000002</v>
      </c>
    </row>
    <row r="915" spans="1:4" x14ac:dyDescent="0.3">
      <c r="A915" s="11">
        <v>45798.822916666664</v>
      </c>
      <c r="B915" s="15">
        <v>2.7570000000000001</v>
      </c>
      <c r="C915" s="15">
        <v>2.66</v>
      </c>
      <c r="D915" s="15">
        <v>2.585</v>
      </c>
    </row>
    <row r="916" spans="1:4" x14ac:dyDescent="0.3">
      <c r="A916" s="11">
        <v>45798.826388888891</v>
      </c>
      <c r="B916" s="15">
        <v>2.7589999999999999</v>
      </c>
      <c r="C916" s="15">
        <v>2.6619999999999999</v>
      </c>
      <c r="D916" s="15">
        <v>2.5859999999999999</v>
      </c>
    </row>
    <row r="917" spans="1:4" x14ac:dyDescent="0.3">
      <c r="A917" s="11">
        <v>45798.829861111109</v>
      </c>
      <c r="B917" s="15">
        <v>2.7810000000000001</v>
      </c>
      <c r="C917" s="15">
        <v>2.6619999999999999</v>
      </c>
      <c r="D917" s="15">
        <v>2.5870000000000002</v>
      </c>
    </row>
    <row r="918" spans="1:4" x14ac:dyDescent="0.3">
      <c r="A918" s="11">
        <v>45798.833333333336</v>
      </c>
      <c r="B918" s="15">
        <v>2.7810000000000001</v>
      </c>
      <c r="C918" s="15">
        <v>2.6619999999999999</v>
      </c>
      <c r="D918" s="15">
        <v>2.5870000000000002</v>
      </c>
    </row>
    <row r="919" spans="1:4" x14ac:dyDescent="0.3">
      <c r="A919" s="11">
        <v>45798.836805555555</v>
      </c>
      <c r="B919" s="15">
        <v>2.76</v>
      </c>
      <c r="C919" s="15">
        <v>2.6629999999999998</v>
      </c>
      <c r="D919" s="15">
        <v>2.5910000000000002</v>
      </c>
    </row>
    <row r="920" spans="1:4" x14ac:dyDescent="0.3">
      <c r="A920" s="11">
        <v>45798.840277777781</v>
      </c>
      <c r="B920" s="15">
        <v>2.7570000000000001</v>
      </c>
      <c r="C920" s="15">
        <v>2.66</v>
      </c>
      <c r="D920" s="15">
        <v>2.5910000000000002</v>
      </c>
    </row>
    <row r="921" spans="1:4" x14ac:dyDescent="0.3">
      <c r="A921" s="11">
        <v>45798.84375</v>
      </c>
      <c r="B921" s="15">
        <v>2.7589999999999999</v>
      </c>
      <c r="C921" s="15">
        <v>2.6619999999999999</v>
      </c>
      <c r="D921" s="15">
        <v>2.5910000000000002</v>
      </c>
    </row>
    <row r="922" spans="1:4" x14ac:dyDescent="0.3">
      <c r="A922" s="11">
        <v>45798.847222222219</v>
      </c>
      <c r="B922" s="15">
        <v>2.758</v>
      </c>
      <c r="C922" s="15">
        <v>2.661</v>
      </c>
      <c r="D922" s="15">
        <v>2.5910000000000002</v>
      </c>
    </row>
    <row r="923" spans="1:4" x14ac:dyDescent="0.3">
      <c r="A923" s="11">
        <v>45798.850694444445</v>
      </c>
      <c r="B923" s="15">
        <v>2.7589999999999999</v>
      </c>
      <c r="C923" s="15">
        <v>2.6619999999999999</v>
      </c>
      <c r="D923" s="15">
        <v>2.5910000000000002</v>
      </c>
    </row>
    <row r="924" spans="1:4" x14ac:dyDescent="0.3">
      <c r="A924" s="11">
        <v>45798.854166666664</v>
      </c>
      <c r="B924" s="15">
        <v>2.7589999999999999</v>
      </c>
      <c r="C924" s="15">
        <v>2.6619999999999999</v>
      </c>
      <c r="D924" s="15">
        <v>2.5910000000000002</v>
      </c>
    </row>
    <row r="925" spans="1:4" x14ac:dyDescent="0.3">
      <c r="A925" s="11">
        <v>45798.857638888891</v>
      </c>
      <c r="B925" s="15">
        <v>2.7570000000000001</v>
      </c>
      <c r="C925" s="15">
        <v>2.66</v>
      </c>
      <c r="D925" s="15">
        <v>2.5910000000000002</v>
      </c>
    </row>
    <row r="926" spans="1:4" x14ac:dyDescent="0.3">
      <c r="A926" s="11">
        <v>45798.861111111109</v>
      </c>
      <c r="B926" s="15">
        <v>2.7549999999999999</v>
      </c>
      <c r="C926" s="15">
        <v>2.6579999999999999</v>
      </c>
      <c r="D926" s="15">
        <v>2.5910000000000002</v>
      </c>
    </row>
    <row r="927" spans="1:4" x14ac:dyDescent="0.3">
      <c r="A927" s="11">
        <v>45798.864583333336</v>
      </c>
      <c r="B927" s="15">
        <v>2.7570000000000001</v>
      </c>
      <c r="C927" s="15">
        <v>2.66</v>
      </c>
      <c r="D927" s="15">
        <v>2.5910000000000002</v>
      </c>
    </row>
    <row r="928" spans="1:4" x14ac:dyDescent="0.3">
      <c r="A928" s="11">
        <v>45798.868055555555</v>
      </c>
      <c r="B928" s="15">
        <v>2.758</v>
      </c>
      <c r="C928" s="15">
        <v>2.661</v>
      </c>
      <c r="D928" s="15">
        <v>2.5910000000000002</v>
      </c>
    </row>
    <row r="929" spans="1:4" x14ac:dyDescent="0.3">
      <c r="A929" s="11">
        <v>45798.871527777781</v>
      </c>
      <c r="B929" s="15">
        <v>2.76</v>
      </c>
      <c r="C929" s="15">
        <v>2.6629999999999998</v>
      </c>
      <c r="D929" s="15">
        <v>2.5910000000000002</v>
      </c>
    </row>
    <row r="930" spans="1:4" x14ac:dyDescent="0.3">
      <c r="A930" s="11">
        <v>45798.875</v>
      </c>
      <c r="B930" s="15">
        <v>2.76</v>
      </c>
      <c r="C930" s="15">
        <v>2.6629999999999998</v>
      </c>
      <c r="D930" s="15">
        <v>2.5910000000000002</v>
      </c>
    </row>
    <row r="931" spans="1:4" x14ac:dyDescent="0.3">
      <c r="A931" s="11">
        <v>45798.878472222219</v>
      </c>
      <c r="B931" s="15">
        <v>2.7589999999999999</v>
      </c>
      <c r="C931" s="15">
        <v>2.6619999999999999</v>
      </c>
      <c r="D931" s="15">
        <v>2.5910000000000002</v>
      </c>
    </row>
    <row r="932" spans="1:4" x14ac:dyDescent="0.3">
      <c r="A932" s="11">
        <v>45798.881944444445</v>
      </c>
      <c r="B932" s="15">
        <v>2.7570000000000001</v>
      </c>
      <c r="C932" s="15">
        <v>2.661</v>
      </c>
      <c r="D932" s="15">
        <v>2.5910000000000002</v>
      </c>
    </row>
    <row r="933" spans="1:4" x14ac:dyDescent="0.3">
      <c r="A933" s="11">
        <v>45798.885416666664</v>
      </c>
      <c r="B933" s="15">
        <v>2.7589999999999999</v>
      </c>
      <c r="C933" s="15">
        <v>2.6619999999999999</v>
      </c>
      <c r="D933" s="15">
        <v>2.5910000000000002</v>
      </c>
    </row>
    <row r="934" spans="1:4" x14ac:dyDescent="0.3">
      <c r="A934" s="11">
        <v>45798.888888888891</v>
      </c>
      <c r="B934" s="15">
        <v>2.7570000000000001</v>
      </c>
      <c r="C934" s="15">
        <v>2.66</v>
      </c>
      <c r="D934" s="15">
        <v>2.5910000000000002</v>
      </c>
    </row>
    <row r="935" spans="1:4" x14ac:dyDescent="0.3">
      <c r="A935" s="11">
        <v>45798.892361111109</v>
      </c>
      <c r="B935" s="15">
        <v>2.7559999999999998</v>
      </c>
      <c r="C935" s="15">
        <v>2.6589999999999998</v>
      </c>
      <c r="D935" s="15">
        <v>2.5910000000000002</v>
      </c>
    </row>
    <row r="936" spans="1:4" x14ac:dyDescent="0.3">
      <c r="A936" s="11">
        <v>45798.895833333336</v>
      </c>
      <c r="B936" s="15">
        <v>2.7570000000000001</v>
      </c>
      <c r="C936" s="15">
        <v>2.66</v>
      </c>
      <c r="D936" s="15">
        <v>2.5910000000000002</v>
      </c>
    </row>
    <row r="937" spans="1:4" x14ac:dyDescent="0.3">
      <c r="A937" s="11">
        <v>45798.899305555555</v>
      </c>
      <c r="B937" s="15">
        <v>2.7589999999999999</v>
      </c>
      <c r="C937" s="15">
        <v>2.6619999999999999</v>
      </c>
      <c r="D937" s="15">
        <v>2.5910000000000002</v>
      </c>
    </row>
    <row r="938" spans="1:4" x14ac:dyDescent="0.3">
      <c r="A938" s="11">
        <v>45798.902777777781</v>
      </c>
      <c r="B938" s="15">
        <v>2.758</v>
      </c>
      <c r="C938" s="15">
        <v>2.661</v>
      </c>
      <c r="D938" s="15">
        <v>2.5910000000000002</v>
      </c>
    </row>
    <row r="939" spans="1:4" x14ac:dyDescent="0.3">
      <c r="A939" s="11">
        <v>45798.90625</v>
      </c>
      <c r="B939" s="15">
        <v>2.76</v>
      </c>
      <c r="C939" s="15">
        <v>2.6629999999999998</v>
      </c>
      <c r="D939" s="15">
        <v>2.5910000000000002</v>
      </c>
    </row>
    <row r="940" spans="1:4" x14ac:dyDescent="0.3">
      <c r="A940" s="11">
        <v>45798.909722222219</v>
      </c>
      <c r="B940" s="15">
        <v>2.758</v>
      </c>
      <c r="C940" s="15">
        <v>2.661</v>
      </c>
      <c r="D940" s="15">
        <v>2.5910000000000002</v>
      </c>
    </row>
    <row r="941" spans="1:4" x14ac:dyDescent="0.3">
      <c r="A941" s="11">
        <v>45798.913194444445</v>
      </c>
      <c r="B941" s="15">
        <v>2.758</v>
      </c>
      <c r="C941" s="15">
        <v>2.661</v>
      </c>
      <c r="D941" s="15">
        <v>2.5910000000000002</v>
      </c>
    </row>
    <row r="942" spans="1:4" x14ac:dyDescent="0.3">
      <c r="A942" s="11">
        <v>45798.916666666664</v>
      </c>
      <c r="B942" s="15">
        <v>2.7589999999999999</v>
      </c>
      <c r="C942" s="15">
        <v>2.6619999999999999</v>
      </c>
      <c r="D942" s="15">
        <v>2.5910000000000002</v>
      </c>
    </row>
    <row r="943" spans="1:4" x14ac:dyDescent="0.3">
      <c r="A943" s="11">
        <v>45799.006944444445</v>
      </c>
      <c r="B943" s="15">
        <v>2.7589999999999999</v>
      </c>
      <c r="C943" s="15">
        <v>2.6619999999999999</v>
      </c>
      <c r="D943" s="15">
        <v>2.5910000000000002</v>
      </c>
    </row>
    <row r="944" spans="1:4" x14ac:dyDescent="0.3">
      <c r="A944" s="11">
        <v>45799.024305555555</v>
      </c>
      <c r="B944" s="15">
        <v>2.7589999999999999</v>
      </c>
      <c r="C944" s="15">
        <v>2.6619999999999999</v>
      </c>
      <c r="D944" s="15">
        <v>2.5910000000000002</v>
      </c>
    </row>
    <row r="945" spans="1:4" x14ac:dyDescent="0.3">
      <c r="A945" s="11">
        <v>45799.104166666664</v>
      </c>
      <c r="B945" s="15">
        <v>2.762</v>
      </c>
      <c r="C945" s="15">
        <v>2.665</v>
      </c>
      <c r="D945" s="15">
        <v>2.5910000000000002</v>
      </c>
    </row>
    <row r="946" spans="1:4" x14ac:dyDescent="0.3">
      <c r="A946" s="11">
        <v>45799.107638888891</v>
      </c>
      <c r="B946" s="15">
        <v>2.76</v>
      </c>
      <c r="C946" s="15">
        <v>2.6640000000000001</v>
      </c>
      <c r="D946" s="15">
        <v>2.5910000000000002</v>
      </c>
    </row>
    <row r="947" spans="1:4" x14ac:dyDescent="0.3">
      <c r="A947" s="11">
        <v>45799.111111111109</v>
      </c>
      <c r="B947" s="15">
        <v>2.76</v>
      </c>
      <c r="C947" s="15">
        <v>2.6629999999999998</v>
      </c>
      <c r="D947" s="15">
        <v>2.5910000000000002</v>
      </c>
    </row>
    <row r="948" spans="1:4" x14ac:dyDescent="0.3">
      <c r="A948" s="11">
        <v>45799.114583333336</v>
      </c>
      <c r="B948" s="15">
        <v>2.76</v>
      </c>
      <c r="C948" s="15">
        <v>2.6629999999999998</v>
      </c>
      <c r="D948" s="15">
        <v>2.5910000000000002</v>
      </c>
    </row>
    <row r="949" spans="1:4" x14ac:dyDescent="0.3">
      <c r="A949" s="11">
        <v>45799.118055555555</v>
      </c>
      <c r="B949" s="15">
        <v>2.7589999999999999</v>
      </c>
      <c r="C949" s="15">
        <v>2.6619999999999999</v>
      </c>
      <c r="D949" s="15">
        <v>2.5910000000000002</v>
      </c>
    </row>
    <row r="950" spans="1:4" x14ac:dyDescent="0.3">
      <c r="A950" s="11">
        <v>45799.121527777781</v>
      </c>
      <c r="B950" s="15">
        <v>2.758</v>
      </c>
      <c r="C950" s="15">
        <v>2.661</v>
      </c>
      <c r="D950" s="15">
        <v>2.5910000000000002</v>
      </c>
    </row>
    <row r="951" spans="1:4" x14ac:dyDescent="0.3">
      <c r="A951" s="11">
        <v>45799.125</v>
      </c>
      <c r="B951" s="15">
        <v>2.7589999999999999</v>
      </c>
      <c r="C951" s="15">
        <v>2.6619999999999999</v>
      </c>
      <c r="D951" s="15">
        <v>2.5910000000000002</v>
      </c>
    </row>
    <row r="952" spans="1:4" x14ac:dyDescent="0.3">
      <c r="A952" s="11">
        <v>45799.128472222219</v>
      </c>
      <c r="B952" s="15">
        <v>2.762</v>
      </c>
      <c r="C952" s="15">
        <v>2.665</v>
      </c>
      <c r="D952" s="15">
        <v>2.5910000000000002</v>
      </c>
    </row>
    <row r="953" spans="1:4" x14ac:dyDescent="0.3">
      <c r="A953" s="11">
        <v>45799.131944444445</v>
      </c>
      <c r="B953" s="15">
        <v>2.76</v>
      </c>
      <c r="C953" s="15">
        <v>2.6629999999999998</v>
      </c>
      <c r="D953" s="15">
        <v>2.5910000000000002</v>
      </c>
    </row>
    <row r="954" spans="1:4" x14ac:dyDescent="0.3">
      <c r="A954" s="11">
        <v>45799.135416666664</v>
      </c>
      <c r="B954" s="15">
        <v>2.7610000000000001</v>
      </c>
      <c r="C954" s="15">
        <v>2.6640000000000001</v>
      </c>
      <c r="D954" s="15">
        <v>2.5910000000000002</v>
      </c>
    </row>
    <row r="955" spans="1:4" x14ac:dyDescent="0.3">
      <c r="A955" s="11">
        <v>45799.138888888891</v>
      </c>
      <c r="B955" s="15">
        <v>2.7610000000000001</v>
      </c>
      <c r="C955" s="15">
        <v>2.6640000000000001</v>
      </c>
      <c r="D955" s="15">
        <v>2.5910000000000002</v>
      </c>
    </row>
    <row r="956" spans="1:4" x14ac:dyDescent="0.3">
      <c r="A956" s="11">
        <v>45799.142361111109</v>
      </c>
      <c r="B956" s="15">
        <v>2.7589999999999999</v>
      </c>
      <c r="C956" s="15">
        <v>2.6619999999999999</v>
      </c>
      <c r="D956" s="15">
        <v>2.5910000000000002</v>
      </c>
    </row>
    <row r="957" spans="1:4" x14ac:dyDescent="0.3">
      <c r="A957" s="11">
        <v>45799.145833333336</v>
      </c>
      <c r="B957" s="15">
        <v>2.758</v>
      </c>
      <c r="C957" s="15">
        <v>2.661</v>
      </c>
      <c r="D957" s="15">
        <v>2.5910000000000002</v>
      </c>
    </row>
    <row r="958" spans="1:4" x14ac:dyDescent="0.3">
      <c r="A958" s="11">
        <v>45799.149305555555</v>
      </c>
      <c r="B958" s="15">
        <v>2.7570000000000001</v>
      </c>
      <c r="C958" s="15">
        <v>2.66</v>
      </c>
      <c r="D958" s="15">
        <v>2.5910000000000002</v>
      </c>
    </row>
    <row r="959" spans="1:4" x14ac:dyDescent="0.3">
      <c r="A959" s="11">
        <v>45799.152777777781</v>
      </c>
      <c r="B959" s="15">
        <v>2.7549999999999999</v>
      </c>
      <c r="C959" s="15">
        <v>2.6579999999999999</v>
      </c>
      <c r="D959" s="15">
        <v>2.5910000000000002</v>
      </c>
    </row>
    <row r="960" spans="1:4" x14ac:dyDescent="0.3">
      <c r="A960" s="11">
        <v>45799.15625</v>
      </c>
      <c r="B960" s="15">
        <v>2.7530000000000001</v>
      </c>
      <c r="C960" s="15">
        <v>2.6560000000000001</v>
      </c>
      <c r="D960" s="15">
        <v>2.5910000000000002</v>
      </c>
    </row>
    <row r="961" spans="1:4" x14ac:dyDescent="0.3">
      <c r="A961" s="11">
        <v>45799.159722222219</v>
      </c>
      <c r="B961" s="15">
        <v>2.7549999999999999</v>
      </c>
      <c r="C961" s="15">
        <v>2.6579999999999999</v>
      </c>
      <c r="D961" s="15">
        <v>2.5910000000000002</v>
      </c>
    </row>
    <row r="962" spans="1:4" x14ac:dyDescent="0.3">
      <c r="A962" s="11">
        <v>45799.163194444445</v>
      </c>
      <c r="B962" s="15">
        <v>2.7559999999999998</v>
      </c>
      <c r="C962" s="15">
        <v>2.6589999999999998</v>
      </c>
      <c r="D962" s="15">
        <v>2.5910000000000002</v>
      </c>
    </row>
    <row r="963" spans="1:4" x14ac:dyDescent="0.3">
      <c r="A963" s="11">
        <v>45799.166666666664</v>
      </c>
      <c r="B963" s="15">
        <v>2.7549999999999999</v>
      </c>
      <c r="C963" s="15">
        <v>2.6579999999999999</v>
      </c>
      <c r="D963" s="15">
        <v>2.5910000000000002</v>
      </c>
    </row>
    <row r="964" spans="1:4" x14ac:dyDescent="0.3">
      <c r="A964" s="11">
        <v>45799.170138888891</v>
      </c>
      <c r="B964" s="15">
        <v>2.754</v>
      </c>
      <c r="C964" s="15">
        <v>2.657</v>
      </c>
      <c r="D964" s="15">
        <v>2.5910000000000002</v>
      </c>
    </row>
    <row r="965" spans="1:4" x14ac:dyDescent="0.3">
      <c r="A965" s="11">
        <v>45799.173611111109</v>
      </c>
      <c r="B965" s="15">
        <v>2.7570000000000001</v>
      </c>
      <c r="C965" s="15">
        <v>2.66</v>
      </c>
      <c r="D965" s="15">
        <v>2.5910000000000002</v>
      </c>
    </row>
    <row r="966" spans="1:4" x14ac:dyDescent="0.3">
      <c r="A966" s="11">
        <v>45799.177083333336</v>
      </c>
      <c r="B966" s="15">
        <v>2.7570000000000001</v>
      </c>
      <c r="C966" s="15">
        <v>2.66</v>
      </c>
      <c r="D966" s="15">
        <v>2.5910000000000002</v>
      </c>
    </row>
    <row r="967" spans="1:4" x14ac:dyDescent="0.3">
      <c r="A967" s="11">
        <v>45799.180555555555</v>
      </c>
      <c r="B967" s="15">
        <v>2.7559999999999998</v>
      </c>
      <c r="C967" s="15">
        <v>2.6589999999999998</v>
      </c>
      <c r="D967" s="15">
        <v>2.5910000000000002</v>
      </c>
    </row>
    <row r="968" spans="1:4" x14ac:dyDescent="0.3">
      <c r="A968" s="11">
        <v>45799.184027777781</v>
      </c>
      <c r="B968" s="15">
        <v>2.7559999999999998</v>
      </c>
      <c r="C968" s="15">
        <v>2.6589999999999998</v>
      </c>
      <c r="D968" s="15">
        <v>2.5910000000000002</v>
      </c>
    </row>
    <row r="969" spans="1:4" x14ac:dyDescent="0.3">
      <c r="A969" s="11">
        <v>45799.194444444445</v>
      </c>
      <c r="B969" s="15">
        <v>2.7559999999999998</v>
      </c>
      <c r="C969" s="15">
        <v>2.6589999999999998</v>
      </c>
      <c r="D969" s="15">
        <v>2.5910000000000002</v>
      </c>
    </row>
    <row r="970" spans="1:4" x14ac:dyDescent="0.3">
      <c r="A970" s="11">
        <v>45799.197916666664</v>
      </c>
      <c r="B970" s="15">
        <v>2.7570000000000001</v>
      </c>
      <c r="C970" s="15">
        <v>2.66</v>
      </c>
      <c r="D970" s="15">
        <v>2.5910000000000002</v>
      </c>
    </row>
    <row r="971" spans="1:4" x14ac:dyDescent="0.3">
      <c r="A971" s="11">
        <v>45799.201388888891</v>
      </c>
      <c r="B971" s="15">
        <v>2.7570000000000001</v>
      </c>
      <c r="C971" s="15">
        <v>2.66</v>
      </c>
      <c r="D971" s="15">
        <v>2.5910000000000002</v>
      </c>
    </row>
    <row r="972" spans="1:4" x14ac:dyDescent="0.3">
      <c r="A972" s="11">
        <v>45799.204861111109</v>
      </c>
      <c r="B972" s="15">
        <v>2.7570000000000001</v>
      </c>
      <c r="C972" s="15">
        <v>2.66</v>
      </c>
      <c r="D972" s="15">
        <v>2.5910000000000002</v>
      </c>
    </row>
    <row r="973" spans="1:4" x14ac:dyDescent="0.3">
      <c r="A973" s="11">
        <v>45799.211805555555</v>
      </c>
      <c r="B973" s="15">
        <v>2.758</v>
      </c>
      <c r="C973" s="15">
        <v>2.661</v>
      </c>
      <c r="D973" s="15">
        <v>2.5910000000000002</v>
      </c>
    </row>
    <row r="974" spans="1:4" x14ac:dyDescent="0.3">
      <c r="A974" s="11">
        <v>45799.215277777781</v>
      </c>
      <c r="B974" s="15">
        <v>2.7570000000000001</v>
      </c>
      <c r="C974" s="15">
        <v>2.66</v>
      </c>
      <c r="D974" s="15">
        <v>2.5910000000000002</v>
      </c>
    </row>
    <row r="975" spans="1:4" x14ac:dyDescent="0.3">
      <c r="A975" s="11">
        <v>45799.222222222219</v>
      </c>
      <c r="B975" s="15">
        <v>2.758</v>
      </c>
      <c r="C975" s="15">
        <v>2.661</v>
      </c>
      <c r="D975" s="15">
        <v>2.5910000000000002</v>
      </c>
    </row>
    <row r="976" spans="1:4" x14ac:dyDescent="0.3">
      <c r="A976" s="11">
        <v>45799.225694444445</v>
      </c>
      <c r="B976" s="15">
        <v>2.758</v>
      </c>
      <c r="C976" s="15">
        <v>2.661</v>
      </c>
      <c r="D976" s="15">
        <v>2.5910000000000002</v>
      </c>
    </row>
    <row r="977" spans="1:4" x14ac:dyDescent="0.3">
      <c r="A977" s="11">
        <v>45799.229166666664</v>
      </c>
      <c r="B977" s="15">
        <v>2.7589999999999999</v>
      </c>
      <c r="C977" s="15">
        <v>2.6619999999999999</v>
      </c>
      <c r="D977" s="15">
        <v>2.5910000000000002</v>
      </c>
    </row>
    <row r="978" spans="1:4" x14ac:dyDescent="0.3">
      <c r="A978" s="11">
        <v>45799.232638888891</v>
      </c>
      <c r="B978" s="15">
        <v>2.76</v>
      </c>
      <c r="C978" s="15">
        <v>2.6629999999999998</v>
      </c>
      <c r="D978" s="15">
        <v>2.5910000000000002</v>
      </c>
    </row>
    <row r="979" spans="1:4" x14ac:dyDescent="0.3">
      <c r="A979" s="11">
        <v>45799.236111111109</v>
      </c>
      <c r="B979" s="15">
        <v>2.758</v>
      </c>
      <c r="C979" s="15">
        <v>2.661</v>
      </c>
      <c r="D979" s="15">
        <v>2.5910000000000002</v>
      </c>
    </row>
    <row r="980" spans="1:4" x14ac:dyDescent="0.3">
      <c r="A980" s="11">
        <v>45799.239583333336</v>
      </c>
      <c r="B980" s="15">
        <v>2.7589999999999999</v>
      </c>
      <c r="C980" s="15">
        <v>2.6619999999999999</v>
      </c>
      <c r="D980" s="15">
        <v>2.5910000000000002</v>
      </c>
    </row>
    <row r="981" spans="1:4" x14ac:dyDescent="0.3">
      <c r="A981" s="11">
        <v>45799.243055555555</v>
      </c>
      <c r="B981" s="15">
        <v>2.7570000000000001</v>
      </c>
      <c r="C981" s="15">
        <v>2.66</v>
      </c>
      <c r="D981" s="15">
        <v>2.5910000000000002</v>
      </c>
    </row>
    <row r="982" spans="1:4" x14ac:dyDescent="0.3">
      <c r="A982" s="11">
        <v>45799.246527777781</v>
      </c>
      <c r="B982" s="15">
        <v>2.7570000000000001</v>
      </c>
      <c r="C982" s="15">
        <v>2.66</v>
      </c>
      <c r="D982" s="15">
        <v>2.5910000000000002</v>
      </c>
    </row>
    <row r="983" spans="1:4" x14ac:dyDescent="0.3">
      <c r="A983" s="11">
        <v>45799.25</v>
      </c>
      <c r="B983" s="15">
        <v>2.7559999999999998</v>
      </c>
      <c r="C983" s="15">
        <v>2.6589999999999998</v>
      </c>
      <c r="D983" s="15">
        <v>2.5910000000000002</v>
      </c>
    </row>
    <row r="984" spans="1:4" x14ac:dyDescent="0.3">
      <c r="A984" s="11">
        <v>45799.253472222219</v>
      </c>
      <c r="B984" s="15">
        <v>2.7549999999999999</v>
      </c>
      <c r="C984" s="15">
        <v>2.6579999999999999</v>
      </c>
      <c r="D984" s="15">
        <v>2.5910000000000002</v>
      </c>
    </row>
    <row r="985" spans="1:4" x14ac:dyDescent="0.3">
      <c r="A985" s="11">
        <v>45799.256944444445</v>
      </c>
      <c r="B985" s="15">
        <v>2.7559999999999998</v>
      </c>
      <c r="C985" s="15">
        <v>2.6589999999999998</v>
      </c>
      <c r="D985" s="15">
        <v>2.5910000000000002</v>
      </c>
    </row>
    <row r="986" spans="1:4" x14ac:dyDescent="0.3">
      <c r="A986" s="11">
        <v>45799.260416666664</v>
      </c>
      <c r="B986" s="15">
        <v>2.7559999999999998</v>
      </c>
      <c r="C986" s="15">
        <v>2.6589999999999998</v>
      </c>
      <c r="D986" s="15">
        <v>2.5910000000000002</v>
      </c>
    </row>
    <row r="987" spans="1:4" x14ac:dyDescent="0.3">
      <c r="A987" s="11">
        <v>45799.263888888891</v>
      </c>
      <c r="B987" s="15">
        <v>2.7570000000000001</v>
      </c>
      <c r="C987" s="15">
        <v>2.66</v>
      </c>
      <c r="D987" s="15">
        <v>2.5910000000000002</v>
      </c>
    </row>
    <row r="988" spans="1:4" x14ac:dyDescent="0.3">
      <c r="A988" s="11">
        <v>45799.267361111109</v>
      </c>
      <c r="B988" s="15">
        <v>2.7559999999999998</v>
      </c>
      <c r="C988" s="15">
        <v>2.66</v>
      </c>
      <c r="D988" s="15">
        <v>2.5910000000000002</v>
      </c>
    </row>
    <row r="989" spans="1:4" x14ac:dyDescent="0.3">
      <c r="A989" s="11">
        <v>45799.270833333336</v>
      </c>
      <c r="B989" s="15">
        <v>2.7559999999999998</v>
      </c>
      <c r="C989" s="15">
        <v>2.6589999999999998</v>
      </c>
      <c r="D989" s="15">
        <v>2.5910000000000002</v>
      </c>
    </row>
    <row r="990" spans="1:4" x14ac:dyDescent="0.3">
      <c r="A990" s="11">
        <v>45799.274305555555</v>
      </c>
      <c r="B990" s="15">
        <v>2.7589999999999999</v>
      </c>
      <c r="C990" s="15">
        <v>2.6619999999999999</v>
      </c>
      <c r="D990" s="15">
        <v>2.5910000000000002</v>
      </c>
    </row>
    <row r="991" spans="1:4" x14ac:dyDescent="0.3">
      <c r="A991" s="11">
        <v>45799.277777777781</v>
      </c>
      <c r="B991" s="15">
        <v>2.76</v>
      </c>
      <c r="C991" s="15">
        <v>2.6629999999999998</v>
      </c>
      <c r="D991" s="15">
        <v>2.5910000000000002</v>
      </c>
    </row>
    <row r="992" spans="1:4" x14ac:dyDescent="0.3">
      <c r="A992" s="11">
        <v>45799.28125</v>
      </c>
      <c r="B992" s="15">
        <v>2.76</v>
      </c>
      <c r="C992" s="15">
        <v>2.6629999999999998</v>
      </c>
      <c r="D992" s="15">
        <v>2.5910000000000002</v>
      </c>
    </row>
    <row r="993" spans="1:4" x14ac:dyDescent="0.3">
      <c r="A993" s="11">
        <v>45799.291666666664</v>
      </c>
      <c r="B993" s="15">
        <v>2.7610000000000001</v>
      </c>
      <c r="C993" s="15">
        <v>2.6640000000000001</v>
      </c>
      <c r="D993" s="15">
        <v>2.5910000000000002</v>
      </c>
    </row>
    <row r="994" spans="1:4" x14ac:dyDescent="0.3">
      <c r="A994" s="11">
        <v>45799.302083333336</v>
      </c>
      <c r="B994" s="15">
        <v>2.76</v>
      </c>
      <c r="C994" s="15">
        <v>2.6640000000000001</v>
      </c>
      <c r="D994" s="15">
        <v>2.5910000000000002</v>
      </c>
    </row>
    <row r="995" spans="1:4" x14ac:dyDescent="0.3">
      <c r="A995" s="11">
        <v>45799.305555555555</v>
      </c>
      <c r="B995" s="15">
        <v>2.7610000000000001</v>
      </c>
      <c r="C995" s="15">
        <v>2.6640000000000001</v>
      </c>
      <c r="D995" s="15">
        <v>2.5910000000000002</v>
      </c>
    </row>
    <row r="996" spans="1:4" x14ac:dyDescent="0.3">
      <c r="A996" s="11">
        <v>45799.309027777781</v>
      </c>
      <c r="B996" s="15">
        <v>2.7610000000000001</v>
      </c>
      <c r="C996" s="15">
        <v>2.6640000000000001</v>
      </c>
      <c r="D996" s="15">
        <v>2.5910000000000002</v>
      </c>
    </row>
    <row r="997" spans="1:4" x14ac:dyDescent="0.3">
      <c r="A997" s="11">
        <v>45799.3125</v>
      </c>
      <c r="B997" s="15">
        <v>2.7589999999999999</v>
      </c>
      <c r="C997" s="15">
        <v>2.6619999999999999</v>
      </c>
      <c r="D997" s="15">
        <v>2.5910000000000002</v>
      </c>
    </row>
    <row r="998" spans="1:4" x14ac:dyDescent="0.3">
      <c r="A998" s="11">
        <v>45799.315972222219</v>
      </c>
      <c r="B998" s="15">
        <v>2.7589999999999999</v>
      </c>
      <c r="C998" s="15">
        <v>2.6619999999999999</v>
      </c>
      <c r="D998" s="15">
        <v>2.5910000000000002</v>
      </c>
    </row>
    <row r="999" spans="1:4" x14ac:dyDescent="0.3">
      <c r="A999" s="11">
        <v>45799.319444444445</v>
      </c>
      <c r="B999" s="15">
        <v>2.7589999999999999</v>
      </c>
      <c r="C999" s="15">
        <v>2.6619999999999999</v>
      </c>
      <c r="D999" s="15">
        <v>2.5910000000000002</v>
      </c>
    </row>
    <row r="1000" spans="1:4" x14ac:dyDescent="0.3">
      <c r="A1000" s="11">
        <v>45799.322916666664</v>
      </c>
      <c r="B1000" s="15">
        <v>2.7650000000000001</v>
      </c>
      <c r="C1000" s="15">
        <v>2.6680000000000001</v>
      </c>
      <c r="D1000" s="15">
        <v>2.5910000000000002</v>
      </c>
    </row>
    <row r="1001" spans="1:4" x14ac:dyDescent="0.3">
      <c r="A1001" s="11">
        <v>45799.326388888891</v>
      </c>
      <c r="B1001" s="15">
        <v>2.7629999999999999</v>
      </c>
      <c r="C1001" s="15">
        <v>2.6659999999999999</v>
      </c>
      <c r="D1001" s="15">
        <v>2.5910000000000002</v>
      </c>
    </row>
    <row r="1002" spans="1:4" x14ac:dyDescent="0.3">
      <c r="A1002" s="11">
        <v>45799.329861111109</v>
      </c>
      <c r="B1002" s="15">
        <v>2.7629999999999999</v>
      </c>
      <c r="C1002" s="15">
        <v>2.6659999999999999</v>
      </c>
      <c r="D1002" s="15">
        <v>2.5910000000000002</v>
      </c>
    </row>
    <row r="1003" spans="1:4" x14ac:dyDescent="0.3">
      <c r="A1003" s="11">
        <v>45799.333333333336</v>
      </c>
      <c r="B1003" s="15">
        <v>2.7669999999999999</v>
      </c>
      <c r="C1003" s="15">
        <v>2.67</v>
      </c>
      <c r="D1003" s="15">
        <v>2.5910000000000002</v>
      </c>
    </row>
    <row r="1004" spans="1:4" x14ac:dyDescent="0.3">
      <c r="A1004" s="11">
        <v>45799.336805555555</v>
      </c>
      <c r="B1004" s="15">
        <v>2.7650000000000001</v>
      </c>
      <c r="C1004" s="15">
        <v>2.6680000000000001</v>
      </c>
      <c r="D1004" s="15">
        <v>2.5910000000000002</v>
      </c>
    </row>
    <row r="1005" spans="1:4" x14ac:dyDescent="0.3">
      <c r="A1005" s="11">
        <v>45799.340277777781</v>
      </c>
      <c r="B1005" s="15">
        <v>2.77</v>
      </c>
      <c r="C1005" s="15">
        <v>2.673</v>
      </c>
      <c r="D1005" s="15">
        <v>2.5950000000000002</v>
      </c>
    </row>
    <row r="1006" spans="1:4" x14ac:dyDescent="0.3">
      <c r="A1006" s="11">
        <v>45799.34375</v>
      </c>
      <c r="B1006" s="15">
        <v>2.7829999999999999</v>
      </c>
      <c r="C1006" s="15">
        <v>2.6850000000000001</v>
      </c>
      <c r="D1006" s="15">
        <v>2.589</v>
      </c>
    </row>
    <row r="1007" spans="1:4" x14ac:dyDescent="0.3">
      <c r="A1007" s="11">
        <v>45799.347222222219</v>
      </c>
      <c r="B1007" s="15">
        <v>2.7690000000000001</v>
      </c>
      <c r="C1007" s="15">
        <v>2.661</v>
      </c>
      <c r="D1007" s="15">
        <v>2.581</v>
      </c>
    </row>
    <row r="1008" spans="1:4" x14ac:dyDescent="0.3">
      <c r="A1008" s="11">
        <v>45799.350694444445</v>
      </c>
      <c r="B1008" s="15">
        <v>2.778</v>
      </c>
      <c r="C1008" s="15">
        <v>2.68</v>
      </c>
      <c r="D1008" s="15">
        <v>2.5830000000000002</v>
      </c>
    </row>
    <row r="1009" spans="1:4" x14ac:dyDescent="0.3">
      <c r="A1009" s="11">
        <v>45799.354166666664</v>
      </c>
      <c r="B1009" s="15">
        <v>2.7589999999999999</v>
      </c>
      <c r="C1009" s="15">
        <v>2.68</v>
      </c>
      <c r="D1009" s="15">
        <v>2.5819999999999999</v>
      </c>
    </row>
    <row r="1010" spans="1:4" x14ac:dyDescent="0.3">
      <c r="A1010" s="11">
        <v>45799.357638888891</v>
      </c>
      <c r="B1010" s="15">
        <v>2.758</v>
      </c>
      <c r="C1010" s="15">
        <v>2.6619999999999999</v>
      </c>
      <c r="D1010" s="15">
        <v>2.5649999999999999</v>
      </c>
    </row>
    <row r="1011" spans="1:4" x14ac:dyDescent="0.3">
      <c r="A1011" s="11">
        <v>45799.361111111109</v>
      </c>
      <c r="B1011" s="15">
        <v>2.7559999999999998</v>
      </c>
      <c r="C1011" s="15">
        <v>2.66</v>
      </c>
      <c r="D1011" s="15">
        <v>2.581</v>
      </c>
    </row>
    <row r="1012" spans="1:4" x14ac:dyDescent="0.3">
      <c r="A1012" s="11">
        <v>45799.364583333336</v>
      </c>
      <c r="B1012" s="15">
        <v>2.7730000000000001</v>
      </c>
      <c r="C1012" s="15">
        <v>2.6760000000000002</v>
      </c>
      <c r="D1012" s="15">
        <v>2.5779999999999998</v>
      </c>
    </row>
    <row r="1013" spans="1:4" x14ac:dyDescent="0.3">
      <c r="A1013" s="11">
        <v>45799.368055555555</v>
      </c>
      <c r="B1013" s="15">
        <v>2.7509999999999999</v>
      </c>
      <c r="C1013" s="15">
        <v>2.6549999999999998</v>
      </c>
      <c r="D1013" s="15">
        <v>2.57</v>
      </c>
    </row>
    <row r="1014" spans="1:4" x14ac:dyDescent="0.3">
      <c r="A1014" s="11">
        <v>45799.371527777781</v>
      </c>
      <c r="B1014" s="15">
        <v>2.7719999999999998</v>
      </c>
      <c r="C1014" s="15">
        <v>2.6749999999999998</v>
      </c>
      <c r="D1014" s="15">
        <v>2.577</v>
      </c>
    </row>
    <row r="1015" spans="1:4" x14ac:dyDescent="0.3">
      <c r="A1015" s="11">
        <v>45799.375</v>
      </c>
      <c r="B1015" s="15">
        <v>2.7730000000000001</v>
      </c>
      <c r="C1015" s="15">
        <v>2.6760000000000002</v>
      </c>
      <c r="D1015" s="15">
        <v>2.5790000000000002</v>
      </c>
    </row>
    <row r="1016" spans="1:4" x14ac:dyDescent="0.3">
      <c r="A1016" s="11">
        <v>45799.378472222219</v>
      </c>
      <c r="B1016" s="15">
        <v>2.7709999999999999</v>
      </c>
      <c r="C1016" s="15">
        <v>2.6749999999999998</v>
      </c>
      <c r="D1016" s="15">
        <v>2.5790000000000002</v>
      </c>
    </row>
    <row r="1017" spans="1:4" x14ac:dyDescent="0.3">
      <c r="A1017" s="11">
        <v>45799.381944444445</v>
      </c>
      <c r="B1017" s="15">
        <v>2.7519999999999998</v>
      </c>
      <c r="C1017" s="15">
        <v>2.657</v>
      </c>
      <c r="D1017" s="15">
        <v>2.577</v>
      </c>
    </row>
    <row r="1018" spans="1:4" x14ac:dyDescent="0.3">
      <c r="A1018" s="11">
        <v>45799.385416666664</v>
      </c>
      <c r="B1018" s="15">
        <v>2.7669999999999999</v>
      </c>
      <c r="C1018" s="15">
        <v>2.67</v>
      </c>
      <c r="D1018" s="15">
        <v>2.573</v>
      </c>
    </row>
    <row r="1019" spans="1:4" x14ac:dyDescent="0.3">
      <c r="A1019" s="11">
        <v>45799.388888888891</v>
      </c>
      <c r="B1019" s="15">
        <v>2.7770000000000001</v>
      </c>
      <c r="C1019" s="15">
        <v>2.6829999999999998</v>
      </c>
      <c r="D1019" s="15">
        <v>2.585</v>
      </c>
    </row>
    <row r="1020" spans="1:4" x14ac:dyDescent="0.3">
      <c r="A1020" s="11">
        <v>45799.392361111109</v>
      </c>
      <c r="B1020" s="15">
        <v>2.7759999999999998</v>
      </c>
      <c r="C1020" s="15">
        <v>2.6819999999999999</v>
      </c>
      <c r="D1020" s="15">
        <v>2.585</v>
      </c>
    </row>
    <row r="1021" spans="1:4" x14ac:dyDescent="0.3">
      <c r="A1021" s="11">
        <v>45799.395833333336</v>
      </c>
      <c r="B1021" s="15">
        <v>2.7629999999999999</v>
      </c>
      <c r="C1021" s="15">
        <v>2.673</v>
      </c>
      <c r="D1021" s="15">
        <v>2.581</v>
      </c>
    </row>
    <row r="1022" spans="1:4" x14ac:dyDescent="0.3">
      <c r="A1022" s="11">
        <v>45799.399305555555</v>
      </c>
      <c r="B1022" s="15">
        <v>2.7719999999999998</v>
      </c>
      <c r="C1022" s="15">
        <v>2.6819999999999999</v>
      </c>
      <c r="D1022" s="15">
        <v>2.589</v>
      </c>
    </row>
    <row r="1023" spans="1:4" x14ac:dyDescent="0.3">
      <c r="A1023" s="11">
        <v>45799.402777777781</v>
      </c>
      <c r="B1023" s="15">
        <v>2.758</v>
      </c>
      <c r="C1023" s="15">
        <v>2.6669999999999998</v>
      </c>
      <c r="D1023" s="15">
        <v>2.5939999999999999</v>
      </c>
    </row>
    <row r="1024" spans="1:4" x14ac:dyDescent="0.3">
      <c r="A1024" s="11">
        <v>45799.40625</v>
      </c>
      <c r="B1024" s="15">
        <v>2.7770000000000001</v>
      </c>
      <c r="C1024" s="15">
        <v>2.6859999999999999</v>
      </c>
      <c r="D1024" s="15">
        <v>2.5939999999999999</v>
      </c>
    </row>
    <row r="1025" spans="1:4" x14ac:dyDescent="0.3">
      <c r="A1025" s="11">
        <v>45799.409722222219</v>
      </c>
      <c r="B1025" s="15">
        <v>2.7549999999999999</v>
      </c>
      <c r="C1025" s="15">
        <v>2.665</v>
      </c>
      <c r="D1025" s="15">
        <v>2.5910000000000002</v>
      </c>
    </row>
    <row r="1026" spans="1:4" x14ac:dyDescent="0.3">
      <c r="A1026" s="11">
        <v>45799.413194444445</v>
      </c>
      <c r="B1026" s="15">
        <v>2.7759999999999998</v>
      </c>
      <c r="C1026" s="15">
        <v>2.6859999999999999</v>
      </c>
      <c r="D1026" s="15">
        <v>2.5939999999999999</v>
      </c>
    </row>
    <row r="1027" spans="1:4" x14ac:dyDescent="0.3">
      <c r="A1027" s="11">
        <v>45799.416666666664</v>
      </c>
      <c r="B1027" s="15">
        <v>2.7589999999999999</v>
      </c>
      <c r="C1027" s="15">
        <v>2.67</v>
      </c>
      <c r="D1027" s="15">
        <v>2.5790000000000002</v>
      </c>
    </row>
    <row r="1028" spans="1:4" x14ac:dyDescent="0.3">
      <c r="A1028" s="11">
        <v>45799.420138888891</v>
      </c>
      <c r="B1028" s="15">
        <v>2.7650000000000001</v>
      </c>
      <c r="C1028" s="15">
        <v>2.677</v>
      </c>
      <c r="D1028" s="15">
        <v>2.605</v>
      </c>
    </row>
    <row r="1029" spans="1:4" x14ac:dyDescent="0.3">
      <c r="A1029" s="11">
        <v>45799.423611111109</v>
      </c>
      <c r="B1029" s="15">
        <v>2.786</v>
      </c>
      <c r="C1029" s="15">
        <v>2.6970000000000001</v>
      </c>
      <c r="D1029" s="15">
        <v>2.609</v>
      </c>
    </row>
    <row r="1030" spans="1:4" x14ac:dyDescent="0.3">
      <c r="A1030" s="11">
        <v>45799.427083333336</v>
      </c>
      <c r="B1030" s="15">
        <v>2.7669999999999999</v>
      </c>
      <c r="C1030" s="15">
        <v>2.68</v>
      </c>
      <c r="D1030" s="15">
        <v>2.6080000000000001</v>
      </c>
    </row>
    <row r="1031" spans="1:4" x14ac:dyDescent="0.3">
      <c r="A1031" s="11">
        <v>45799.430555555555</v>
      </c>
      <c r="B1031" s="15">
        <v>2.7709999999999999</v>
      </c>
      <c r="C1031" s="15">
        <v>2.7010000000000001</v>
      </c>
      <c r="D1031" s="15">
        <v>2.6120000000000001</v>
      </c>
    </row>
    <row r="1032" spans="1:4" x14ac:dyDescent="0.3">
      <c r="A1032" s="11">
        <v>45799.434027777781</v>
      </c>
      <c r="B1032" s="15">
        <v>2.7719999999999998</v>
      </c>
      <c r="C1032" s="15">
        <v>2.7010000000000001</v>
      </c>
      <c r="D1032" s="15">
        <v>2.613</v>
      </c>
    </row>
    <row r="1033" spans="1:4" x14ac:dyDescent="0.3">
      <c r="A1033" s="11">
        <v>45799.4375</v>
      </c>
      <c r="B1033" s="15">
        <v>2.7869999999999999</v>
      </c>
      <c r="C1033" s="15">
        <v>2.6960000000000002</v>
      </c>
      <c r="D1033" s="15">
        <v>2.609</v>
      </c>
    </row>
    <row r="1034" spans="1:4" x14ac:dyDescent="0.3">
      <c r="A1034" s="11">
        <v>45799.440972222219</v>
      </c>
      <c r="B1034" s="15">
        <v>2.7730000000000001</v>
      </c>
      <c r="C1034" s="15">
        <v>2.6850000000000001</v>
      </c>
      <c r="D1034" s="15">
        <v>2.5950000000000002</v>
      </c>
    </row>
    <row r="1035" spans="1:4" x14ac:dyDescent="0.3">
      <c r="A1035" s="11">
        <v>45799.444444444445</v>
      </c>
      <c r="B1035" s="15">
        <v>2.774</v>
      </c>
      <c r="C1035" s="15">
        <v>2.6859999999999999</v>
      </c>
      <c r="D1035" s="15">
        <v>2.5960000000000001</v>
      </c>
    </row>
    <row r="1036" spans="1:4" x14ac:dyDescent="0.3">
      <c r="A1036" s="11">
        <v>45799.447916666664</v>
      </c>
      <c r="B1036" s="15">
        <v>2.766</v>
      </c>
      <c r="C1036" s="15">
        <v>2.6779999999999999</v>
      </c>
      <c r="D1036" s="15">
        <v>2.6080000000000001</v>
      </c>
    </row>
    <row r="1037" spans="1:4" x14ac:dyDescent="0.3">
      <c r="A1037" s="11">
        <v>45799.451388888891</v>
      </c>
      <c r="B1037" s="15">
        <v>2.7679999999999998</v>
      </c>
      <c r="C1037" s="15">
        <v>2.68</v>
      </c>
      <c r="D1037" s="15">
        <v>2.609</v>
      </c>
    </row>
    <row r="1038" spans="1:4" x14ac:dyDescent="0.3">
      <c r="A1038" s="11">
        <v>45799.454861111109</v>
      </c>
      <c r="B1038" s="15">
        <v>2.7589999999999999</v>
      </c>
      <c r="C1038" s="15">
        <v>2.6869999999999998</v>
      </c>
      <c r="D1038" s="15">
        <v>2.5979999999999999</v>
      </c>
    </row>
    <row r="1039" spans="1:4" x14ac:dyDescent="0.3">
      <c r="A1039" s="11">
        <v>45799.458333333336</v>
      </c>
      <c r="B1039" s="15">
        <v>2.7709999999999999</v>
      </c>
      <c r="C1039" s="15">
        <v>2.6819999999999999</v>
      </c>
      <c r="D1039" s="15">
        <v>2.5939999999999999</v>
      </c>
    </row>
    <row r="1040" spans="1:4" x14ac:dyDescent="0.3">
      <c r="A1040" s="11">
        <v>45799.461805555555</v>
      </c>
      <c r="B1040" s="15">
        <v>2.7719999999999998</v>
      </c>
      <c r="C1040" s="15">
        <v>2.6829999999999998</v>
      </c>
      <c r="D1040" s="15">
        <v>2.5870000000000002</v>
      </c>
    </row>
    <row r="1041" spans="1:4" x14ac:dyDescent="0.3">
      <c r="A1041" s="11">
        <v>45799.465277777781</v>
      </c>
      <c r="B1041" s="15">
        <v>2.7679999999999998</v>
      </c>
      <c r="C1041" s="15">
        <v>2.6789999999999998</v>
      </c>
      <c r="D1041" s="15">
        <v>2.597</v>
      </c>
    </row>
    <row r="1042" spans="1:4" x14ac:dyDescent="0.3">
      <c r="A1042" s="11">
        <v>45799.46875</v>
      </c>
      <c r="B1042" s="15">
        <v>2.76</v>
      </c>
      <c r="C1042" s="15">
        <v>2.67</v>
      </c>
      <c r="D1042" s="15">
        <v>2.59</v>
      </c>
    </row>
    <row r="1043" spans="1:4" x14ac:dyDescent="0.3">
      <c r="A1043" s="11">
        <v>45799.472222222219</v>
      </c>
      <c r="B1043" s="15">
        <v>2.7570000000000001</v>
      </c>
      <c r="C1043" s="15">
        <v>2.6815000000000002</v>
      </c>
      <c r="D1043" s="15">
        <v>2.5950000000000002</v>
      </c>
    </row>
    <row r="1044" spans="1:4" x14ac:dyDescent="0.3">
      <c r="A1044" s="11">
        <v>45799.475694444445</v>
      </c>
      <c r="B1044" s="15">
        <v>2.7749999999999999</v>
      </c>
      <c r="C1044" s="15">
        <v>2.665</v>
      </c>
      <c r="D1044" s="15">
        <v>2.5859999999999999</v>
      </c>
    </row>
    <row r="1045" spans="1:4" x14ac:dyDescent="0.3">
      <c r="A1045" s="11">
        <v>45799.479166666664</v>
      </c>
      <c r="B1045" s="15">
        <v>2.7719999999999998</v>
      </c>
      <c r="C1045" s="15">
        <v>2.6789999999999998</v>
      </c>
      <c r="D1045" s="15">
        <v>2.5910000000000002</v>
      </c>
    </row>
    <row r="1046" spans="1:4" x14ac:dyDescent="0.3">
      <c r="A1046" s="11">
        <v>45799.482638888891</v>
      </c>
      <c r="B1046" s="15">
        <v>2.754</v>
      </c>
      <c r="C1046" s="15">
        <v>2.6775000000000002</v>
      </c>
      <c r="D1046" s="15">
        <v>2.5720000000000001</v>
      </c>
    </row>
    <row r="1047" spans="1:4" x14ac:dyDescent="0.3">
      <c r="A1047" s="11">
        <v>45799.486111111109</v>
      </c>
      <c r="B1047" s="15">
        <v>2.7749999999999999</v>
      </c>
      <c r="C1047" s="15">
        <v>2.6819999999999999</v>
      </c>
      <c r="D1047" s="15">
        <v>2.5939999999999999</v>
      </c>
    </row>
    <row r="1048" spans="1:4" x14ac:dyDescent="0.3">
      <c r="A1048" s="11">
        <v>45799.489583333336</v>
      </c>
      <c r="B1048" s="15">
        <v>2.7749999999999999</v>
      </c>
      <c r="C1048" s="15">
        <v>2.6829999999999998</v>
      </c>
      <c r="D1048" s="15">
        <v>2.5939999999999999</v>
      </c>
    </row>
    <row r="1049" spans="1:4" x14ac:dyDescent="0.3">
      <c r="A1049" s="11">
        <v>45799.493055555555</v>
      </c>
      <c r="B1049" s="15">
        <v>2.7770000000000001</v>
      </c>
      <c r="C1049" s="15">
        <v>2.6859999999999999</v>
      </c>
      <c r="D1049" s="15">
        <v>2.5960000000000001</v>
      </c>
    </row>
    <row r="1050" spans="1:4" x14ac:dyDescent="0.3">
      <c r="A1050" s="11">
        <v>45799.496527777781</v>
      </c>
      <c r="B1050" s="15">
        <v>2.758</v>
      </c>
      <c r="C1050" s="15">
        <v>2.6680000000000001</v>
      </c>
      <c r="D1050" s="15">
        <v>2.577</v>
      </c>
    </row>
    <row r="1051" spans="1:4" x14ac:dyDescent="0.3">
      <c r="A1051" s="11">
        <v>45799.5</v>
      </c>
      <c r="B1051" s="15">
        <v>2.774</v>
      </c>
      <c r="C1051" s="15">
        <v>2.6819999999999999</v>
      </c>
      <c r="D1051" s="15">
        <v>2.5939999999999999</v>
      </c>
    </row>
    <row r="1052" spans="1:4" x14ac:dyDescent="0.3">
      <c r="A1052" s="11">
        <v>45799.503472222219</v>
      </c>
      <c r="B1052" s="15">
        <v>2.7719999999999998</v>
      </c>
      <c r="C1052" s="15">
        <v>2.6819999999999999</v>
      </c>
      <c r="D1052" s="15">
        <v>2.5910000000000002</v>
      </c>
    </row>
    <row r="1053" spans="1:4" x14ac:dyDescent="0.3">
      <c r="A1053" s="11">
        <v>45799.506944444445</v>
      </c>
      <c r="B1053" s="15">
        <v>2.774</v>
      </c>
      <c r="C1053" s="15">
        <v>2.6804999999999999</v>
      </c>
      <c r="D1053" s="15">
        <v>2.5840000000000001</v>
      </c>
    </row>
    <row r="1054" spans="1:4" x14ac:dyDescent="0.3">
      <c r="A1054" s="11">
        <v>45799.510416666664</v>
      </c>
      <c r="B1054" s="15">
        <v>2.7530000000000001</v>
      </c>
      <c r="C1054" s="15">
        <v>2.6629999999999998</v>
      </c>
      <c r="D1054" s="15">
        <v>2.5920000000000001</v>
      </c>
    </row>
    <row r="1055" spans="1:4" x14ac:dyDescent="0.3">
      <c r="A1055" s="11">
        <v>45799.513888888891</v>
      </c>
      <c r="B1055" s="15">
        <v>2.75</v>
      </c>
      <c r="C1055" s="15">
        <v>2.6789999999999998</v>
      </c>
      <c r="D1055" s="15">
        <v>2.5880000000000001</v>
      </c>
    </row>
    <row r="1056" spans="1:4" x14ac:dyDescent="0.3">
      <c r="A1056" s="11">
        <v>45799.517361111109</v>
      </c>
      <c r="B1056" s="15">
        <v>2.7709999999999999</v>
      </c>
      <c r="C1056" s="15">
        <v>2.677</v>
      </c>
      <c r="D1056" s="15">
        <v>2.5910000000000002</v>
      </c>
    </row>
    <row r="1057" spans="1:4" x14ac:dyDescent="0.3">
      <c r="A1057" s="11">
        <v>45799.520833333336</v>
      </c>
      <c r="B1057" s="15">
        <v>2.7719999999999998</v>
      </c>
      <c r="C1057" s="15">
        <v>2.673</v>
      </c>
      <c r="D1057" s="15">
        <v>2.58</v>
      </c>
    </row>
    <row r="1058" spans="1:4" x14ac:dyDescent="0.3">
      <c r="A1058" s="11">
        <v>45799.524305555555</v>
      </c>
      <c r="B1058" s="15">
        <v>2.7679999999999998</v>
      </c>
      <c r="C1058" s="15">
        <v>2.6779999999999999</v>
      </c>
      <c r="D1058" s="15">
        <v>2.593</v>
      </c>
    </row>
    <row r="1059" spans="1:4" x14ac:dyDescent="0.3">
      <c r="A1059" s="11">
        <v>45799.527777777781</v>
      </c>
      <c r="B1059" s="15">
        <v>2.774</v>
      </c>
      <c r="C1059" s="15">
        <v>2.665</v>
      </c>
      <c r="D1059" s="15">
        <v>2.5910000000000002</v>
      </c>
    </row>
    <row r="1060" spans="1:4" x14ac:dyDescent="0.3">
      <c r="A1060" s="11">
        <v>45799.53125</v>
      </c>
      <c r="B1060" s="15">
        <v>2.7639999999999998</v>
      </c>
      <c r="C1060" s="15">
        <v>2.6739999999999999</v>
      </c>
      <c r="D1060" s="15">
        <v>2.5920000000000001</v>
      </c>
    </row>
    <row r="1061" spans="1:4" x14ac:dyDescent="0.3">
      <c r="A1061" s="11">
        <v>45799.534722222219</v>
      </c>
      <c r="B1061" s="15">
        <v>2.7730000000000001</v>
      </c>
      <c r="C1061" s="15">
        <v>2.6749999999999998</v>
      </c>
      <c r="D1061" s="15">
        <v>2.5910000000000002</v>
      </c>
    </row>
    <row r="1062" spans="1:4" x14ac:dyDescent="0.3">
      <c r="A1062" s="11">
        <v>45799.538194444445</v>
      </c>
      <c r="B1062" s="15">
        <v>2.7559999999999998</v>
      </c>
      <c r="C1062" s="15">
        <v>2.6669999999999998</v>
      </c>
      <c r="D1062" s="15">
        <v>2.5760000000000001</v>
      </c>
    </row>
    <row r="1063" spans="1:4" x14ac:dyDescent="0.3">
      <c r="A1063" s="11">
        <v>45799.541666666664</v>
      </c>
      <c r="B1063" s="15">
        <v>2.7589999999999999</v>
      </c>
      <c r="C1063" s="15">
        <v>2.67</v>
      </c>
      <c r="D1063" s="15">
        <v>2.5870000000000002</v>
      </c>
    </row>
    <row r="1064" spans="1:4" x14ac:dyDescent="0.3">
      <c r="A1064" s="11">
        <v>45799.545138888891</v>
      </c>
      <c r="B1064" s="15">
        <v>2.782</v>
      </c>
      <c r="C1064" s="15">
        <v>2.6920000000000002</v>
      </c>
      <c r="D1064" s="15">
        <v>2.6</v>
      </c>
    </row>
    <row r="1065" spans="1:4" x14ac:dyDescent="0.3">
      <c r="A1065" s="11">
        <v>45799.548611111109</v>
      </c>
      <c r="B1065" s="15">
        <v>2.762</v>
      </c>
      <c r="C1065" s="15">
        <v>2.673</v>
      </c>
      <c r="D1065" s="15">
        <v>2.5819999999999999</v>
      </c>
    </row>
    <row r="1066" spans="1:4" x14ac:dyDescent="0.3">
      <c r="A1066" s="11">
        <v>45799.552083333336</v>
      </c>
      <c r="B1066" s="15">
        <v>2.786</v>
      </c>
      <c r="C1066" s="15">
        <v>2.6779999999999999</v>
      </c>
      <c r="D1066" s="15">
        <v>2.605</v>
      </c>
    </row>
    <row r="1067" spans="1:4" x14ac:dyDescent="0.3">
      <c r="A1067" s="11">
        <v>45799.555555555555</v>
      </c>
      <c r="B1067" s="15">
        <v>2.7839999999999998</v>
      </c>
      <c r="C1067" s="15">
        <v>2.698</v>
      </c>
      <c r="D1067" s="15">
        <v>2.6080000000000001</v>
      </c>
    </row>
    <row r="1068" spans="1:4" x14ac:dyDescent="0.3">
      <c r="A1068" s="11">
        <v>45799.559027777781</v>
      </c>
      <c r="B1068" s="15">
        <v>2.766</v>
      </c>
      <c r="C1068" s="15">
        <v>2.6779999999999999</v>
      </c>
      <c r="D1068" s="15">
        <v>2.5870000000000002</v>
      </c>
    </row>
    <row r="1069" spans="1:4" x14ac:dyDescent="0.3">
      <c r="A1069" s="11">
        <v>45799.5625</v>
      </c>
      <c r="B1069" s="15">
        <v>2.7709999999999999</v>
      </c>
      <c r="C1069" s="15">
        <v>2.694</v>
      </c>
      <c r="D1069" s="15">
        <v>2.5979999999999999</v>
      </c>
    </row>
    <row r="1070" spans="1:4" x14ac:dyDescent="0.3">
      <c r="A1070" s="11">
        <v>45799.565972222219</v>
      </c>
      <c r="B1070" s="15">
        <v>2.7919999999999998</v>
      </c>
      <c r="C1070" s="15">
        <v>2.6859999999999999</v>
      </c>
      <c r="D1070" s="15">
        <v>2.617</v>
      </c>
    </row>
    <row r="1071" spans="1:4" x14ac:dyDescent="0.3">
      <c r="A1071" s="11">
        <v>45799.569444444445</v>
      </c>
      <c r="B1071" s="15">
        <v>2.7890000000000001</v>
      </c>
      <c r="C1071" s="15">
        <v>2.7010000000000001</v>
      </c>
      <c r="D1071" s="15">
        <v>2.613</v>
      </c>
    </row>
    <row r="1072" spans="1:4" x14ac:dyDescent="0.3">
      <c r="A1072" s="11">
        <v>45799.572916666664</v>
      </c>
      <c r="B1072" s="15">
        <v>2.79</v>
      </c>
      <c r="C1072" s="15">
        <v>2.702</v>
      </c>
      <c r="D1072" s="15">
        <v>2.613</v>
      </c>
    </row>
    <row r="1073" spans="1:4" x14ac:dyDescent="0.3">
      <c r="A1073" s="11">
        <v>45799.576388888891</v>
      </c>
      <c r="B1073" s="15">
        <v>2.79</v>
      </c>
      <c r="C1073" s="15">
        <v>2.702</v>
      </c>
      <c r="D1073" s="15">
        <v>2.6120000000000001</v>
      </c>
    </row>
    <row r="1074" spans="1:4" x14ac:dyDescent="0.3">
      <c r="A1074" s="11">
        <v>45799.579861111109</v>
      </c>
      <c r="B1074" s="15">
        <v>2.7909999999999999</v>
      </c>
      <c r="C1074" s="15">
        <v>2.702</v>
      </c>
      <c r="D1074" s="15">
        <v>2.613</v>
      </c>
    </row>
    <row r="1075" spans="1:4" x14ac:dyDescent="0.3">
      <c r="A1075" s="11">
        <v>45799.583333333336</v>
      </c>
      <c r="B1075" s="15">
        <v>2.78</v>
      </c>
      <c r="C1075" s="15">
        <v>2.6840000000000002</v>
      </c>
      <c r="D1075" s="15">
        <v>2.5939999999999999</v>
      </c>
    </row>
    <row r="1076" spans="1:4" x14ac:dyDescent="0.3">
      <c r="A1076" s="11">
        <v>45799.586805555555</v>
      </c>
      <c r="B1076" s="15">
        <v>2.7879999999999998</v>
      </c>
      <c r="C1076" s="15">
        <v>2.6989999999999998</v>
      </c>
      <c r="D1076" s="15">
        <v>2.61</v>
      </c>
    </row>
    <row r="1077" spans="1:4" x14ac:dyDescent="0.3">
      <c r="A1077" s="11">
        <v>45799.590277777781</v>
      </c>
      <c r="B1077" s="15">
        <v>2.7869999999999999</v>
      </c>
      <c r="C1077" s="15">
        <v>2.6974999999999998</v>
      </c>
      <c r="D1077" s="15">
        <v>2.609</v>
      </c>
    </row>
    <row r="1078" spans="1:4" x14ac:dyDescent="0.3">
      <c r="A1078" s="11">
        <v>45799.59375</v>
      </c>
      <c r="B1078" s="15">
        <v>2.7879999999999998</v>
      </c>
      <c r="C1078" s="15">
        <v>2.7</v>
      </c>
      <c r="D1078" s="15">
        <v>2.61</v>
      </c>
    </row>
    <row r="1079" spans="1:4" x14ac:dyDescent="0.3">
      <c r="A1079" s="11">
        <v>45799.597222222219</v>
      </c>
      <c r="B1079" s="15">
        <v>2.7765</v>
      </c>
      <c r="C1079" s="15">
        <v>2.6995</v>
      </c>
      <c r="D1079" s="15">
        <v>2.6019999999999999</v>
      </c>
    </row>
    <row r="1080" spans="1:4" x14ac:dyDescent="0.3">
      <c r="A1080" s="11">
        <v>45799.600694444445</v>
      </c>
      <c r="B1080" s="15">
        <v>2.7909999999999999</v>
      </c>
      <c r="C1080" s="15">
        <v>2.7029999999999998</v>
      </c>
      <c r="D1080" s="15">
        <v>2.6120000000000001</v>
      </c>
    </row>
    <row r="1081" spans="1:4" x14ac:dyDescent="0.3">
      <c r="A1081" s="11">
        <v>45799.604166666664</v>
      </c>
      <c r="B1081" s="15">
        <v>2.782</v>
      </c>
      <c r="C1081" s="15">
        <v>2.6949999999999998</v>
      </c>
      <c r="D1081" s="15">
        <v>2.6230000000000002</v>
      </c>
    </row>
    <row r="1082" spans="1:4" x14ac:dyDescent="0.3">
      <c r="A1082" s="11">
        <v>45799.607638888891</v>
      </c>
      <c r="B1082" s="15">
        <v>2.798</v>
      </c>
      <c r="C1082" s="15">
        <v>2.7109999999999999</v>
      </c>
      <c r="D1082" s="15">
        <v>2.621</v>
      </c>
    </row>
    <row r="1083" spans="1:4" x14ac:dyDescent="0.3">
      <c r="A1083" s="11">
        <v>45799.611111111109</v>
      </c>
      <c r="B1083" s="15">
        <v>2.7919999999999998</v>
      </c>
      <c r="C1083" s="15">
        <v>2.7050000000000001</v>
      </c>
      <c r="D1083" s="15">
        <v>2.6150000000000002</v>
      </c>
    </row>
    <row r="1084" spans="1:4" x14ac:dyDescent="0.3">
      <c r="A1084" s="11">
        <v>45799.614583333336</v>
      </c>
      <c r="B1084" s="15">
        <v>2.7909999999999999</v>
      </c>
      <c r="C1084" s="15">
        <v>2.7029999999999998</v>
      </c>
      <c r="D1084" s="15">
        <v>2.613</v>
      </c>
    </row>
    <row r="1085" spans="1:4" x14ac:dyDescent="0.3">
      <c r="A1085" s="11">
        <v>45799.618055555555</v>
      </c>
      <c r="B1085" s="15">
        <v>2.79</v>
      </c>
      <c r="C1085" s="15">
        <v>2.6840000000000002</v>
      </c>
      <c r="D1085" s="15">
        <v>2.6120000000000001</v>
      </c>
    </row>
    <row r="1086" spans="1:4" x14ac:dyDescent="0.3">
      <c r="A1086" s="11">
        <v>45799.621527777781</v>
      </c>
      <c r="B1086" s="15">
        <v>2.7890000000000001</v>
      </c>
      <c r="C1086" s="15">
        <v>2.7</v>
      </c>
      <c r="D1086" s="15">
        <v>2.601</v>
      </c>
    </row>
    <row r="1087" spans="1:4" x14ac:dyDescent="0.3">
      <c r="A1087" s="11">
        <v>45799.625</v>
      </c>
      <c r="B1087" s="15">
        <v>2.7650000000000001</v>
      </c>
      <c r="C1087" s="15">
        <v>2.6779999999999999</v>
      </c>
      <c r="D1087" s="15">
        <v>2.5880000000000001</v>
      </c>
    </row>
    <row r="1088" spans="1:4" x14ac:dyDescent="0.3">
      <c r="A1088" s="11">
        <v>45799.628472222219</v>
      </c>
      <c r="B1088" s="15">
        <v>2.766</v>
      </c>
      <c r="C1088" s="15">
        <v>2.6779999999999999</v>
      </c>
      <c r="D1088" s="15">
        <v>2.6059999999999999</v>
      </c>
    </row>
    <row r="1089" spans="1:4" x14ac:dyDescent="0.3">
      <c r="A1089" s="11">
        <v>45799.631944444445</v>
      </c>
      <c r="B1089" s="15">
        <v>2.7745000000000002</v>
      </c>
      <c r="C1089" s="15">
        <v>2.7</v>
      </c>
      <c r="D1089" s="15">
        <v>2.6</v>
      </c>
    </row>
    <row r="1090" spans="1:4" x14ac:dyDescent="0.3">
      <c r="A1090" s="11">
        <v>45799.635416666664</v>
      </c>
      <c r="B1090" s="15">
        <v>2.7690000000000001</v>
      </c>
      <c r="C1090" s="15">
        <v>2.6819999999999999</v>
      </c>
      <c r="D1090" s="15">
        <v>2.5920000000000001</v>
      </c>
    </row>
    <row r="1091" spans="1:4" x14ac:dyDescent="0.3">
      <c r="A1091" s="11">
        <v>45799.638888888891</v>
      </c>
      <c r="B1091" s="15">
        <v>2.7709999999999999</v>
      </c>
      <c r="C1091" s="15">
        <v>2.6829999999999998</v>
      </c>
      <c r="D1091" s="15">
        <v>2.6019999999999999</v>
      </c>
    </row>
    <row r="1092" spans="1:4" x14ac:dyDescent="0.3">
      <c r="A1092" s="11">
        <v>45799.642361111109</v>
      </c>
      <c r="B1092" s="15">
        <v>2.7890000000000001</v>
      </c>
      <c r="C1092" s="15">
        <v>2.7010000000000001</v>
      </c>
      <c r="D1092" s="15">
        <v>2.6110000000000002</v>
      </c>
    </row>
    <row r="1093" spans="1:4" x14ac:dyDescent="0.3">
      <c r="A1093" s="11">
        <v>45799.645833333336</v>
      </c>
      <c r="B1093" s="15">
        <v>2.7909999999999999</v>
      </c>
      <c r="C1093" s="15">
        <v>2.702</v>
      </c>
      <c r="D1093" s="15">
        <v>2.613</v>
      </c>
    </row>
    <row r="1094" spans="1:4" x14ac:dyDescent="0.3">
      <c r="A1094" s="11">
        <v>45799.649305555555</v>
      </c>
      <c r="B1094" s="15">
        <v>2.79</v>
      </c>
      <c r="C1094" s="15">
        <v>2.7010000000000001</v>
      </c>
      <c r="D1094" s="15">
        <v>2.6120000000000001</v>
      </c>
    </row>
    <row r="1095" spans="1:4" x14ac:dyDescent="0.3">
      <c r="A1095" s="11">
        <v>45799.652777777781</v>
      </c>
      <c r="B1095" s="15">
        <v>2.79</v>
      </c>
      <c r="C1095" s="15">
        <v>2.702</v>
      </c>
      <c r="D1095" s="15">
        <v>2.6120000000000001</v>
      </c>
    </row>
    <row r="1096" spans="1:4" x14ac:dyDescent="0.3">
      <c r="A1096" s="11">
        <v>45799.65625</v>
      </c>
      <c r="B1096" s="15">
        <v>2.7709999999999999</v>
      </c>
      <c r="C1096" s="15">
        <v>2.7</v>
      </c>
      <c r="D1096" s="15">
        <v>2.6110000000000002</v>
      </c>
    </row>
    <row r="1097" spans="1:4" x14ac:dyDescent="0.3">
      <c r="A1097" s="11">
        <v>45799.659722222219</v>
      </c>
      <c r="B1097" s="15">
        <v>2.778</v>
      </c>
      <c r="C1097" s="15">
        <v>2.69</v>
      </c>
      <c r="D1097" s="15">
        <v>2.617</v>
      </c>
    </row>
    <row r="1098" spans="1:4" x14ac:dyDescent="0.3">
      <c r="A1098" s="11">
        <v>45799.663194444445</v>
      </c>
      <c r="B1098" s="15">
        <v>2.7839999999999998</v>
      </c>
      <c r="C1098" s="15">
        <v>2.7</v>
      </c>
      <c r="D1098" s="15">
        <v>2.6120000000000001</v>
      </c>
    </row>
    <row r="1099" spans="1:4" x14ac:dyDescent="0.3">
      <c r="A1099" s="11">
        <v>45799.666666666664</v>
      </c>
      <c r="B1099" s="15">
        <v>2.7930000000000001</v>
      </c>
      <c r="C1099" s="15">
        <v>2.7069999999999999</v>
      </c>
      <c r="D1099" s="15">
        <v>2.617</v>
      </c>
    </row>
    <row r="1100" spans="1:4" x14ac:dyDescent="0.3">
      <c r="A1100" s="11">
        <v>45799.670138888891</v>
      </c>
      <c r="B1100" s="15">
        <v>2.7690000000000001</v>
      </c>
      <c r="C1100" s="15">
        <v>2.6819999999999999</v>
      </c>
      <c r="D1100" s="15">
        <v>2.61</v>
      </c>
    </row>
    <row r="1101" spans="1:4" x14ac:dyDescent="0.3">
      <c r="A1101" s="11">
        <v>45799.673611111109</v>
      </c>
      <c r="B1101" s="15">
        <v>2.7890000000000001</v>
      </c>
      <c r="C1101" s="15">
        <v>2.698</v>
      </c>
      <c r="D1101" s="15">
        <v>2.61</v>
      </c>
    </row>
    <row r="1102" spans="1:4" x14ac:dyDescent="0.3">
      <c r="A1102" s="11">
        <v>45799.677083333336</v>
      </c>
      <c r="B1102" s="15">
        <v>2.7869999999999999</v>
      </c>
      <c r="C1102" s="15">
        <v>2.6989999999999998</v>
      </c>
      <c r="D1102" s="15">
        <v>2.6080000000000001</v>
      </c>
    </row>
    <row r="1103" spans="1:4" x14ac:dyDescent="0.3">
      <c r="A1103" s="11">
        <v>45799.680555555555</v>
      </c>
      <c r="B1103" s="15">
        <v>2.7909999999999999</v>
      </c>
      <c r="C1103" s="15">
        <v>2.702</v>
      </c>
      <c r="D1103" s="15">
        <v>2.613</v>
      </c>
    </row>
    <row r="1104" spans="1:4" x14ac:dyDescent="0.3">
      <c r="A1104" s="11">
        <v>45799.684027777781</v>
      </c>
      <c r="B1104" s="15">
        <v>2.79</v>
      </c>
      <c r="C1104" s="15">
        <v>2.702</v>
      </c>
      <c r="D1104" s="15">
        <v>2.6120000000000001</v>
      </c>
    </row>
    <row r="1105" spans="1:4" x14ac:dyDescent="0.3">
      <c r="A1105" s="11">
        <v>45799.6875</v>
      </c>
      <c r="B1105" s="15">
        <v>2.782</v>
      </c>
      <c r="C1105" s="15">
        <v>2.7010000000000001</v>
      </c>
      <c r="D1105" s="15">
        <v>2.61</v>
      </c>
    </row>
    <row r="1106" spans="1:4" x14ac:dyDescent="0.3">
      <c r="A1106" s="11">
        <v>45799.690972222219</v>
      </c>
      <c r="B1106" s="15">
        <v>2.7930000000000001</v>
      </c>
      <c r="C1106" s="15">
        <v>2.706</v>
      </c>
      <c r="D1106" s="15">
        <v>2.5979999999999999</v>
      </c>
    </row>
    <row r="1107" spans="1:4" x14ac:dyDescent="0.3">
      <c r="A1107" s="11">
        <v>45799.694444444445</v>
      </c>
      <c r="B1107" s="15">
        <v>2.774</v>
      </c>
      <c r="C1107" s="15">
        <v>2.6859999999999999</v>
      </c>
      <c r="D1107" s="15">
        <v>2.613</v>
      </c>
    </row>
    <row r="1108" spans="1:4" x14ac:dyDescent="0.3">
      <c r="A1108" s="11">
        <v>45799.697916666664</v>
      </c>
      <c r="B1108" s="15">
        <v>2.7730000000000001</v>
      </c>
      <c r="C1108" s="15">
        <v>2.7</v>
      </c>
      <c r="D1108" s="15">
        <v>2.61</v>
      </c>
    </row>
    <row r="1109" spans="1:4" x14ac:dyDescent="0.3">
      <c r="A1109" s="11">
        <v>45799.701388888891</v>
      </c>
      <c r="B1109" s="15">
        <v>2.7730000000000001</v>
      </c>
      <c r="C1109" s="15">
        <v>2.7029999999999998</v>
      </c>
      <c r="D1109" s="15">
        <v>2.6019999999999999</v>
      </c>
    </row>
    <row r="1110" spans="1:4" x14ac:dyDescent="0.3">
      <c r="A1110" s="11">
        <v>45799.704861111109</v>
      </c>
      <c r="B1110" s="15">
        <v>2.7789999999999999</v>
      </c>
      <c r="C1110" s="15">
        <v>2.69</v>
      </c>
      <c r="D1110" s="15">
        <v>2.6059999999999999</v>
      </c>
    </row>
    <row r="1111" spans="1:4" x14ac:dyDescent="0.3">
      <c r="A1111" s="11">
        <v>45799.708333333336</v>
      </c>
      <c r="B1111" s="15">
        <v>2.7639999999999998</v>
      </c>
      <c r="C1111" s="15">
        <v>2.677</v>
      </c>
      <c r="D1111" s="15">
        <v>2.6030000000000002</v>
      </c>
    </row>
    <row r="1112" spans="1:4" x14ac:dyDescent="0.3">
      <c r="A1112" s="11">
        <v>45799.711805555555</v>
      </c>
      <c r="B1112" s="15">
        <v>2.786</v>
      </c>
      <c r="C1112" s="15">
        <v>2.68</v>
      </c>
      <c r="D1112" s="15">
        <v>2.6080000000000001</v>
      </c>
    </row>
    <row r="1113" spans="1:4" x14ac:dyDescent="0.3">
      <c r="A1113" s="11">
        <v>45799.715277777781</v>
      </c>
      <c r="B1113" s="15">
        <v>2.7629999999999999</v>
      </c>
      <c r="C1113" s="15">
        <v>2.6760000000000002</v>
      </c>
      <c r="D1113" s="15">
        <v>2.6030000000000002</v>
      </c>
    </row>
    <row r="1114" spans="1:4" x14ac:dyDescent="0.3">
      <c r="A1114" s="11">
        <v>45799.71875</v>
      </c>
      <c r="B1114" s="15">
        <v>2.7770000000000001</v>
      </c>
      <c r="C1114" s="15">
        <v>2.6970000000000001</v>
      </c>
      <c r="D1114" s="15">
        <v>2.605</v>
      </c>
    </row>
    <row r="1115" spans="1:4" x14ac:dyDescent="0.3">
      <c r="A1115" s="11">
        <v>45799.722222222219</v>
      </c>
      <c r="B1115" s="15">
        <v>2.7869999999999999</v>
      </c>
      <c r="C1115" s="15">
        <v>2.6989999999999998</v>
      </c>
      <c r="D1115" s="15">
        <v>2.6080000000000001</v>
      </c>
    </row>
    <row r="1116" spans="1:4" x14ac:dyDescent="0.3">
      <c r="A1116" s="11">
        <v>45799.725694444445</v>
      </c>
      <c r="B1116" s="15">
        <v>2.7650000000000001</v>
      </c>
      <c r="C1116" s="15">
        <v>2.6779999999999999</v>
      </c>
      <c r="D1116" s="15">
        <v>2.6070000000000002</v>
      </c>
    </row>
    <row r="1117" spans="1:4" x14ac:dyDescent="0.3">
      <c r="A1117" s="11">
        <v>45799.729166666664</v>
      </c>
      <c r="B1117" s="15">
        <v>2.782</v>
      </c>
      <c r="C1117" s="15">
        <v>2.6760000000000002</v>
      </c>
      <c r="D1117" s="15">
        <v>2.6019999999999999</v>
      </c>
    </row>
    <row r="1118" spans="1:4" x14ac:dyDescent="0.3">
      <c r="A1118" s="11">
        <v>45799.732638888891</v>
      </c>
      <c r="B1118" s="15">
        <v>2.77</v>
      </c>
      <c r="C1118" s="15">
        <v>2.6829999999999998</v>
      </c>
      <c r="D1118" s="15">
        <v>2.601</v>
      </c>
    </row>
    <row r="1119" spans="1:4" x14ac:dyDescent="0.3">
      <c r="A1119" s="11">
        <v>45799.736111111109</v>
      </c>
      <c r="B1119" s="15">
        <v>2.7759999999999998</v>
      </c>
      <c r="C1119" s="15">
        <v>2.6749999999999998</v>
      </c>
      <c r="D1119" s="15">
        <v>2.59</v>
      </c>
    </row>
    <row r="1120" spans="1:4" x14ac:dyDescent="0.3">
      <c r="A1120" s="11">
        <v>45799.739583333336</v>
      </c>
      <c r="B1120" s="15">
        <v>2.762</v>
      </c>
      <c r="C1120" s="15">
        <v>2.6749999999999998</v>
      </c>
      <c r="D1120" s="15">
        <v>2.5880000000000001</v>
      </c>
    </row>
    <row r="1121" spans="1:4" x14ac:dyDescent="0.3">
      <c r="A1121" s="11">
        <v>45799.743055555555</v>
      </c>
      <c r="B1121" s="15">
        <v>2.7629999999999999</v>
      </c>
      <c r="C1121" s="15">
        <v>2.6760000000000002</v>
      </c>
      <c r="D1121" s="15">
        <v>2.5990000000000002</v>
      </c>
    </row>
    <row r="1122" spans="1:4" x14ac:dyDescent="0.3">
      <c r="A1122" s="11">
        <v>45799.746527777781</v>
      </c>
      <c r="B1122" s="15">
        <v>2.7650000000000001</v>
      </c>
      <c r="C1122" s="15">
        <v>2.6890000000000001</v>
      </c>
      <c r="D1122" s="15">
        <v>2.5939999999999999</v>
      </c>
    </row>
    <row r="1123" spans="1:4" x14ac:dyDescent="0.3">
      <c r="A1123" s="11">
        <v>45799.75</v>
      </c>
      <c r="B1123" s="15">
        <v>2.7679999999999998</v>
      </c>
      <c r="C1123" s="15">
        <v>2.681</v>
      </c>
      <c r="D1123" s="15">
        <v>2.6030000000000002</v>
      </c>
    </row>
    <row r="1124" spans="1:4" x14ac:dyDescent="0.3">
      <c r="A1124" s="11">
        <v>45799.753472222219</v>
      </c>
      <c r="B1124" s="15">
        <v>2.766</v>
      </c>
      <c r="C1124" s="15">
        <v>2.6789999999999998</v>
      </c>
      <c r="D1124" s="15">
        <v>2.601</v>
      </c>
    </row>
    <row r="1125" spans="1:4" x14ac:dyDescent="0.3">
      <c r="A1125" s="11">
        <v>45799.756944444445</v>
      </c>
      <c r="B1125" s="15">
        <v>2.774</v>
      </c>
      <c r="C1125" s="15">
        <v>2.6869999999999998</v>
      </c>
      <c r="D1125" s="15">
        <v>2.5920000000000001</v>
      </c>
    </row>
    <row r="1126" spans="1:4" x14ac:dyDescent="0.3">
      <c r="A1126" s="11">
        <v>45799.760416666664</v>
      </c>
      <c r="B1126" s="15">
        <v>2.7610000000000001</v>
      </c>
      <c r="C1126" s="15">
        <v>2.6739999999999999</v>
      </c>
      <c r="D1126" s="15">
        <v>2.589</v>
      </c>
    </row>
    <row r="1127" spans="1:4" x14ac:dyDescent="0.3">
      <c r="A1127" s="11">
        <v>45799.763888888891</v>
      </c>
      <c r="B1127" s="15">
        <v>2.76</v>
      </c>
      <c r="C1127" s="15">
        <v>2.673</v>
      </c>
      <c r="D1127" s="15">
        <v>2.5880000000000001</v>
      </c>
    </row>
    <row r="1128" spans="1:4" x14ac:dyDescent="0.3">
      <c r="A1128" s="11">
        <v>45799.767361111109</v>
      </c>
      <c r="B1128" s="15">
        <v>2.7570000000000001</v>
      </c>
      <c r="C1128" s="15">
        <v>2.669</v>
      </c>
      <c r="D1128" s="15">
        <v>2.597</v>
      </c>
    </row>
    <row r="1129" spans="1:4" x14ac:dyDescent="0.3">
      <c r="A1129" s="11">
        <v>45799.770833333336</v>
      </c>
      <c r="B1129" s="15">
        <v>2.758</v>
      </c>
      <c r="C1129" s="15">
        <v>2.6709999999999998</v>
      </c>
      <c r="D1129" s="15">
        <v>2.5979999999999999</v>
      </c>
    </row>
    <row r="1130" spans="1:4" x14ac:dyDescent="0.3">
      <c r="A1130" s="11">
        <v>45799.774305555555</v>
      </c>
      <c r="B1130" s="15">
        <v>2.762</v>
      </c>
      <c r="C1130" s="15">
        <v>2.6749999999999998</v>
      </c>
      <c r="D1130" s="15">
        <v>2.6</v>
      </c>
    </row>
    <row r="1131" spans="1:4" x14ac:dyDescent="0.3">
      <c r="A1131" s="11">
        <v>45799.777777777781</v>
      </c>
      <c r="B1131" s="15">
        <v>2.782</v>
      </c>
      <c r="C1131" s="15">
        <v>2.6949999999999998</v>
      </c>
      <c r="D1131" s="15">
        <v>2.6019999999999999</v>
      </c>
    </row>
    <row r="1132" spans="1:4" x14ac:dyDescent="0.3">
      <c r="A1132" s="11">
        <v>45799.78125</v>
      </c>
      <c r="B1132" s="15">
        <v>2.7610000000000001</v>
      </c>
      <c r="C1132" s="15">
        <v>2.6930000000000001</v>
      </c>
      <c r="D1132" s="15">
        <v>2.6</v>
      </c>
    </row>
    <row r="1133" spans="1:4" x14ac:dyDescent="0.3">
      <c r="A1133" s="11">
        <v>45799.784722222219</v>
      </c>
      <c r="B1133" s="15">
        <v>2.762</v>
      </c>
      <c r="C1133" s="15">
        <v>2.6749999999999998</v>
      </c>
      <c r="D1133" s="15">
        <v>2.601</v>
      </c>
    </row>
    <row r="1134" spans="1:4" x14ac:dyDescent="0.3">
      <c r="A1134" s="11">
        <v>45799.788194444445</v>
      </c>
      <c r="B1134" s="15">
        <v>2.7759999999999998</v>
      </c>
      <c r="C1134" s="15">
        <v>2.6949999999999998</v>
      </c>
      <c r="D1134" s="15">
        <v>2.6</v>
      </c>
    </row>
    <row r="1135" spans="1:4" x14ac:dyDescent="0.3">
      <c r="A1135" s="11">
        <v>45799.791666666664</v>
      </c>
      <c r="B1135" s="15">
        <v>2.7789999999999999</v>
      </c>
      <c r="C1135" s="15">
        <v>2.6920000000000002</v>
      </c>
      <c r="D1135" s="15">
        <v>2.5990000000000002</v>
      </c>
    </row>
    <row r="1136" spans="1:4" x14ac:dyDescent="0.3">
      <c r="A1136" s="11">
        <v>45799.795138888891</v>
      </c>
      <c r="B1136" s="15">
        <v>2.76</v>
      </c>
      <c r="C1136" s="15">
        <v>2.673</v>
      </c>
      <c r="D1136" s="15">
        <v>2.597</v>
      </c>
    </row>
    <row r="1137" spans="1:4" x14ac:dyDescent="0.3">
      <c r="A1137" s="11">
        <v>45799.798611111109</v>
      </c>
      <c r="B1137" s="15">
        <v>2.7589999999999999</v>
      </c>
      <c r="C1137" s="15">
        <v>2.6720000000000002</v>
      </c>
      <c r="D1137" s="15">
        <v>2.5979999999999999</v>
      </c>
    </row>
    <row r="1138" spans="1:4" x14ac:dyDescent="0.3">
      <c r="A1138" s="11">
        <v>45799.802083333336</v>
      </c>
      <c r="B1138" s="15">
        <v>2.7770000000000001</v>
      </c>
      <c r="C1138" s="15">
        <v>2.69</v>
      </c>
      <c r="D1138" s="15">
        <v>2.597</v>
      </c>
    </row>
    <row r="1139" spans="1:4" x14ac:dyDescent="0.3">
      <c r="A1139" s="11">
        <v>45799.805555555555</v>
      </c>
      <c r="B1139" s="15">
        <v>2.778</v>
      </c>
      <c r="C1139" s="15">
        <v>2.6909999999999998</v>
      </c>
      <c r="D1139" s="15">
        <v>2.5979999999999999</v>
      </c>
    </row>
    <row r="1140" spans="1:4" x14ac:dyDescent="0.3">
      <c r="A1140" s="11">
        <v>45799.809027777781</v>
      </c>
      <c r="B1140" s="15">
        <v>2.7589999999999999</v>
      </c>
      <c r="C1140" s="15">
        <v>2.6720000000000002</v>
      </c>
      <c r="D1140" s="15">
        <v>2.5990000000000002</v>
      </c>
    </row>
    <row r="1141" spans="1:4" x14ac:dyDescent="0.3">
      <c r="A1141" s="11">
        <v>45799.8125</v>
      </c>
      <c r="B1141" s="15">
        <v>2.7589999999999999</v>
      </c>
      <c r="C1141" s="15">
        <v>2.6720000000000002</v>
      </c>
      <c r="D1141" s="15">
        <v>2.5979999999999999</v>
      </c>
    </row>
    <row r="1142" spans="1:4" x14ac:dyDescent="0.3">
      <c r="A1142" s="11">
        <v>45799.815972222219</v>
      </c>
      <c r="B1142" s="15">
        <v>2.778</v>
      </c>
      <c r="C1142" s="15">
        <v>2.6909999999999998</v>
      </c>
      <c r="D1142" s="15">
        <v>2.5979999999999999</v>
      </c>
    </row>
    <row r="1143" spans="1:4" x14ac:dyDescent="0.3">
      <c r="A1143" s="11">
        <v>45799.819444444445</v>
      </c>
      <c r="B1143" s="15">
        <v>2.76</v>
      </c>
      <c r="C1143" s="15">
        <v>2.673</v>
      </c>
      <c r="D1143" s="15">
        <v>2.5990000000000002</v>
      </c>
    </row>
    <row r="1144" spans="1:4" x14ac:dyDescent="0.3">
      <c r="A1144" s="11">
        <v>45799.822916666664</v>
      </c>
      <c r="B1144" s="15">
        <v>2.7789999999999999</v>
      </c>
      <c r="C1144" s="15">
        <v>2.6920000000000002</v>
      </c>
      <c r="D1144" s="15">
        <v>2.5990000000000002</v>
      </c>
    </row>
    <row r="1145" spans="1:4" x14ac:dyDescent="0.3">
      <c r="A1145" s="11">
        <v>45799.826388888891</v>
      </c>
      <c r="B1145" s="15">
        <v>2.7789999999999999</v>
      </c>
      <c r="C1145" s="15">
        <v>2.6920000000000002</v>
      </c>
      <c r="D1145" s="15">
        <v>2.5990000000000002</v>
      </c>
    </row>
    <row r="1146" spans="1:4" x14ac:dyDescent="0.3">
      <c r="A1146" s="11">
        <v>45799.829861111109</v>
      </c>
      <c r="B1146" s="15">
        <v>2.7789999999999999</v>
      </c>
      <c r="C1146" s="15">
        <v>2.6920000000000002</v>
      </c>
      <c r="D1146" s="15">
        <v>2.5990000000000002</v>
      </c>
    </row>
    <row r="1147" spans="1:4" x14ac:dyDescent="0.3">
      <c r="A1147" s="11">
        <v>45799.833333333336</v>
      </c>
      <c r="B1147" s="15">
        <v>2.778</v>
      </c>
      <c r="C1147" s="15">
        <v>2.6909999999999998</v>
      </c>
      <c r="D1147" s="15">
        <v>2.5979999999999999</v>
      </c>
    </row>
  </sheetData>
  <pageMargins left="0.7" right="0.7" top="0.75" bottom="0.75" header="0.3" footer="0.3"/>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431A79-C00A-4D01-9318-4C22AAF56E07}">
  <dimension ref="A1:F18"/>
  <sheetViews>
    <sheetView workbookViewId="0"/>
  </sheetViews>
  <sheetFormatPr defaultRowHeight="14.5" x14ac:dyDescent="0.35"/>
  <cols>
    <col min="1" max="14" width="15.7265625" customWidth="1"/>
  </cols>
  <sheetData>
    <row r="1" spans="1:6" x14ac:dyDescent="0.35">
      <c r="A1" s="1" t="s">
        <v>4</v>
      </c>
      <c r="B1" s="1">
        <v>12</v>
      </c>
    </row>
    <row r="2" spans="1:6" x14ac:dyDescent="0.35">
      <c r="A2" s="1" t="s">
        <v>3</v>
      </c>
      <c r="B2" s="1" t="s">
        <v>108</v>
      </c>
    </row>
    <row r="3" spans="1:6" x14ac:dyDescent="0.35">
      <c r="A3" s="1" t="s">
        <v>5</v>
      </c>
      <c r="B3" s="14" t="s">
        <v>109</v>
      </c>
    </row>
    <row r="4" spans="1:6" x14ac:dyDescent="0.35">
      <c r="A4" s="1" t="s">
        <v>2</v>
      </c>
      <c r="B4" s="1" t="s">
        <v>110</v>
      </c>
    </row>
    <row r="5" spans="1:6" x14ac:dyDescent="0.35">
      <c r="A5" s="1" t="s">
        <v>1</v>
      </c>
      <c r="B5" s="1"/>
    </row>
    <row r="7" spans="1:6" x14ac:dyDescent="0.35">
      <c r="A7" s="1"/>
      <c r="B7" s="1" t="s">
        <v>18</v>
      </c>
      <c r="C7" s="1" t="s">
        <v>111</v>
      </c>
      <c r="D7" s="1" t="s">
        <v>112</v>
      </c>
      <c r="E7" s="1" t="s">
        <v>22</v>
      </c>
      <c r="F7" t="s">
        <v>21</v>
      </c>
    </row>
    <row r="8" spans="1:6" x14ac:dyDescent="0.35">
      <c r="A8" s="1" t="s">
        <v>113</v>
      </c>
      <c r="B8" s="7">
        <v>8</v>
      </c>
      <c r="C8" s="7">
        <v>0</v>
      </c>
      <c r="D8" s="7">
        <v>0</v>
      </c>
      <c r="E8" s="7">
        <v>0</v>
      </c>
      <c r="F8" s="16">
        <v>0</v>
      </c>
    </row>
    <row r="9" spans="1:6" x14ac:dyDescent="0.35">
      <c r="A9" s="1" t="s">
        <v>114</v>
      </c>
      <c r="B9" s="7">
        <v>15</v>
      </c>
      <c r="C9" s="7">
        <v>3</v>
      </c>
      <c r="D9" s="7">
        <v>0</v>
      </c>
      <c r="E9" s="7">
        <v>0</v>
      </c>
      <c r="F9" s="16">
        <v>4</v>
      </c>
    </row>
    <row r="10" spans="1:6" x14ac:dyDescent="0.35">
      <c r="A10" s="1" t="s">
        <v>115</v>
      </c>
      <c r="B10" s="7">
        <v>13</v>
      </c>
      <c r="C10" s="7">
        <v>5</v>
      </c>
      <c r="D10" s="7">
        <v>0</v>
      </c>
      <c r="E10" s="7">
        <v>0</v>
      </c>
      <c r="F10" s="16">
        <v>0</v>
      </c>
    </row>
    <row r="11" spans="1:6" x14ac:dyDescent="0.35">
      <c r="A11" s="1" t="s">
        <v>116</v>
      </c>
      <c r="B11" s="7">
        <v>6</v>
      </c>
      <c r="C11" s="7">
        <v>3</v>
      </c>
      <c r="D11" s="7">
        <v>0</v>
      </c>
      <c r="E11" s="7">
        <v>1</v>
      </c>
      <c r="F11" s="16">
        <v>2</v>
      </c>
    </row>
    <row r="12" spans="1:6" x14ac:dyDescent="0.35">
      <c r="A12" s="1" t="s">
        <v>117</v>
      </c>
      <c r="B12" s="7">
        <v>12</v>
      </c>
      <c r="C12" s="7">
        <v>6</v>
      </c>
      <c r="D12" s="7">
        <v>0</v>
      </c>
      <c r="E12" s="7">
        <v>0</v>
      </c>
      <c r="F12" s="16">
        <v>0</v>
      </c>
    </row>
    <row r="13" spans="1:6" x14ac:dyDescent="0.35">
      <c r="A13" s="1" t="s">
        <v>118</v>
      </c>
      <c r="B13" s="7">
        <v>10</v>
      </c>
      <c r="C13" s="7">
        <v>6</v>
      </c>
      <c r="D13" s="7">
        <v>0</v>
      </c>
      <c r="E13" s="7">
        <v>0</v>
      </c>
      <c r="F13" s="16">
        <v>2</v>
      </c>
    </row>
    <row r="14" spans="1:6" x14ac:dyDescent="0.35">
      <c r="A14" s="1" t="s">
        <v>119</v>
      </c>
      <c r="B14" s="7">
        <v>1</v>
      </c>
      <c r="C14" s="7">
        <v>3</v>
      </c>
      <c r="D14" s="7">
        <v>0</v>
      </c>
      <c r="E14" s="7">
        <v>0</v>
      </c>
      <c r="F14" s="16">
        <v>1</v>
      </c>
    </row>
    <row r="15" spans="1:6" x14ac:dyDescent="0.35">
      <c r="A15" s="1" t="s">
        <v>120</v>
      </c>
      <c r="B15" s="7">
        <v>5</v>
      </c>
      <c r="C15" s="7">
        <v>0</v>
      </c>
      <c r="D15" s="7">
        <v>0</v>
      </c>
      <c r="E15" s="7">
        <v>2</v>
      </c>
      <c r="F15" s="16">
        <v>1</v>
      </c>
    </row>
    <row r="16" spans="1:6" x14ac:dyDescent="0.35">
      <c r="A16" s="1" t="s">
        <v>121</v>
      </c>
      <c r="B16" s="7">
        <v>8</v>
      </c>
      <c r="C16" s="7">
        <v>0</v>
      </c>
      <c r="D16" s="7">
        <v>1</v>
      </c>
      <c r="E16" s="7">
        <v>1</v>
      </c>
      <c r="F16" s="16">
        <v>1</v>
      </c>
    </row>
    <row r="17" spans="1:6" x14ac:dyDescent="0.35">
      <c r="A17" s="1" t="s">
        <v>122</v>
      </c>
      <c r="B17" s="7">
        <v>9</v>
      </c>
      <c r="C17" s="7">
        <v>3</v>
      </c>
      <c r="D17" s="7">
        <v>0</v>
      </c>
      <c r="E17" s="7">
        <v>0</v>
      </c>
      <c r="F17" s="16">
        <v>0</v>
      </c>
    </row>
    <row r="18" spans="1:6" x14ac:dyDescent="0.35">
      <c r="A18" s="1"/>
      <c r="B18" s="1"/>
      <c r="C18" s="1"/>
      <c r="D18" s="1"/>
      <c r="E18" s="1"/>
    </row>
  </sheetData>
  <pageMargins left="0.7" right="0.7" top="0.75" bottom="0.75" header="0.3" footer="0.3"/>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3E5D3A3-443B-44C9-B3D2-E0F68E344375}">
  <dimension ref="A1:E2846"/>
  <sheetViews>
    <sheetView workbookViewId="0"/>
  </sheetViews>
  <sheetFormatPr defaultColWidth="9.1796875" defaultRowHeight="14" x14ac:dyDescent="0.3"/>
  <cols>
    <col min="1" max="14" width="15.7265625" style="1" customWidth="1"/>
    <col min="15" max="16384" width="9.1796875" style="1"/>
  </cols>
  <sheetData>
    <row r="1" spans="1:5" x14ac:dyDescent="0.3">
      <c r="A1" s="1" t="s">
        <v>4</v>
      </c>
      <c r="B1" s="1">
        <v>13</v>
      </c>
    </row>
    <row r="2" spans="1:5" x14ac:dyDescent="0.3">
      <c r="A2" s="1" t="s">
        <v>3</v>
      </c>
      <c r="B2" s="1" t="s">
        <v>123</v>
      </c>
    </row>
    <row r="3" spans="1:5" x14ac:dyDescent="0.3">
      <c r="A3" s="1" t="s">
        <v>5</v>
      </c>
      <c r="B3" s="1" t="s">
        <v>37</v>
      </c>
    </row>
    <row r="4" spans="1:5" x14ac:dyDescent="0.3">
      <c r="A4" s="1" t="s">
        <v>2</v>
      </c>
      <c r="B4" s="1" t="s">
        <v>124</v>
      </c>
    </row>
    <row r="5" spans="1:5" x14ac:dyDescent="0.3">
      <c r="A5" s="1" t="s">
        <v>1</v>
      </c>
      <c r="B5" s="1" t="s">
        <v>11</v>
      </c>
    </row>
    <row r="7" spans="1:5" x14ac:dyDescent="0.3">
      <c r="A7" s="1" t="s">
        <v>125</v>
      </c>
      <c r="B7" s="9" t="s">
        <v>126</v>
      </c>
      <c r="C7" s="1" t="s">
        <v>127</v>
      </c>
      <c r="D7" s="1" t="s">
        <v>128</v>
      </c>
    </row>
    <row r="8" spans="1:5" x14ac:dyDescent="0.3">
      <c r="A8" s="6">
        <v>43101</v>
      </c>
      <c r="B8" s="8">
        <v>1.0997000000000001E-4</v>
      </c>
      <c r="C8" s="8">
        <v>0</v>
      </c>
      <c r="D8" s="8">
        <v>0</v>
      </c>
      <c r="E8" s="2"/>
    </row>
    <row r="9" spans="1:5" x14ac:dyDescent="0.3">
      <c r="A9" s="6">
        <v>43102</v>
      </c>
      <c r="B9" s="8">
        <v>1.0997000000000001E-4</v>
      </c>
      <c r="C9" s="8">
        <v>0</v>
      </c>
      <c r="D9" s="8">
        <v>0</v>
      </c>
      <c r="E9" s="2"/>
    </row>
    <row r="10" spans="1:5" x14ac:dyDescent="0.3">
      <c r="A10" s="6">
        <v>43103</v>
      </c>
      <c r="B10" s="8">
        <v>1.0997000000000001E-4</v>
      </c>
      <c r="C10" s="8">
        <v>0</v>
      </c>
      <c r="D10" s="8">
        <v>0</v>
      </c>
      <c r="E10" s="2"/>
    </row>
    <row r="11" spans="1:5" x14ac:dyDescent="0.3">
      <c r="A11" s="6">
        <v>43104</v>
      </c>
      <c r="B11" s="8">
        <v>1.0997000000000001E-4</v>
      </c>
      <c r="C11" s="8">
        <v>0</v>
      </c>
      <c r="D11" s="8">
        <v>0</v>
      </c>
      <c r="E11" s="2"/>
    </row>
    <row r="12" spans="1:5" x14ac:dyDescent="0.3">
      <c r="A12" s="6">
        <v>43105</v>
      </c>
      <c r="B12" s="8">
        <v>1.0997000000000001E-4</v>
      </c>
      <c r="C12" s="8">
        <v>0</v>
      </c>
      <c r="D12" s="8">
        <v>0</v>
      </c>
    </row>
    <row r="13" spans="1:5" x14ac:dyDescent="0.3">
      <c r="A13" s="6">
        <v>43106</v>
      </c>
      <c r="B13" s="8">
        <v>1.0997000000000001E-4</v>
      </c>
      <c r="C13" s="8">
        <v>0</v>
      </c>
      <c r="D13" s="8">
        <v>0</v>
      </c>
    </row>
    <row r="14" spans="1:5" x14ac:dyDescent="0.3">
      <c r="A14" s="6">
        <v>43107</v>
      </c>
      <c r="B14" s="8">
        <v>1.0997000000000001E-4</v>
      </c>
      <c r="C14" s="8">
        <v>0</v>
      </c>
      <c r="D14" s="8">
        <v>0</v>
      </c>
    </row>
    <row r="15" spans="1:5" x14ac:dyDescent="0.3">
      <c r="A15" s="6">
        <v>43108</v>
      </c>
      <c r="B15" s="8">
        <v>1.0997000000000001E-4</v>
      </c>
      <c r="C15" s="8">
        <v>0</v>
      </c>
      <c r="D15" s="8">
        <v>0</v>
      </c>
    </row>
    <row r="16" spans="1:5" x14ac:dyDescent="0.3">
      <c r="A16" s="6">
        <v>43109</v>
      </c>
      <c r="B16" s="8">
        <v>1.0997000000000001E-4</v>
      </c>
      <c r="C16" s="8">
        <v>0</v>
      </c>
      <c r="D16" s="8">
        <v>0</v>
      </c>
    </row>
    <row r="17" spans="1:4" x14ac:dyDescent="0.3">
      <c r="A17" s="6">
        <v>43110</v>
      </c>
      <c r="B17" s="8">
        <v>1.0997000000000001E-4</v>
      </c>
      <c r="C17" s="8">
        <v>0</v>
      </c>
      <c r="D17" s="8">
        <v>0</v>
      </c>
    </row>
    <row r="18" spans="1:4" x14ac:dyDescent="0.3">
      <c r="A18" s="6">
        <v>43111</v>
      </c>
      <c r="B18" s="8">
        <v>3.010997E-2</v>
      </c>
      <c r="C18" s="8">
        <v>0</v>
      </c>
      <c r="D18" s="8">
        <v>0</v>
      </c>
    </row>
    <row r="19" spans="1:4" x14ac:dyDescent="0.3">
      <c r="A19" s="6">
        <v>43112</v>
      </c>
      <c r="B19" s="8">
        <v>3.010997E-2</v>
      </c>
      <c r="C19" s="8">
        <v>0</v>
      </c>
      <c r="D19" s="8">
        <v>0</v>
      </c>
    </row>
    <row r="20" spans="1:4" x14ac:dyDescent="0.3">
      <c r="A20" s="6">
        <v>43113</v>
      </c>
      <c r="B20" s="8">
        <v>3.010997E-2</v>
      </c>
      <c r="C20" s="8">
        <v>0</v>
      </c>
      <c r="D20" s="8">
        <v>0</v>
      </c>
    </row>
    <row r="21" spans="1:4" x14ac:dyDescent="0.3">
      <c r="A21" s="6">
        <v>43114</v>
      </c>
      <c r="B21" s="8">
        <v>3.010997E-2</v>
      </c>
      <c r="C21" s="8">
        <v>0</v>
      </c>
      <c r="D21" s="8">
        <v>0</v>
      </c>
    </row>
    <row r="22" spans="1:4" x14ac:dyDescent="0.3">
      <c r="A22" s="6">
        <v>43115</v>
      </c>
      <c r="B22" s="8">
        <v>3.010997E-2</v>
      </c>
      <c r="C22" s="8">
        <v>0</v>
      </c>
      <c r="D22" s="8">
        <v>0</v>
      </c>
    </row>
    <row r="23" spans="1:4" x14ac:dyDescent="0.3">
      <c r="A23" s="6">
        <v>43116</v>
      </c>
      <c r="B23" s="8">
        <v>3.010997E-2</v>
      </c>
      <c r="C23" s="8">
        <v>0</v>
      </c>
      <c r="D23" s="8">
        <v>0</v>
      </c>
    </row>
    <row r="24" spans="1:4" x14ac:dyDescent="0.3">
      <c r="A24" s="6">
        <v>43117</v>
      </c>
      <c r="B24" s="8">
        <v>3.010997E-2</v>
      </c>
      <c r="C24" s="8">
        <v>0</v>
      </c>
      <c r="D24" s="8">
        <v>0</v>
      </c>
    </row>
    <row r="25" spans="1:4" x14ac:dyDescent="0.3">
      <c r="A25" s="6">
        <v>43118</v>
      </c>
      <c r="B25" s="8">
        <v>3.010997E-2</v>
      </c>
      <c r="C25" s="8">
        <v>0</v>
      </c>
      <c r="D25" s="8">
        <v>0</v>
      </c>
    </row>
    <row r="26" spans="1:4" x14ac:dyDescent="0.3">
      <c r="A26" s="6">
        <v>43119</v>
      </c>
      <c r="B26" s="8">
        <v>3.010997E-2</v>
      </c>
      <c r="C26" s="8">
        <v>0</v>
      </c>
      <c r="D26" s="8">
        <v>0</v>
      </c>
    </row>
    <row r="27" spans="1:4" x14ac:dyDescent="0.3">
      <c r="A27" s="6">
        <v>43120</v>
      </c>
      <c r="B27" s="8">
        <v>3.010997E-2</v>
      </c>
      <c r="C27" s="8">
        <v>0</v>
      </c>
      <c r="D27" s="8">
        <v>0</v>
      </c>
    </row>
    <row r="28" spans="1:4" x14ac:dyDescent="0.3">
      <c r="A28" s="6">
        <v>43121</v>
      </c>
      <c r="B28" s="8">
        <v>3.010997E-2</v>
      </c>
      <c r="C28" s="8">
        <v>0</v>
      </c>
      <c r="D28" s="8">
        <v>0</v>
      </c>
    </row>
    <row r="29" spans="1:4" x14ac:dyDescent="0.3">
      <c r="A29" s="6">
        <v>43122</v>
      </c>
      <c r="B29" s="8">
        <v>3.010997E-2</v>
      </c>
      <c r="C29" s="8">
        <v>0</v>
      </c>
      <c r="D29" s="8">
        <v>0</v>
      </c>
    </row>
    <row r="30" spans="1:4" x14ac:dyDescent="0.3">
      <c r="A30" s="6">
        <v>43123</v>
      </c>
      <c r="B30" s="8">
        <v>3.010997E-2</v>
      </c>
      <c r="C30" s="8">
        <v>0</v>
      </c>
      <c r="D30" s="8">
        <v>0</v>
      </c>
    </row>
    <row r="31" spans="1:4" x14ac:dyDescent="0.3">
      <c r="A31" s="6">
        <v>43124</v>
      </c>
      <c r="B31" s="8">
        <v>3.010997E-2</v>
      </c>
      <c r="C31" s="8">
        <v>0</v>
      </c>
      <c r="D31" s="8">
        <v>0</v>
      </c>
    </row>
    <row r="32" spans="1:4" x14ac:dyDescent="0.3">
      <c r="A32" s="6">
        <v>43125</v>
      </c>
      <c r="B32" s="8">
        <v>3.010997E-2</v>
      </c>
      <c r="C32" s="8">
        <v>0</v>
      </c>
      <c r="D32" s="8">
        <v>0</v>
      </c>
    </row>
    <row r="33" spans="1:4" x14ac:dyDescent="0.3">
      <c r="A33" s="6">
        <v>43126</v>
      </c>
      <c r="B33" s="8">
        <v>3.010997E-2</v>
      </c>
      <c r="C33" s="8">
        <v>0</v>
      </c>
      <c r="D33" s="8">
        <v>0</v>
      </c>
    </row>
    <row r="34" spans="1:4" x14ac:dyDescent="0.3">
      <c r="A34" s="6">
        <v>43127</v>
      </c>
      <c r="B34" s="8">
        <v>3.010997E-2</v>
      </c>
      <c r="C34" s="8">
        <v>0</v>
      </c>
      <c r="D34" s="8">
        <v>0</v>
      </c>
    </row>
    <row r="35" spans="1:4" x14ac:dyDescent="0.3">
      <c r="A35" s="6">
        <v>43128</v>
      </c>
      <c r="B35" s="8">
        <v>3.010997E-2</v>
      </c>
      <c r="C35" s="8">
        <v>0</v>
      </c>
      <c r="D35" s="8">
        <v>0</v>
      </c>
    </row>
    <row r="36" spans="1:4" x14ac:dyDescent="0.3">
      <c r="A36" s="6">
        <v>43129</v>
      </c>
      <c r="B36" s="8">
        <v>6.0109969999999999E-2</v>
      </c>
      <c r="C36" s="8">
        <v>0</v>
      </c>
      <c r="D36" s="8">
        <v>0</v>
      </c>
    </row>
    <row r="37" spans="1:4" x14ac:dyDescent="0.3">
      <c r="A37" s="6">
        <v>43130</v>
      </c>
      <c r="B37" s="8">
        <v>6.0109969999999999E-2</v>
      </c>
      <c r="C37" s="8">
        <v>0</v>
      </c>
      <c r="D37" s="8">
        <v>0</v>
      </c>
    </row>
    <row r="38" spans="1:4" x14ac:dyDescent="0.3">
      <c r="A38" s="6">
        <v>43131</v>
      </c>
      <c r="B38" s="8">
        <v>6.0109969999999999E-2</v>
      </c>
      <c r="C38" s="8">
        <v>0</v>
      </c>
      <c r="D38" s="8">
        <v>0</v>
      </c>
    </row>
    <row r="39" spans="1:4" x14ac:dyDescent="0.3">
      <c r="A39" s="6">
        <v>43132</v>
      </c>
      <c r="B39" s="8">
        <v>6.0109969999999999E-2</v>
      </c>
      <c r="C39" s="8">
        <v>0</v>
      </c>
      <c r="D39" s="8">
        <v>0</v>
      </c>
    </row>
    <row r="40" spans="1:4" x14ac:dyDescent="0.3">
      <c r="A40" s="6">
        <v>43133</v>
      </c>
      <c r="B40" s="8">
        <v>6.0109969999999999E-2</v>
      </c>
      <c r="C40" s="8">
        <v>0</v>
      </c>
      <c r="D40" s="8">
        <v>0</v>
      </c>
    </row>
    <row r="41" spans="1:4" x14ac:dyDescent="0.3">
      <c r="A41" s="6">
        <v>43134</v>
      </c>
      <c r="B41" s="8">
        <v>6.0109969999999999E-2</v>
      </c>
      <c r="C41" s="8">
        <v>0</v>
      </c>
      <c r="D41" s="8">
        <v>0</v>
      </c>
    </row>
    <row r="42" spans="1:4" x14ac:dyDescent="0.3">
      <c r="A42" s="6">
        <v>43135</v>
      </c>
      <c r="B42" s="8">
        <v>6.0109969999999999E-2</v>
      </c>
      <c r="C42" s="8">
        <v>0</v>
      </c>
      <c r="D42" s="8">
        <v>0</v>
      </c>
    </row>
    <row r="43" spans="1:4" x14ac:dyDescent="0.3">
      <c r="A43" s="6">
        <v>43136</v>
      </c>
      <c r="B43" s="8">
        <v>6.0109969999999999E-2</v>
      </c>
      <c r="C43" s="8">
        <v>0</v>
      </c>
      <c r="D43" s="8">
        <v>0</v>
      </c>
    </row>
    <row r="44" spans="1:4" x14ac:dyDescent="0.3">
      <c r="A44" s="6">
        <v>43137</v>
      </c>
      <c r="B44" s="8">
        <v>6.0109969999999999E-2</v>
      </c>
      <c r="C44" s="8">
        <v>0</v>
      </c>
      <c r="D44" s="8">
        <v>0</v>
      </c>
    </row>
    <row r="45" spans="1:4" x14ac:dyDescent="0.3">
      <c r="A45" s="6">
        <v>43138</v>
      </c>
      <c r="B45" s="8">
        <v>6.0109969999999999E-2</v>
      </c>
      <c r="C45" s="8">
        <v>0</v>
      </c>
      <c r="D45" s="8">
        <v>0</v>
      </c>
    </row>
    <row r="46" spans="1:4" x14ac:dyDescent="0.3">
      <c r="A46" s="6">
        <v>43139</v>
      </c>
      <c r="B46" s="8">
        <v>6.0109969999999999E-2</v>
      </c>
      <c r="C46" s="8">
        <v>0</v>
      </c>
      <c r="D46" s="8">
        <v>0</v>
      </c>
    </row>
    <row r="47" spans="1:4" x14ac:dyDescent="0.3">
      <c r="A47" s="6">
        <v>43140</v>
      </c>
      <c r="B47" s="8">
        <v>6.0109969999999999E-2</v>
      </c>
      <c r="C47" s="8">
        <v>0</v>
      </c>
      <c r="D47" s="8">
        <v>0</v>
      </c>
    </row>
    <row r="48" spans="1:4" x14ac:dyDescent="0.3">
      <c r="A48" s="6">
        <v>43141</v>
      </c>
      <c r="B48" s="8">
        <v>6.0109969999999999E-2</v>
      </c>
      <c r="C48" s="8">
        <v>0</v>
      </c>
      <c r="D48" s="8">
        <v>0</v>
      </c>
    </row>
    <row r="49" spans="1:4" x14ac:dyDescent="0.3">
      <c r="A49" s="6">
        <v>43142</v>
      </c>
      <c r="B49" s="8">
        <v>6.0109969999999999E-2</v>
      </c>
      <c r="C49" s="8">
        <v>0</v>
      </c>
      <c r="D49" s="8">
        <v>0</v>
      </c>
    </row>
    <row r="50" spans="1:4" x14ac:dyDescent="0.3">
      <c r="A50" s="6">
        <v>43143</v>
      </c>
      <c r="B50" s="8">
        <v>6.0109969999999999E-2</v>
      </c>
      <c r="C50" s="8">
        <v>0</v>
      </c>
      <c r="D50" s="8">
        <v>0</v>
      </c>
    </row>
    <row r="51" spans="1:4" x14ac:dyDescent="0.3">
      <c r="A51" s="6">
        <v>43144</v>
      </c>
      <c r="B51" s="8">
        <v>6.0109969999999999E-2</v>
      </c>
      <c r="C51" s="8">
        <v>0</v>
      </c>
      <c r="D51" s="8">
        <v>0</v>
      </c>
    </row>
    <row r="52" spans="1:4" x14ac:dyDescent="0.3">
      <c r="A52" s="6">
        <v>43145</v>
      </c>
      <c r="B52" s="8">
        <v>6.0109969999999999E-2</v>
      </c>
      <c r="C52" s="8">
        <v>0</v>
      </c>
      <c r="D52" s="8">
        <v>0</v>
      </c>
    </row>
    <row r="53" spans="1:4" x14ac:dyDescent="0.3">
      <c r="A53" s="6">
        <v>43146</v>
      </c>
      <c r="B53" s="8">
        <v>6.0109969999999999E-2</v>
      </c>
      <c r="C53" s="8">
        <v>0</v>
      </c>
      <c r="D53" s="8">
        <v>0</v>
      </c>
    </row>
    <row r="54" spans="1:4" x14ac:dyDescent="0.3">
      <c r="A54" s="6">
        <v>43147</v>
      </c>
      <c r="B54" s="8">
        <v>6.0109969999999999E-2</v>
      </c>
      <c r="C54" s="8">
        <v>0</v>
      </c>
      <c r="D54" s="8">
        <v>0</v>
      </c>
    </row>
    <row r="55" spans="1:4" x14ac:dyDescent="0.3">
      <c r="A55" s="6">
        <v>43148</v>
      </c>
      <c r="B55" s="8">
        <v>6.0109969999999999E-2</v>
      </c>
      <c r="C55" s="8">
        <v>0</v>
      </c>
      <c r="D55" s="8">
        <v>0</v>
      </c>
    </row>
    <row r="56" spans="1:4" x14ac:dyDescent="0.3">
      <c r="A56" s="6">
        <v>43149</v>
      </c>
      <c r="B56" s="8">
        <v>6.0109969999999999E-2</v>
      </c>
      <c r="C56" s="8">
        <v>0</v>
      </c>
      <c r="D56" s="8">
        <v>0</v>
      </c>
    </row>
    <row r="57" spans="1:4" x14ac:dyDescent="0.3">
      <c r="A57" s="6">
        <v>43150</v>
      </c>
      <c r="B57" s="8">
        <v>6.0109969999999999E-2</v>
      </c>
      <c r="C57" s="8">
        <v>0</v>
      </c>
      <c r="D57" s="8">
        <v>0</v>
      </c>
    </row>
    <row r="58" spans="1:4" x14ac:dyDescent="0.3">
      <c r="A58" s="6">
        <v>43151</v>
      </c>
      <c r="B58" s="8">
        <v>6.0109969999999999E-2</v>
      </c>
      <c r="C58" s="8">
        <v>0</v>
      </c>
      <c r="D58" s="8">
        <v>0</v>
      </c>
    </row>
    <row r="59" spans="1:4" x14ac:dyDescent="0.3">
      <c r="A59" s="6">
        <v>43152</v>
      </c>
      <c r="B59" s="8">
        <v>6.0109969999999999E-2</v>
      </c>
      <c r="C59" s="8">
        <v>0</v>
      </c>
      <c r="D59" s="8">
        <v>0</v>
      </c>
    </row>
    <row r="60" spans="1:4" x14ac:dyDescent="0.3">
      <c r="A60" s="6">
        <v>43153</v>
      </c>
      <c r="B60" s="8">
        <v>6.0109969999999999E-2</v>
      </c>
      <c r="C60" s="8">
        <v>0</v>
      </c>
      <c r="D60" s="8">
        <v>0</v>
      </c>
    </row>
    <row r="61" spans="1:4" x14ac:dyDescent="0.3">
      <c r="A61" s="6">
        <v>43154</v>
      </c>
      <c r="B61" s="8">
        <v>6.0109969999999999E-2</v>
      </c>
      <c r="C61" s="8">
        <v>0</v>
      </c>
      <c r="D61" s="8">
        <v>0</v>
      </c>
    </row>
    <row r="62" spans="1:4" x14ac:dyDescent="0.3">
      <c r="A62" s="6">
        <v>43155</v>
      </c>
      <c r="B62" s="8">
        <v>6.0109969999999999E-2</v>
      </c>
      <c r="C62" s="8">
        <v>0</v>
      </c>
      <c r="D62" s="8">
        <v>0</v>
      </c>
    </row>
    <row r="63" spans="1:4" x14ac:dyDescent="0.3">
      <c r="A63" s="6">
        <v>43156</v>
      </c>
      <c r="B63" s="8">
        <v>6.0109969999999999E-2</v>
      </c>
      <c r="C63" s="8">
        <v>0</v>
      </c>
      <c r="D63" s="8">
        <v>0</v>
      </c>
    </row>
    <row r="64" spans="1:4" x14ac:dyDescent="0.3">
      <c r="A64" s="6">
        <v>43157</v>
      </c>
      <c r="B64" s="8">
        <v>6.0109969999999999E-2</v>
      </c>
      <c r="C64" s="8">
        <v>0</v>
      </c>
      <c r="D64" s="8">
        <v>0</v>
      </c>
    </row>
    <row r="65" spans="1:4" x14ac:dyDescent="0.3">
      <c r="A65" s="6">
        <v>43158</v>
      </c>
      <c r="B65" s="8">
        <v>6.0109969999999999E-2</v>
      </c>
      <c r="C65" s="8">
        <v>0</v>
      </c>
      <c r="D65" s="8">
        <v>0</v>
      </c>
    </row>
    <row r="66" spans="1:4" x14ac:dyDescent="0.3">
      <c r="A66" s="6">
        <v>43159</v>
      </c>
      <c r="B66" s="8">
        <v>6.0109969999999999E-2</v>
      </c>
      <c r="C66" s="8">
        <v>0</v>
      </c>
      <c r="D66" s="8">
        <v>0</v>
      </c>
    </row>
    <row r="67" spans="1:4" x14ac:dyDescent="0.3">
      <c r="A67" s="6">
        <v>43160</v>
      </c>
      <c r="B67" s="8">
        <v>6.0109969999999999E-2</v>
      </c>
      <c r="C67" s="8">
        <v>0</v>
      </c>
      <c r="D67" s="8">
        <v>0</v>
      </c>
    </row>
    <row r="68" spans="1:4" x14ac:dyDescent="0.3">
      <c r="A68" s="6">
        <v>43161</v>
      </c>
      <c r="B68" s="8">
        <v>6.0109969999999999E-2</v>
      </c>
      <c r="C68" s="8">
        <v>0</v>
      </c>
      <c r="D68" s="8">
        <v>0</v>
      </c>
    </row>
    <row r="69" spans="1:4" x14ac:dyDescent="0.3">
      <c r="A69" s="6">
        <v>43162</v>
      </c>
      <c r="B69" s="8">
        <v>6.0109969999999999E-2</v>
      </c>
      <c r="C69" s="8">
        <v>0</v>
      </c>
      <c r="D69" s="8">
        <v>0</v>
      </c>
    </row>
    <row r="70" spans="1:4" x14ac:dyDescent="0.3">
      <c r="A70" s="6">
        <v>43163</v>
      </c>
      <c r="B70" s="8">
        <v>6.0109969999999999E-2</v>
      </c>
      <c r="C70" s="8">
        <v>0</v>
      </c>
      <c r="D70" s="8">
        <v>0</v>
      </c>
    </row>
    <row r="71" spans="1:4" x14ac:dyDescent="0.3">
      <c r="A71" s="6">
        <v>43164</v>
      </c>
      <c r="B71" s="8">
        <v>6.0109969999999999E-2</v>
      </c>
      <c r="C71" s="8">
        <v>0</v>
      </c>
      <c r="D71" s="8">
        <v>0</v>
      </c>
    </row>
    <row r="72" spans="1:4" x14ac:dyDescent="0.3">
      <c r="A72" s="6">
        <v>43165</v>
      </c>
      <c r="B72" s="8">
        <v>6.0109969999999999E-2</v>
      </c>
      <c r="C72" s="8">
        <v>0</v>
      </c>
      <c r="D72" s="8">
        <v>0</v>
      </c>
    </row>
    <row r="73" spans="1:4" x14ac:dyDescent="0.3">
      <c r="A73" s="6">
        <v>43166</v>
      </c>
      <c r="B73" s="8">
        <v>6.0109969999999999E-2</v>
      </c>
      <c r="C73" s="8">
        <v>0</v>
      </c>
      <c r="D73" s="8">
        <v>0</v>
      </c>
    </row>
    <row r="74" spans="1:4" x14ac:dyDescent="0.3">
      <c r="A74" s="6">
        <v>43167</v>
      </c>
      <c r="B74" s="8">
        <v>6.0109969999999999E-2</v>
      </c>
      <c r="C74" s="8">
        <v>0</v>
      </c>
      <c r="D74" s="8">
        <v>0</v>
      </c>
    </row>
    <row r="75" spans="1:4" x14ac:dyDescent="0.3">
      <c r="A75" s="6">
        <v>43168</v>
      </c>
      <c r="B75" s="8">
        <v>6.0109969999999999E-2</v>
      </c>
      <c r="C75" s="8">
        <v>0</v>
      </c>
      <c r="D75" s="8">
        <v>0</v>
      </c>
    </row>
    <row r="76" spans="1:4" x14ac:dyDescent="0.3">
      <c r="A76" s="6">
        <v>43169</v>
      </c>
      <c r="B76" s="8">
        <v>6.0109969999999999E-2</v>
      </c>
      <c r="C76" s="8">
        <v>0</v>
      </c>
      <c r="D76" s="8">
        <v>0</v>
      </c>
    </row>
    <row r="77" spans="1:4" x14ac:dyDescent="0.3">
      <c r="A77" s="6">
        <v>43170</v>
      </c>
      <c r="B77" s="8">
        <v>6.0109969999999999E-2</v>
      </c>
      <c r="C77" s="8">
        <v>0</v>
      </c>
      <c r="D77" s="8">
        <v>0</v>
      </c>
    </row>
    <row r="78" spans="1:4" x14ac:dyDescent="0.3">
      <c r="A78" s="6">
        <v>43171</v>
      </c>
      <c r="B78" s="8">
        <v>6.0109969999999999E-2</v>
      </c>
      <c r="C78" s="8">
        <v>0</v>
      </c>
      <c r="D78" s="8">
        <v>0</v>
      </c>
    </row>
    <row r="79" spans="1:4" x14ac:dyDescent="0.3">
      <c r="A79" s="6">
        <v>43172</v>
      </c>
      <c r="B79" s="8">
        <v>6.0109969999999999E-2</v>
      </c>
      <c r="C79" s="8">
        <v>0</v>
      </c>
      <c r="D79" s="8">
        <v>0</v>
      </c>
    </row>
    <row r="80" spans="1:4" x14ac:dyDescent="0.3">
      <c r="A80" s="6">
        <v>43173</v>
      </c>
      <c r="B80" s="8">
        <v>6.0109969999999999E-2</v>
      </c>
      <c r="C80" s="8">
        <v>0</v>
      </c>
      <c r="D80" s="8">
        <v>0</v>
      </c>
    </row>
    <row r="81" spans="1:4" x14ac:dyDescent="0.3">
      <c r="A81" s="6">
        <v>43174</v>
      </c>
      <c r="B81" s="8">
        <v>6.0109969999999999E-2</v>
      </c>
      <c r="C81" s="8">
        <v>0</v>
      </c>
      <c r="D81" s="8">
        <v>0</v>
      </c>
    </row>
    <row r="82" spans="1:4" x14ac:dyDescent="0.3">
      <c r="A82" s="6">
        <v>43175</v>
      </c>
      <c r="B82" s="8">
        <v>6.0109969999999999E-2</v>
      </c>
      <c r="C82" s="8">
        <v>0</v>
      </c>
      <c r="D82" s="8">
        <v>0</v>
      </c>
    </row>
    <row r="83" spans="1:4" x14ac:dyDescent="0.3">
      <c r="A83" s="6">
        <v>43176</v>
      </c>
      <c r="B83" s="8">
        <v>6.0109969999999999E-2</v>
      </c>
      <c r="C83" s="8">
        <v>0</v>
      </c>
      <c r="D83" s="8">
        <v>0</v>
      </c>
    </row>
    <row r="84" spans="1:4" x14ac:dyDescent="0.3">
      <c r="A84" s="6">
        <v>43177</v>
      </c>
      <c r="B84" s="8">
        <v>6.0109969999999999E-2</v>
      </c>
      <c r="C84" s="8">
        <v>0</v>
      </c>
      <c r="D84" s="8">
        <v>0</v>
      </c>
    </row>
    <row r="85" spans="1:4" x14ac:dyDescent="0.3">
      <c r="A85" s="6">
        <v>43178</v>
      </c>
      <c r="B85" s="8">
        <v>6.0109969999999999E-2</v>
      </c>
      <c r="C85" s="8">
        <v>0</v>
      </c>
      <c r="D85" s="8">
        <v>0</v>
      </c>
    </row>
    <row r="86" spans="1:4" x14ac:dyDescent="0.3">
      <c r="A86" s="6">
        <v>43179</v>
      </c>
      <c r="B86" s="8">
        <v>6.0109969999999999E-2</v>
      </c>
      <c r="C86" s="8">
        <v>0</v>
      </c>
      <c r="D86" s="8">
        <v>0</v>
      </c>
    </row>
    <row r="87" spans="1:4" x14ac:dyDescent="0.3">
      <c r="A87" s="6">
        <v>43180</v>
      </c>
      <c r="B87" s="8">
        <v>6.0109969999999999E-2</v>
      </c>
      <c r="C87" s="8">
        <v>0</v>
      </c>
      <c r="D87" s="8">
        <v>0</v>
      </c>
    </row>
    <row r="88" spans="1:4" x14ac:dyDescent="0.3">
      <c r="A88" s="6">
        <v>43181</v>
      </c>
      <c r="B88" s="8">
        <v>6.0109969999999999E-2</v>
      </c>
      <c r="C88" s="8">
        <v>0</v>
      </c>
      <c r="D88" s="8">
        <v>0</v>
      </c>
    </row>
    <row r="89" spans="1:4" x14ac:dyDescent="0.3">
      <c r="A89" s="6">
        <v>43182</v>
      </c>
      <c r="B89" s="8">
        <v>6.0109969999999999E-2</v>
      </c>
      <c r="C89" s="8">
        <v>0</v>
      </c>
      <c r="D89" s="8">
        <v>0</v>
      </c>
    </row>
    <row r="90" spans="1:4" x14ac:dyDescent="0.3">
      <c r="A90" s="6">
        <v>43183</v>
      </c>
      <c r="B90" s="8">
        <v>6.0109969999999999E-2</v>
      </c>
      <c r="C90" s="8">
        <v>0</v>
      </c>
      <c r="D90" s="8">
        <v>0</v>
      </c>
    </row>
    <row r="91" spans="1:4" x14ac:dyDescent="0.3">
      <c r="A91" s="6">
        <v>43184</v>
      </c>
      <c r="B91" s="8">
        <v>6.0109969999999999E-2</v>
      </c>
      <c r="C91" s="8">
        <v>0</v>
      </c>
      <c r="D91" s="8">
        <v>0</v>
      </c>
    </row>
    <row r="92" spans="1:4" x14ac:dyDescent="0.3">
      <c r="A92" s="6">
        <v>43185</v>
      </c>
      <c r="B92" s="8">
        <v>6.0109969999999999E-2</v>
      </c>
      <c r="C92" s="8">
        <v>0</v>
      </c>
      <c r="D92" s="8">
        <v>0</v>
      </c>
    </row>
    <row r="93" spans="1:4" x14ac:dyDescent="0.3">
      <c r="A93" s="6">
        <v>43186</v>
      </c>
      <c r="B93" s="8">
        <v>6.0109969999999999E-2</v>
      </c>
      <c r="C93" s="8">
        <v>0</v>
      </c>
      <c r="D93" s="8">
        <v>0</v>
      </c>
    </row>
    <row r="94" spans="1:4" x14ac:dyDescent="0.3">
      <c r="A94" s="6">
        <v>43187</v>
      </c>
      <c r="B94" s="8">
        <v>6.0109969999999999E-2</v>
      </c>
      <c r="C94" s="8">
        <v>0</v>
      </c>
      <c r="D94" s="8">
        <v>0</v>
      </c>
    </row>
    <row r="95" spans="1:4" x14ac:dyDescent="0.3">
      <c r="A95" s="6">
        <v>43188</v>
      </c>
      <c r="B95" s="8">
        <v>6.0109969999999999E-2</v>
      </c>
      <c r="C95" s="8">
        <v>0</v>
      </c>
      <c r="D95" s="8">
        <v>0</v>
      </c>
    </row>
    <row r="96" spans="1:4" x14ac:dyDescent="0.3">
      <c r="A96" s="6">
        <v>43189</v>
      </c>
      <c r="B96" s="8">
        <v>6.0109969999999999E-2</v>
      </c>
      <c r="C96" s="8">
        <v>0</v>
      </c>
      <c r="D96" s="8">
        <v>0</v>
      </c>
    </row>
    <row r="97" spans="1:4" x14ac:dyDescent="0.3">
      <c r="A97" s="6">
        <v>43190</v>
      </c>
      <c r="B97" s="8">
        <v>6.0109969999999999E-2</v>
      </c>
      <c r="C97" s="8">
        <v>0</v>
      </c>
      <c r="D97" s="8">
        <v>0</v>
      </c>
    </row>
    <row r="98" spans="1:4" x14ac:dyDescent="0.3">
      <c r="A98" s="6">
        <v>43191</v>
      </c>
      <c r="B98" s="8">
        <v>6.0109969999999999E-2</v>
      </c>
      <c r="C98" s="8">
        <v>0</v>
      </c>
      <c r="D98" s="8">
        <v>0</v>
      </c>
    </row>
    <row r="99" spans="1:4" x14ac:dyDescent="0.3">
      <c r="A99" s="6">
        <v>43192</v>
      </c>
      <c r="B99" s="8">
        <v>6.0109969999999999E-2</v>
      </c>
      <c r="C99" s="8">
        <v>0</v>
      </c>
      <c r="D99" s="8">
        <v>0</v>
      </c>
    </row>
    <row r="100" spans="1:4" x14ac:dyDescent="0.3">
      <c r="A100" s="6">
        <v>43193</v>
      </c>
      <c r="B100" s="8">
        <v>6.0109969999999999E-2</v>
      </c>
      <c r="C100" s="8">
        <v>0</v>
      </c>
      <c r="D100" s="8">
        <v>0</v>
      </c>
    </row>
    <row r="101" spans="1:4" x14ac:dyDescent="0.3">
      <c r="A101" s="6">
        <v>43194</v>
      </c>
      <c r="B101" s="8">
        <v>6.0109969999999999E-2</v>
      </c>
      <c r="C101" s="8">
        <v>0</v>
      </c>
      <c r="D101" s="8">
        <v>0</v>
      </c>
    </row>
    <row r="102" spans="1:4" x14ac:dyDescent="0.3">
      <c r="A102" s="6">
        <v>43195</v>
      </c>
      <c r="B102" s="8">
        <v>6.0109969999999999E-2</v>
      </c>
      <c r="C102" s="8">
        <v>0</v>
      </c>
      <c r="D102" s="8">
        <v>0</v>
      </c>
    </row>
    <row r="103" spans="1:4" x14ac:dyDescent="0.3">
      <c r="A103" s="6">
        <v>43196</v>
      </c>
      <c r="B103" s="8">
        <v>6.0109969999999999E-2</v>
      </c>
      <c r="C103" s="8">
        <v>0</v>
      </c>
      <c r="D103" s="8">
        <v>0</v>
      </c>
    </row>
    <row r="104" spans="1:4" x14ac:dyDescent="0.3">
      <c r="A104" s="6">
        <v>43197</v>
      </c>
      <c r="B104" s="8">
        <v>6.0109969999999999E-2</v>
      </c>
      <c r="C104" s="8">
        <v>0</v>
      </c>
      <c r="D104" s="8">
        <v>0</v>
      </c>
    </row>
    <row r="105" spans="1:4" x14ac:dyDescent="0.3">
      <c r="A105" s="6">
        <v>43198</v>
      </c>
      <c r="B105" s="8">
        <v>6.0109969999999999E-2</v>
      </c>
      <c r="C105" s="8">
        <v>0</v>
      </c>
      <c r="D105" s="8">
        <v>0</v>
      </c>
    </row>
    <row r="106" spans="1:4" x14ac:dyDescent="0.3">
      <c r="A106" s="6">
        <v>43199</v>
      </c>
      <c r="B106" s="8">
        <v>6.0109969999999999E-2</v>
      </c>
      <c r="C106" s="8">
        <v>0</v>
      </c>
      <c r="D106" s="8">
        <v>0</v>
      </c>
    </row>
    <row r="107" spans="1:4" x14ac:dyDescent="0.3">
      <c r="A107" s="6">
        <v>43200</v>
      </c>
      <c r="B107" s="8">
        <v>6.0109969999999999E-2</v>
      </c>
      <c r="C107" s="8">
        <v>0</v>
      </c>
      <c r="D107" s="8">
        <v>0</v>
      </c>
    </row>
    <row r="108" spans="1:4" x14ac:dyDescent="0.3">
      <c r="A108" s="6">
        <v>43201</v>
      </c>
      <c r="B108" s="8">
        <v>6.0109969999999999E-2</v>
      </c>
      <c r="C108" s="8">
        <v>0</v>
      </c>
      <c r="D108" s="8">
        <v>0</v>
      </c>
    </row>
    <row r="109" spans="1:4" x14ac:dyDescent="0.3">
      <c r="A109" s="6">
        <v>43202</v>
      </c>
      <c r="B109" s="8">
        <v>6.0109969999999999E-2</v>
      </c>
      <c r="C109" s="8">
        <v>0</v>
      </c>
      <c r="D109" s="8">
        <v>0</v>
      </c>
    </row>
    <row r="110" spans="1:4" x14ac:dyDescent="0.3">
      <c r="A110" s="6">
        <v>43203</v>
      </c>
      <c r="B110" s="8">
        <v>6.0109969999999999E-2</v>
      </c>
      <c r="C110" s="8">
        <v>0</v>
      </c>
      <c r="D110" s="8">
        <v>0</v>
      </c>
    </row>
    <row r="111" spans="1:4" x14ac:dyDescent="0.3">
      <c r="A111" s="6">
        <v>43204</v>
      </c>
      <c r="B111" s="8">
        <v>6.0109969999999999E-2</v>
      </c>
      <c r="C111" s="8">
        <v>0</v>
      </c>
      <c r="D111" s="8">
        <v>0</v>
      </c>
    </row>
    <row r="112" spans="1:4" x14ac:dyDescent="0.3">
      <c r="A112" s="6">
        <v>43205</v>
      </c>
      <c r="B112" s="8">
        <v>6.0109969999999999E-2</v>
      </c>
      <c r="C112" s="8">
        <v>0</v>
      </c>
      <c r="D112" s="8">
        <v>0</v>
      </c>
    </row>
    <row r="113" spans="1:4" x14ac:dyDescent="0.3">
      <c r="A113" s="6">
        <v>43206</v>
      </c>
      <c r="B113" s="8">
        <v>6.0109969999999999E-2</v>
      </c>
      <c r="C113" s="8">
        <v>0</v>
      </c>
      <c r="D113" s="8">
        <v>0</v>
      </c>
    </row>
    <row r="114" spans="1:4" x14ac:dyDescent="0.3">
      <c r="A114" s="6">
        <v>43207</v>
      </c>
      <c r="B114" s="8">
        <v>6.0109969999999999E-2</v>
      </c>
      <c r="C114" s="8">
        <v>0</v>
      </c>
      <c r="D114" s="8">
        <v>0</v>
      </c>
    </row>
    <row r="115" spans="1:4" x14ac:dyDescent="0.3">
      <c r="A115" s="6">
        <v>43208</v>
      </c>
      <c r="B115" s="8">
        <v>6.0109969999999999E-2</v>
      </c>
      <c r="C115" s="8">
        <v>0</v>
      </c>
      <c r="D115" s="8">
        <v>0</v>
      </c>
    </row>
    <row r="116" spans="1:4" x14ac:dyDescent="0.3">
      <c r="A116" s="6">
        <v>43209</v>
      </c>
      <c r="B116" s="8">
        <v>6.0109969999999999E-2</v>
      </c>
      <c r="C116" s="8">
        <v>0</v>
      </c>
      <c r="D116" s="8">
        <v>0</v>
      </c>
    </row>
    <row r="117" spans="1:4" x14ac:dyDescent="0.3">
      <c r="A117" s="6">
        <v>43210</v>
      </c>
      <c r="B117" s="8">
        <v>6.0109969999999999E-2</v>
      </c>
      <c r="C117" s="8">
        <v>0</v>
      </c>
      <c r="D117" s="8">
        <v>0</v>
      </c>
    </row>
    <row r="118" spans="1:4" x14ac:dyDescent="0.3">
      <c r="A118" s="6">
        <v>43211</v>
      </c>
      <c r="B118" s="8">
        <v>6.0109969999999999E-2</v>
      </c>
      <c r="C118" s="8">
        <v>0</v>
      </c>
      <c r="D118" s="8">
        <v>0</v>
      </c>
    </row>
    <row r="119" spans="1:4" x14ac:dyDescent="0.3">
      <c r="A119" s="6">
        <v>43212</v>
      </c>
      <c r="B119" s="8">
        <v>6.0109969999999999E-2</v>
      </c>
      <c r="C119" s="8">
        <v>0</v>
      </c>
      <c r="D119" s="8">
        <v>0</v>
      </c>
    </row>
    <row r="120" spans="1:4" x14ac:dyDescent="0.3">
      <c r="A120" s="6">
        <v>43213</v>
      </c>
      <c r="B120" s="8">
        <v>6.0109969999999999E-2</v>
      </c>
      <c r="C120" s="8">
        <v>0</v>
      </c>
      <c r="D120" s="8">
        <v>0</v>
      </c>
    </row>
    <row r="121" spans="1:4" x14ac:dyDescent="0.3">
      <c r="A121" s="6">
        <v>43214</v>
      </c>
      <c r="B121" s="8">
        <v>6.0109969999999999E-2</v>
      </c>
      <c r="C121" s="8">
        <v>0</v>
      </c>
      <c r="D121" s="8">
        <v>0</v>
      </c>
    </row>
    <row r="122" spans="1:4" x14ac:dyDescent="0.3">
      <c r="A122" s="6">
        <v>43215</v>
      </c>
      <c r="B122" s="8">
        <v>6.0109969999999999E-2</v>
      </c>
      <c r="C122" s="8">
        <v>0</v>
      </c>
      <c r="D122" s="8">
        <v>0</v>
      </c>
    </row>
    <row r="123" spans="1:4" x14ac:dyDescent="0.3">
      <c r="A123" s="6">
        <v>43216</v>
      </c>
      <c r="B123" s="8">
        <v>6.0109969999999999E-2</v>
      </c>
      <c r="C123" s="8">
        <v>0</v>
      </c>
      <c r="D123" s="8">
        <v>0</v>
      </c>
    </row>
    <row r="124" spans="1:4" x14ac:dyDescent="0.3">
      <c r="A124" s="6">
        <v>43217</v>
      </c>
      <c r="B124" s="8">
        <v>6.0109969999999999E-2</v>
      </c>
      <c r="C124" s="8">
        <v>0</v>
      </c>
      <c r="D124" s="8">
        <v>0</v>
      </c>
    </row>
    <row r="125" spans="1:4" x14ac:dyDescent="0.3">
      <c r="A125" s="6">
        <v>43218</v>
      </c>
      <c r="B125" s="8">
        <v>6.0109969999999999E-2</v>
      </c>
      <c r="C125" s="8">
        <v>0</v>
      </c>
      <c r="D125" s="8">
        <v>0</v>
      </c>
    </row>
    <row r="126" spans="1:4" x14ac:dyDescent="0.3">
      <c r="A126" s="6">
        <v>43219</v>
      </c>
      <c r="B126" s="8">
        <v>6.0109969999999999E-2</v>
      </c>
      <c r="C126" s="8">
        <v>0</v>
      </c>
      <c r="D126" s="8">
        <v>0</v>
      </c>
    </row>
    <row r="127" spans="1:4" x14ac:dyDescent="0.3">
      <c r="A127" s="6">
        <v>43220</v>
      </c>
      <c r="B127" s="8">
        <v>6.0109969999999999E-2</v>
      </c>
      <c r="C127" s="8">
        <v>0</v>
      </c>
      <c r="D127" s="8">
        <v>0</v>
      </c>
    </row>
    <row r="128" spans="1:4" x14ac:dyDescent="0.3">
      <c r="A128" s="6">
        <v>43221</v>
      </c>
      <c r="B128" s="8">
        <v>6.0109969999999999E-2</v>
      </c>
      <c r="C128" s="8">
        <v>0</v>
      </c>
      <c r="D128" s="8">
        <v>0</v>
      </c>
    </row>
    <row r="129" spans="1:4" x14ac:dyDescent="0.3">
      <c r="A129" s="6">
        <v>43222</v>
      </c>
      <c r="B129" s="8">
        <v>6.0109969999999999E-2</v>
      </c>
      <c r="C129" s="8">
        <v>0</v>
      </c>
      <c r="D129" s="8">
        <v>0</v>
      </c>
    </row>
    <row r="130" spans="1:4" x14ac:dyDescent="0.3">
      <c r="A130" s="6">
        <v>43223</v>
      </c>
      <c r="B130" s="8">
        <v>6.0109969999999999E-2</v>
      </c>
      <c r="C130" s="8">
        <v>0</v>
      </c>
      <c r="D130" s="8">
        <v>0</v>
      </c>
    </row>
    <row r="131" spans="1:4" x14ac:dyDescent="0.3">
      <c r="A131" s="6">
        <v>43224</v>
      </c>
      <c r="B131" s="8">
        <v>6.0109969999999999E-2</v>
      </c>
      <c r="C131" s="8">
        <v>0</v>
      </c>
      <c r="D131" s="8">
        <v>0</v>
      </c>
    </row>
    <row r="132" spans="1:4" x14ac:dyDescent="0.3">
      <c r="A132" s="6">
        <v>43225</v>
      </c>
      <c r="B132" s="8">
        <v>6.0109969999999999E-2</v>
      </c>
      <c r="C132" s="8">
        <v>0</v>
      </c>
      <c r="D132" s="8">
        <v>0</v>
      </c>
    </row>
    <row r="133" spans="1:4" x14ac:dyDescent="0.3">
      <c r="A133" s="6">
        <v>43226</v>
      </c>
      <c r="B133" s="8">
        <v>6.0109969999999999E-2</v>
      </c>
      <c r="C133" s="8">
        <v>0</v>
      </c>
      <c r="D133" s="8">
        <v>0</v>
      </c>
    </row>
    <row r="134" spans="1:4" x14ac:dyDescent="0.3">
      <c r="A134" s="6">
        <v>43227</v>
      </c>
      <c r="B134" s="8">
        <v>6.0109969999999999E-2</v>
      </c>
      <c r="C134" s="8">
        <v>0</v>
      </c>
      <c r="D134" s="8">
        <v>0</v>
      </c>
    </row>
    <row r="135" spans="1:4" x14ac:dyDescent="0.3">
      <c r="A135" s="6">
        <v>43228</v>
      </c>
      <c r="B135" s="8">
        <v>6.0109969999999999E-2</v>
      </c>
      <c r="C135" s="8">
        <v>0</v>
      </c>
      <c r="D135" s="8">
        <v>0</v>
      </c>
    </row>
    <row r="136" spans="1:4" x14ac:dyDescent="0.3">
      <c r="A136" s="6">
        <v>43229</v>
      </c>
      <c r="B136" s="8">
        <v>6.0109969999999999E-2</v>
      </c>
      <c r="C136" s="8">
        <v>0</v>
      </c>
      <c r="D136" s="8">
        <v>0</v>
      </c>
    </row>
    <row r="137" spans="1:4" x14ac:dyDescent="0.3">
      <c r="A137" s="6">
        <v>43230</v>
      </c>
      <c r="B137" s="8">
        <v>6.0109969999999999E-2</v>
      </c>
      <c r="C137" s="8">
        <v>0</v>
      </c>
      <c r="D137" s="8">
        <v>0</v>
      </c>
    </row>
    <row r="138" spans="1:4" x14ac:dyDescent="0.3">
      <c r="A138" s="6">
        <v>43231</v>
      </c>
      <c r="B138" s="8">
        <v>6.0109969999999999E-2</v>
      </c>
      <c r="C138" s="8">
        <v>0</v>
      </c>
      <c r="D138" s="8">
        <v>0</v>
      </c>
    </row>
    <row r="139" spans="1:4" x14ac:dyDescent="0.3">
      <c r="A139" s="6">
        <v>43232</v>
      </c>
      <c r="B139" s="8">
        <v>6.0109969999999999E-2</v>
      </c>
      <c r="C139" s="8">
        <v>0</v>
      </c>
      <c r="D139" s="8">
        <v>0</v>
      </c>
    </row>
    <row r="140" spans="1:4" x14ac:dyDescent="0.3">
      <c r="A140" s="6">
        <v>43233</v>
      </c>
      <c r="B140" s="8">
        <v>6.0109969999999999E-2</v>
      </c>
      <c r="C140" s="8">
        <v>0</v>
      </c>
      <c r="D140" s="8">
        <v>0</v>
      </c>
    </row>
    <row r="141" spans="1:4" x14ac:dyDescent="0.3">
      <c r="A141" s="6">
        <v>43234</v>
      </c>
      <c r="B141" s="8">
        <v>6.0109969999999999E-2</v>
      </c>
      <c r="C141" s="8">
        <v>0</v>
      </c>
      <c r="D141" s="8">
        <v>0</v>
      </c>
    </row>
    <row r="142" spans="1:4" x14ac:dyDescent="0.3">
      <c r="A142" s="6">
        <v>43235</v>
      </c>
      <c r="B142" s="8">
        <v>6.0109969999999999E-2</v>
      </c>
      <c r="C142" s="8">
        <v>0</v>
      </c>
      <c r="D142" s="8">
        <v>0</v>
      </c>
    </row>
    <row r="143" spans="1:4" x14ac:dyDescent="0.3">
      <c r="A143" s="6">
        <v>43236</v>
      </c>
      <c r="B143" s="8">
        <v>6.0109969999999999E-2</v>
      </c>
      <c r="C143" s="8">
        <v>0</v>
      </c>
      <c r="D143" s="8">
        <v>0</v>
      </c>
    </row>
    <row r="144" spans="1:4" x14ac:dyDescent="0.3">
      <c r="A144" s="6">
        <v>43237</v>
      </c>
      <c r="B144" s="8">
        <v>6.0109969999999999E-2</v>
      </c>
      <c r="C144" s="8">
        <v>0</v>
      </c>
      <c r="D144" s="8">
        <v>0</v>
      </c>
    </row>
    <row r="145" spans="1:4" x14ac:dyDescent="0.3">
      <c r="A145" s="6">
        <v>43238</v>
      </c>
      <c r="B145" s="8">
        <v>6.0109969999999999E-2</v>
      </c>
      <c r="C145" s="8">
        <v>0</v>
      </c>
      <c r="D145" s="8">
        <v>0</v>
      </c>
    </row>
    <row r="146" spans="1:4" x14ac:dyDescent="0.3">
      <c r="A146" s="6">
        <v>43239</v>
      </c>
      <c r="B146" s="8">
        <v>6.0109969999999999E-2</v>
      </c>
      <c r="C146" s="8">
        <v>0</v>
      </c>
      <c r="D146" s="8">
        <v>0</v>
      </c>
    </row>
    <row r="147" spans="1:4" x14ac:dyDescent="0.3">
      <c r="A147" s="6">
        <v>43240</v>
      </c>
      <c r="B147" s="8">
        <v>6.0109969999999999E-2</v>
      </c>
      <c r="C147" s="8">
        <v>0</v>
      </c>
      <c r="D147" s="8">
        <v>0</v>
      </c>
    </row>
    <row r="148" spans="1:4" x14ac:dyDescent="0.3">
      <c r="A148" s="6">
        <v>43241</v>
      </c>
      <c r="B148" s="8">
        <v>6.0109969999999999E-2</v>
      </c>
      <c r="C148" s="8">
        <v>0</v>
      </c>
      <c r="D148" s="8">
        <v>0</v>
      </c>
    </row>
    <row r="149" spans="1:4" x14ac:dyDescent="0.3">
      <c r="A149" s="6">
        <v>43242</v>
      </c>
      <c r="B149" s="8">
        <v>6.0109969999999999E-2</v>
      </c>
      <c r="C149" s="8">
        <v>0</v>
      </c>
      <c r="D149" s="8">
        <v>0</v>
      </c>
    </row>
    <row r="150" spans="1:4" x14ac:dyDescent="0.3">
      <c r="A150" s="6">
        <v>43243</v>
      </c>
      <c r="B150" s="8">
        <v>6.0109969999999999E-2</v>
      </c>
      <c r="C150" s="8">
        <v>0</v>
      </c>
      <c r="D150" s="8">
        <v>0</v>
      </c>
    </row>
    <row r="151" spans="1:4" x14ac:dyDescent="0.3">
      <c r="A151" s="6">
        <v>43244</v>
      </c>
      <c r="B151" s="8">
        <v>6.0109969999999999E-2</v>
      </c>
      <c r="C151" s="8">
        <v>0</v>
      </c>
      <c r="D151" s="8">
        <v>0</v>
      </c>
    </row>
    <row r="152" spans="1:4" x14ac:dyDescent="0.3">
      <c r="A152" s="6">
        <v>43245</v>
      </c>
      <c r="B152" s="8">
        <v>6.0109969999999999E-2</v>
      </c>
      <c r="C152" s="8">
        <v>0</v>
      </c>
      <c r="D152" s="8">
        <v>0</v>
      </c>
    </row>
    <row r="153" spans="1:4" x14ac:dyDescent="0.3">
      <c r="A153" s="6">
        <v>43246</v>
      </c>
      <c r="B153" s="8">
        <v>6.0109969999999999E-2</v>
      </c>
      <c r="C153" s="8">
        <v>0</v>
      </c>
      <c r="D153" s="8">
        <v>0</v>
      </c>
    </row>
    <row r="154" spans="1:4" x14ac:dyDescent="0.3">
      <c r="A154" s="6">
        <v>43247</v>
      </c>
      <c r="B154" s="8">
        <v>6.0109969999999999E-2</v>
      </c>
      <c r="C154" s="8">
        <v>0</v>
      </c>
      <c r="D154" s="8">
        <v>0</v>
      </c>
    </row>
    <row r="155" spans="1:4" x14ac:dyDescent="0.3">
      <c r="A155" s="6">
        <v>43248</v>
      </c>
      <c r="B155" s="8">
        <v>6.0109969999999999E-2</v>
      </c>
      <c r="C155" s="8">
        <v>0</v>
      </c>
      <c r="D155" s="8">
        <v>0</v>
      </c>
    </row>
    <row r="156" spans="1:4" x14ac:dyDescent="0.3">
      <c r="A156" s="6">
        <v>43249</v>
      </c>
      <c r="B156" s="8">
        <v>6.0109969999999999E-2</v>
      </c>
      <c r="C156" s="8">
        <v>0</v>
      </c>
      <c r="D156" s="8">
        <v>0</v>
      </c>
    </row>
    <row r="157" spans="1:4" x14ac:dyDescent="0.3">
      <c r="A157" s="6">
        <v>43250</v>
      </c>
      <c r="B157" s="8">
        <v>6.0109969999999999E-2</v>
      </c>
      <c r="C157" s="8">
        <v>0</v>
      </c>
      <c r="D157" s="8">
        <v>0</v>
      </c>
    </row>
    <row r="158" spans="1:4" x14ac:dyDescent="0.3">
      <c r="A158" s="6">
        <v>43251</v>
      </c>
      <c r="B158" s="8">
        <v>6.0109969999999999E-2</v>
      </c>
      <c r="C158" s="8">
        <v>0</v>
      </c>
      <c r="D158" s="8">
        <v>0</v>
      </c>
    </row>
    <row r="159" spans="1:4" x14ac:dyDescent="0.3">
      <c r="A159" s="6">
        <v>43252</v>
      </c>
      <c r="B159" s="8">
        <v>6.0109969999999999E-2</v>
      </c>
      <c r="C159" s="8">
        <v>0</v>
      </c>
      <c r="D159" s="8">
        <v>0</v>
      </c>
    </row>
    <row r="160" spans="1:4" x14ac:dyDescent="0.3">
      <c r="A160" s="6">
        <v>43253</v>
      </c>
      <c r="B160" s="8">
        <v>6.0109969999999999E-2</v>
      </c>
      <c r="C160" s="8">
        <v>0</v>
      </c>
      <c r="D160" s="8">
        <v>0</v>
      </c>
    </row>
    <row r="161" spans="1:4" x14ac:dyDescent="0.3">
      <c r="A161" s="6">
        <v>43254</v>
      </c>
      <c r="B161" s="8">
        <v>6.0109969999999999E-2</v>
      </c>
      <c r="C161" s="8">
        <v>0</v>
      </c>
      <c r="D161" s="8">
        <v>0</v>
      </c>
    </row>
    <row r="162" spans="1:4" x14ac:dyDescent="0.3">
      <c r="A162" s="6">
        <v>43255</v>
      </c>
      <c r="B162" s="8">
        <v>6.0109969999999999E-2</v>
      </c>
      <c r="C162" s="8">
        <v>0</v>
      </c>
      <c r="D162" s="8">
        <v>0</v>
      </c>
    </row>
    <row r="163" spans="1:4" x14ac:dyDescent="0.3">
      <c r="A163" s="6">
        <v>43256</v>
      </c>
      <c r="B163" s="8">
        <v>6.0109969999999999E-2</v>
      </c>
      <c r="C163" s="8">
        <v>0</v>
      </c>
      <c r="D163" s="8">
        <v>0</v>
      </c>
    </row>
    <row r="164" spans="1:4" x14ac:dyDescent="0.3">
      <c r="A164" s="6">
        <v>43257</v>
      </c>
      <c r="B164" s="8">
        <v>6.0109969999999999E-2</v>
      </c>
      <c r="C164" s="8">
        <v>0</v>
      </c>
      <c r="D164" s="8">
        <v>0</v>
      </c>
    </row>
    <row r="165" spans="1:4" x14ac:dyDescent="0.3">
      <c r="A165" s="6">
        <v>43258</v>
      </c>
      <c r="B165" s="8">
        <v>6.0109969999999999E-2</v>
      </c>
      <c r="C165" s="8">
        <v>0</v>
      </c>
      <c r="D165" s="8">
        <v>0</v>
      </c>
    </row>
    <row r="166" spans="1:4" x14ac:dyDescent="0.3">
      <c r="A166" s="6">
        <v>43259</v>
      </c>
      <c r="B166" s="8">
        <v>6.0109969999999999E-2</v>
      </c>
      <c r="C166" s="8">
        <v>0</v>
      </c>
      <c r="D166" s="8">
        <v>0</v>
      </c>
    </row>
    <row r="167" spans="1:4" x14ac:dyDescent="0.3">
      <c r="A167" s="6">
        <v>43260</v>
      </c>
      <c r="B167" s="8">
        <v>6.0109969999999999E-2</v>
      </c>
      <c r="C167" s="8">
        <v>0</v>
      </c>
      <c r="D167" s="8">
        <v>0</v>
      </c>
    </row>
    <row r="168" spans="1:4" x14ac:dyDescent="0.3">
      <c r="A168" s="6">
        <v>43261</v>
      </c>
      <c r="B168" s="8">
        <v>6.0109502000000002E-2</v>
      </c>
      <c r="C168" s="8">
        <v>0</v>
      </c>
      <c r="D168" s="8">
        <v>0</v>
      </c>
    </row>
    <row r="169" spans="1:4" x14ac:dyDescent="0.3">
      <c r="A169" s="6">
        <v>43262</v>
      </c>
      <c r="B169" s="8">
        <v>6.0109502000000002E-2</v>
      </c>
      <c r="C169" s="8">
        <v>0</v>
      </c>
      <c r="D169" s="8">
        <v>0</v>
      </c>
    </row>
    <row r="170" spans="1:4" x14ac:dyDescent="0.3">
      <c r="A170" s="6">
        <v>43263</v>
      </c>
      <c r="B170" s="8">
        <v>6.0109502000000002E-2</v>
      </c>
      <c r="C170" s="8">
        <v>0</v>
      </c>
      <c r="D170" s="8">
        <v>0</v>
      </c>
    </row>
    <row r="171" spans="1:4" x14ac:dyDescent="0.3">
      <c r="A171" s="6">
        <v>43264</v>
      </c>
      <c r="B171" s="8">
        <v>6.0109502000000002E-2</v>
      </c>
      <c r="C171" s="8">
        <v>0</v>
      </c>
      <c r="D171" s="8">
        <v>0</v>
      </c>
    </row>
    <row r="172" spans="1:4" x14ac:dyDescent="0.3">
      <c r="A172" s="6">
        <v>43265</v>
      </c>
      <c r="B172" s="8">
        <v>6.0109502000000002E-2</v>
      </c>
      <c r="C172" s="8">
        <v>0</v>
      </c>
      <c r="D172" s="8">
        <v>0</v>
      </c>
    </row>
    <row r="173" spans="1:4" x14ac:dyDescent="0.3">
      <c r="A173" s="6">
        <v>43266</v>
      </c>
      <c r="B173" s="8">
        <v>6.0109502000000002E-2</v>
      </c>
      <c r="C173" s="8">
        <v>0</v>
      </c>
      <c r="D173" s="8">
        <v>0</v>
      </c>
    </row>
    <row r="174" spans="1:4" x14ac:dyDescent="0.3">
      <c r="A174" s="6">
        <v>43267</v>
      </c>
      <c r="B174" s="8">
        <v>6.0109502000000002E-2</v>
      </c>
      <c r="C174" s="8">
        <v>0</v>
      </c>
      <c r="D174" s="8">
        <v>0</v>
      </c>
    </row>
    <row r="175" spans="1:4" x14ac:dyDescent="0.3">
      <c r="A175" s="6">
        <v>43268</v>
      </c>
      <c r="B175" s="8">
        <v>6.0109502000000002E-2</v>
      </c>
      <c r="C175" s="8">
        <v>0</v>
      </c>
      <c r="D175" s="8">
        <v>0</v>
      </c>
    </row>
    <row r="176" spans="1:4" x14ac:dyDescent="0.3">
      <c r="A176" s="6">
        <v>43269</v>
      </c>
      <c r="B176" s="8">
        <v>6.0109502000000002E-2</v>
      </c>
      <c r="C176" s="8">
        <v>0</v>
      </c>
      <c r="D176" s="8">
        <v>0</v>
      </c>
    </row>
    <row r="177" spans="1:4" x14ac:dyDescent="0.3">
      <c r="A177" s="6">
        <v>43270</v>
      </c>
      <c r="B177" s="8">
        <v>6.0109502000000002E-2</v>
      </c>
      <c r="C177" s="8">
        <v>0</v>
      </c>
      <c r="D177" s="8">
        <v>0</v>
      </c>
    </row>
    <row r="178" spans="1:4" x14ac:dyDescent="0.3">
      <c r="A178" s="6">
        <v>43271</v>
      </c>
      <c r="B178" s="8">
        <v>6.0109502000000002E-2</v>
      </c>
      <c r="C178" s="8">
        <v>0</v>
      </c>
      <c r="D178" s="8">
        <v>0</v>
      </c>
    </row>
    <row r="179" spans="1:4" x14ac:dyDescent="0.3">
      <c r="A179" s="6">
        <v>43272</v>
      </c>
      <c r="B179" s="8">
        <v>6.0109502000000002E-2</v>
      </c>
      <c r="C179" s="8">
        <v>0</v>
      </c>
      <c r="D179" s="8">
        <v>0</v>
      </c>
    </row>
    <row r="180" spans="1:4" x14ac:dyDescent="0.3">
      <c r="A180" s="6">
        <v>43273</v>
      </c>
      <c r="B180" s="8">
        <v>6.0109502000000002E-2</v>
      </c>
      <c r="C180" s="8">
        <v>0</v>
      </c>
      <c r="D180" s="8">
        <v>0</v>
      </c>
    </row>
    <row r="181" spans="1:4" x14ac:dyDescent="0.3">
      <c r="A181" s="6">
        <v>43274</v>
      </c>
      <c r="B181" s="8">
        <v>6.0109502000000002E-2</v>
      </c>
      <c r="C181" s="8">
        <v>0</v>
      </c>
      <c r="D181" s="8">
        <v>0</v>
      </c>
    </row>
    <row r="182" spans="1:4" x14ac:dyDescent="0.3">
      <c r="A182" s="6">
        <v>43275</v>
      </c>
      <c r="B182" s="8">
        <v>6.0109502000000002E-2</v>
      </c>
      <c r="C182" s="8">
        <v>0</v>
      </c>
      <c r="D182" s="8">
        <v>0</v>
      </c>
    </row>
    <row r="183" spans="1:4" x14ac:dyDescent="0.3">
      <c r="A183" s="6">
        <v>43276</v>
      </c>
      <c r="B183" s="8">
        <v>6.0109502000000002E-2</v>
      </c>
      <c r="C183" s="8">
        <v>0</v>
      </c>
      <c r="D183" s="8">
        <v>0</v>
      </c>
    </row>
    <row r="184" spans="1:4" x14ac:dyDescent="0.3">
      <c r="A184" s="6">
        <v>43277</v>
      </c>
      <c r="B184" s="8">
        <v>6.0109502000000002E-2</v>
      </c>
      <c r="C184" s="8">
        <v>0</v>
      </c>
      <c r="D184" s="8">
        <v>0</v>
      </c>
    </row>
    <row r="185" spans="1:4" x14ac:dyDescent="0.3">
      <c r="A185" s="6">
        <v>43278</v>
      </c>
      <c r="B185" s="8">
        <v>6.0109502000000002E-2</v>
      </c>
      <c r="C185" s="8">
        <v>0</v>
      </c>
      <c r="D185" s="8">
        <v>0</v>
      </c>
    </row>
    <row r="186" spans="1:4" x14ac:dyDescent="0.3">
      <c r="A186" s="6">
        <v>43279</v>
      </c>
      <c r="B186" s="8">
        <v>6.0109502000000002E-2</v>
      </c>
      <c r="C186" s="8">
        <v>0</v>
      </c>
      <c r="D186" s="8">
        <v>0</v>
      </c>
    </row>
    <row r="187" spans="1:4" x14ac:dyDescent="0.3">
      <c r="A187" s="6">
        <v>43280</v>
      </c>
      <c r="B187" s="8">
        <v>6.0109502000000002E-2</v>
      </c>
      <c r="C187" s="8">
        <v>0</v>
      </c>
      <c r="D187" s="8">
        <v>0</v>
      </c>
    </row>
    <row r="188" spans="1:4" x14ac:dyDescent="0.3">
      <c r="A188" s="6">
        <v>43281</v>
      </c>
      <c r="B188" s="8">
        <v>6.0109502000000002E-2</v>
      </c>
      <c r="C188" s="8">
        <v>0</v>
      </c>
      <c r="D188" s="8">
        <v>0</v>
      </c>
    </row>
    <row r="189" spans="1:4" x14ac:dyDescent="0.3">
      <c r="A189" s="6">
        <v>43282</v>
      </c>
      <c r="B189" s="8">
        <v>6.0109502000000002E-2</v>
      </c>
      <c r="C189" s="8">
        <v>0</v>
      </c>
      <c r="D189" s="8">
        <v>0</v>
      </c>
    </row>
    <row r="190" spans="1:4" x14ac:dyDescent="0.3">
      <c r="A190" s="6">
        <v>43283</v>
      </c>
      <c r="B190" s="8">
        <v>6.0109502000000002E-2</v>
      </c>
      <c r="C190" s="8">
        <v>0</v>
      </c>
      <c r="D190" s="8">
        <v>0</v>
      </c>
    </row>
    <row r="191" spans="1:4" x14ac:dyDescent="0.3">
      <c r="A191" s="6">
        <v>43284</v>
      </c>
      <c r="B191" s="8">
        <v>6.0109502000000002E-2</v>
      </c>
      <c r="C191" s="8">
        <v>0</v>
      </c>
      <c r="D191" s="8">
        <v>0</v>
      </c>
    </row>
    <row r="192" spans="1:4" x14ac:dyDescent="0.3">
      <c r="A192" s="6">
        <v>43285</v>
      </c>
      <c r="B192" s="8">
        <v>6.0109502000000002E-2</v>
      </c>
      <c r="C192" s="8">
        <v>0</v>
      </c>
      <c r="D192" s="8">
        <v>0</v>
      </c>
    </row>
    <row r="193" spans="1:4" x14ac:dyDescent="0.3">
      <c r="A193" s="6">
        <v>43286</v>
      </c>
      <c r="B193" s="8">
        <v>6.0109502000000002E-2</v>
      </c>
      <c r="C193" s="8">
        <v>0</v>
      </c>
      <c r="D193" s="8">
        <v>0</v>
      </c>
    </row>
    <row r="194" spans="1:4" x14ac:dyDescent="0.3">
      <c r="A194" s="6">
        <v>43287</v>
      </c>
      <c r="B194" s="8">
        <v>6.0109502000000002E-2</v>
      </c>
      <c r="C194" s="8">
        <v>0</v>
      </c>
      <c r="D194" s="8">
        <v>0</v>
      </c>
    </row>
    <row r="195" spans="1:4" x14ac:dyDescent="0.3">
      <c r="A195" s="6">
        <v>43288</v>
      </c>
      <c r="B195" s="8">
        <v>6.0109502000000002E-2</v>
      </c>
      <c r="C195" s="8">
        <v>0</v>
      </c>
      <c r="D195" s="8">
        <v>0</v>
      </c>
    </row>
    <row r="196" spans="1:4" x14ac:dyDescent="0.3">
      <c r="A196" s="6">
        <v>43289</v>
      </c>
      <c r="B196" s="8">
        <v>6.0109502000000002E-2</v>
      </c>
      <c r="C196" s="8">
        <v>0</v>
      </c>
      <c r="D196" s="8">
        <v>0</v>
      </c>
    </row>
    <row r="197" spans="1:4" x14ac:dyDescent="0.3">
      <c r="A197" s="6">
        <v>43290</v>
      </c>
      <c r="B197" s="8">
        <v>6.0109502000000002E-2</v>
      </c>
      <c r="C197" s="8">
        <v>0</v>
      </c>
      <c r="D197" s="8">
        <v>0</v>
      </c>
    </row>
    <row r="198" spans="1:4" x14ac:dyDescent="0.3">
      <c r="A198" s="6">
        <v>43291</v>
      </c>
      <c r="B198" s="8">
        <v>6.0109502000000002E-2</v>
      </c>
      <c r="C198" s="8">
        <v>0</v>
      </c>
      <c r="D198" s="8">
        <v>0</v>
      </c>
    </row>
    <row r="199" spans="1:4" x14ac:dyDescent="0.3">
      <c r="A199" s="6">
        <v>43292</v>
      </c>
      <c r="B199" s="8">
        <v>6.0109502000000002E-2</v>
      </c>
      <c r="C199" s="8">
        <v>0</v>
      </c>
      <c r="D199" s="8">
        <v>0</v>
      </c>
    </row>
    <row r="200" spans="1:4" x14ac:dyDescent="0.3">
      <c r="A200" s="6">
        <v>43293</v>
      </c>
      <c r="B200" s="8">
        <v>6.0109502000000002E-2</v>
      </c>
      <c r="C200" s="8">
        <v>0</v>
      </c>
      <c r="D200" s="8">
        <v>0</v>
      </c>
    </row>
    <row r="201" spans="1:4" x14ac:dyDescent="0.3">
      <c r="A201" s="6">
        <v>43294</v>
      </c>
      <c r="B201" s="8">
        <v>6.0109502000000002E-2</v>
      </c>
      <c r="C201" s="8">
        <v>0</v>
      </c>
      <c r="D201" s="8">
        <v>0</v>
      </c>
    </row>
    <row r="202" spans="1:4" x14ac:dyDescent="0.3">
      <c r="A202" s="6">
        <v>43295</v>
      </c>
      <c r="B202" s="8">
        <v>6.0109502000000002E-2</v>
      </c>
      <c r="C202" s="8">
        <v>0</v>
      </c>
      <c r="D202" s="8">
        <v>0</v>
      </c>
    </row>
    <row r="203" spans="1:4" x14ac:dyDescent="0.3">
      <c r="A203" s="6">
        <v>43296</v>
      </c>
      <c r="B203" s="8">
        <v>6.0109502000000002E-2</v>
      </c>
      <c r="C203" s="8">
        <v>0</v>
      </c>
      <c r="D203" s="8">
        <v>0</v>
      </c>
    </row>
    <row r="204" spans="1:4" x14ac:dyDescent="0.3">
      <c r="A204" s="6">
        <v>43297</v>
      </c>
      <c r="B204" s="8">
        <v>6.0109502000000002E-2</v>
      </c>
      <c r="C204" s="8">
        <v>0</v>
      </c>
      <c r="D204" s="8">
        <v>0</v>
      </c>
    </row>
    <row r="205" spans="1:4" x14ac:dyDescent="0.3">
      <c r="A205" s="6">
        <v>43298</v>
      </c>
      <c r="B205" s="8">
        <v>6.0109502000000002E-2</v>
      </c>
      <c r="C205" s="8">
        <v>0</v>
      </c>
      <c r="D205" s="8">
        <v>0</v>
      </c>
    </row>
    <row r="206" spans="1:4" x14ac:dyDescent="0.3">
      <c r="A206" s="6">
        <v>43299</v>
      </c>
      <c r="B206" s="8">
        <v>6.0109502000000002E-2</v>
      </c>
      <c r="C206" s="8">
        <v>0</v>
      </c>
      <c r="D206" s="8">
        <v>0</v>
      </c>
    </row>
    <row r="207" spans="1:4" x14ac:dyDescent="0.3">
      <c r="A207" s="6">
        <v>43300</v>
      </c>
      <c r="B207" s="8">
        <v>6.0109502000000002E-2</v>
      </c>
      <c r="C207" s="8">
        <v>0</v>
      </c>
      <c r="D207" s="8">
        <v>0</v>
      </c>
    </row>
    <row r="208" spans="1:4" x14ac:dyDescent="0.3">
      <c r="A208" s="6">
        <v>43301</v>
      </c>
      <c r="B208" s="8">
        <v>6.0109502000000002E-2</v>
      </c>
      <c r="C208" s="8">
        <v>0</v>
      </c>
      <c r="D208" s="8">
        <v>0</v>
      </c>
    </row>
    <row r="209" spans="1:4" x14ac:dyDescent="0.3">
      <c r="A209" s="6">
        <v>43302</v>
      </c>
      <c r="B209" s="8">
        <v>6.0109502000000002E-2</v>
      </c>
      <c r="C209" s="8">
        <v>0</v>
      </c>
      <c r="D209" s="8">
        <v>0</v>
      </c>
    </row>
    <row r="210" spans="1:4" x14ac:dyDescent="0.3">
      <c r="A210" s="6">
        <v>43303</v>
      </c>
      <c r="B210" s="8">
        <v>6.0109502000000002E-2</v>
      </c>
      <c r="C210" s="8">
        <v>0</v>
      </c>
      <c r="D210" s="8">
        <v>0</v>
      </c>
    </row>
    <row r="211" spans="1:4" x14ac:dyDescent="0.3">
      <c r="A211" s="6">
        <v>43304</v>
      </c>
      <c r="B211" s="8">
        <v>6.0109502000000002E-2</v>
      </c>
      <c r="C211" s="8">
        <v>0</v>
      </c>
      <c r="D211" s="8">
        <v>0</v>
      </c>
    </row>
    <row r="212" spans="1:4" x14ac:dyDescent="0.3">
      <c r="A212" s="6">
        <v>43305</v>
      </c>
      <c r="B212" s="8">
        <v>6.0109502000000002E-2</v>
      </c>
      <c r="C212" s="8">
        <v>0</v>
      </c>
      <c r="D212" s="8">
        <v>0</v>
      </c>
    </row>
    <row r="213" spans="1:4" x14ac:dyDescent="0.3">
      <c r="A213" s="6">
        <v>43306</v>
      </c>
      <c r="B213" s="8">
        <v>6.0109502000000002E-2</v>
      </c>
      <c r="C213" s="8">
        <v>0</v>
      </c>
      <c r="D213" s="8">
        <v>0</v>
      </c>
    </row>
    <row r="214" spans="1:4" x14ac:dyDescent="0.3">
      <c r="A214" s="6">
        <v>43307</v>
      </c>
      <c r="B214" s="8">
        <v>6.0109502000000002E-2</v>
      </c>
      <c r="C214" s="8">
        <v>0</v>
      </c>
      <c r="D214" s="8">
        <v>0</v>
      </c>
    </row>
    <row r="215" spans="1:4" x14ac:dyDescent="0.3">
      <c r="A215" s="6">
        <v>43308</v>
      </c>
      <c r="B215" s="8">
        <v>6.0109502000000002E-2</v>
      </c>
      <c r="C215" s="8">
        <v>0</v>
      </c>
      <c r="D215" s="8">
        <v>0</v>
      </c>
    </row>
    <row r="216" spans="1:4" x14ac:dyDescent="0.3">
      <c r="A216" s="6">
        <v>43309</v>
      </c>
      <c r="B216" s="8">
        <v>6.0109502000000002E-2</v>
      </c>
      <c r="C216" s="8">
        <v>0</v>
      </c>
      <c r="D216" s="8">
        <v>0</v>
      </c>
    </row>
    <row r="217" spans="1:4" x14ac:dyDescent="0.3">
      <c r="A217" s="6">
        <v>43310</v>
      </c>
      <c r="B217" s="8">
        <v>3.0109502E-2</v>
      </c>
      <c r="C217" s="8">
        <v>0</v>
      </c>
      <c r="D217" s="8">
        <v>0</v>
      </c>
    </row>
    <row r="218" spans="1:4" x14ac:dyDescent="0.3">
      <c r="A218" s="6">
        <v>43311</v>
      </c>
      <c r="B218" s="8">
        <v>3.0109502E-2</v>
      </c>
      <c r="C218" s="8">
        <v>0</v>
      </c>
      <c r="D218" s="8">
        <v>0</v>
      </c>
    </row>
    <row r="219" spans="1:4" x14ac:dyDescent="0.3">
      <c r="A219" s="6">
        <v>43312</v>
      </c>
      <c r="B219" s="8">
        <v>1.5109502E-2</v>
      </c>
      <c r="C219" s="8">
        <v>0</v>
      </c>
      <c r="D219" s="8">
        <v>0</v>
      </c>
    </row>
    <row r="220" spans="1:4" x14ac:dyDescent="0.3">
      <c r="A220" s="6">
        <v>43313</v>
      </c>
      <c r="B220" s="8">
        <v>1.5109502E-2</v>
      </c>
      <c r="C220" s="8">
        <v>0</v>
      </c>
      <c r="D220" s="8">
        <v>0</v>
      </c>
    </row>
    <row r="221" spans="1:4" x14ac:dyDescent="0.3">
      <c r="A221" s="6">
        <v>43314</v>
      </c>
      <c r="B221" s="8">
        <v>1.5109502E-2</v>
      </c>
      <c r="C221" s="8">
        <v>0</v>
      </c>
      <c r="D221" s="8">
        <v>0</v>
      </c>
    </row>
    <row r="222" spans="1:4" x14ac:dyDescent="0.3">
      <c r="A222" s="6">
        <v>43315</v>
      </c>
      <c r="B222" s="8">
        <v>1.5109502E-2</v>
      </c>
      <c r="C222" s="8">
        <v>0</v>
      </c>
      <c r="D222" s="8">
        <v>0</v>
      </c>
    </row>
    <row r="223" spans="1:4" x14ac:dyDescent="0.3">
      <c r="A223" s="6">
        <v>43316</v>
      </c>
      <c r="B223" s="8">
        <v>1.5109502E-2</v>
      </c>
      <c r="C223" s="8">
        <v>0</v>
      </c>
      <c r="D223" s="8">
        <v>0</v>
      </c>
    </row>
    <row r="224" spans="1:4" x14ac:dyDescent="0.3">
      <c r="A224" s="6">
        <v>43317</v>
      </c>
      <c r="B224" s="8">
        <v>1.5109502E-2</v>
      </c>
      <c r="C224" s="8">
        <v>0</v>
      </c>
      <c r="D224" s="8">
        <v>0</v>
      </c>
    </row>
    <row r="225" spans="1:4" x14ac:dyDescent="0.3">
      <c r="A225" s="6">
        <v>43318</v>
      </c>
      <c r="B225" s="8">
        <v>1.5109502E-2</v>
      </c>
      <c r="C225" s="8">
        <v>0</v>
      </c>
      <c r="D225" s="8">
        <v>0</v>
      </c>
    </row>
    <row r="226" spans="1:4" x14ac:dyDescent="0.3">
      <c r="A226" s="6">
        <v>43319</v>
      </c>
      <c r="B226" s="8">
        <v>1.5109502E-2</v>
      </c>
      <c r="C226" s="8">
        <v>0</v>
      </c>
      <c r="D226" s="8">
        <v>0</v>
      </c>
    </row>
    <row r="227" spans="1:4" x14ac:dyDescent="0.3">
      <c r="A227" s="6">
        <v>43320</v>
      </c>
      <c r="B227" s="8">
        <v>1.5109502E-2</v>
      </c>
      <c r="C227" s="8">
        <v>0</v>
      </c>
      <c r="D227" s="8">
        <v>0</v>
      </c>
    </row>
    <row r="228" spans="1:4" x14ac:dyDescent="0.3">
      <c r="A228" s="6">
        <v>43321</v>
      </c>
      <c r="B228" s="8">
        <v>1.5109502E-2</v>
      </c>
      <c r="C228" s="8">
        <v>0</v>
      </c>
      <c r="D228" s="8">
        <v>0</v>
      </c>
    </row>
    <row r="229" spans="1:4" x14ac:dyDescent="0.3">
      <c r="A229" s="6">
        <v>43322</v>
      </c>
      <c r="B229" s="8">
        <v>1.5109502E-2</v>
      </c>
      <c r="C229" s="8">
        <v>0</v>
      </c>
      <c r="D229" s="8">
        <v>0</v>
      </c>
    </row>
    <row r="230" spans="1:4" x14ac:dyDescent="0.3">
      <c r="A230" s="6">
        <v>43323</v>
      </c>
      <c r="B230" s="8">
        <v>1.5109502E-2</v>
      </c>
      <c r="C230" s="8">
        <v>0</v>
      </c>
      <c r="D230" s="8">
        <v>0</v>
      </c>
    </row>
    <row r="231" spans="1:4" x14ac:dyDescent="0.3">
      <c r="A231" s="6">
        <v>43324</v>
      </c>
      <c r="B231" s="8">
        <v>1.5109502E-2</v>
      </c>
      <c r="C231" s="8">
        <v>0</v>
      </c>
      <c r="D231" s="8">
        <v>0</v>
      </c>
    </row>
    <row r="232" spans="1:4" x14ac:dyDescent="0.3">
      <c r="A232" s="6">
        <v>43325</v>
      </c>
      <c r="B232" s="8">
        <v>1.5109502E-2</v>
      </c>
      <c r="C232" s="8">
        <v>0</v>
      </c>
      <c r="D232" s="8">
        <v>0</v>
      </c>
    </row>
    <row r="233" spans="1:4" x14ac:dyDescent="0.3">
      <c r="A233" s="6">
        <v>43326</v>
      </c>
      <c r="B233" s="8">
        <v>1.5109502E-2</v>
      </c>
      <c r="C233" s="8">
        <v>0</v>
      </c>
      <c r="D233" s="8">
        <v>0</v>
      </c>
    </row>
    <row r="234" spans="1:4" x14ac:dyDescent="0.3">
      <c r="A234" s="6">
        <v>43327</v>
      </c>
      <c r="B234" s="8">
        <v>1.5109502E-2</v>
      </c>
      <c r="C234" s="8">
        <v>0</v>
      </c>
      <c r="D234" s="8">
        <v>0</v>
      </c>
    </row>
    <row r="235" spans="1:4" x14ac:dyDescent="0.3">
      <c r="A235" s="6">
        <v>43328</v>
      </c>
      <c r="B235" s="8">
        <v>1.5109502E-2</v>
      </c>
      <c r="C235" s="8">
        <v>0</v>
      </c>
      <c r="D235" s="8">
        <v>0</v>
      </c>
    </row>
    <row r="236" spans="1:4" x14ac:dyDescent="0.3">
      <c r="A236" s="6">
        <v>43329</v>
      </c>
      <c r="B236" s="8">
        <v>1.5109502E-2</v>
      </c>
      <c r="C236" s="8">
        <v>0</v>
      </c>
      <c r="D236" s="8">
        <v>0</v>
      </c>
    </row>
    <row r="237" spans="1:4" x14ac:dyDescent="0.3">
      <c r="A237" s="6">
        <v>43330</v>
      </c>
      <c r="B237" s="8">
        <v>1.5109502E-2</v>
      </c>
      <c r="C237" s="8">
        <v>0</v>
      </c>
      <c r="D237" s="8">
        <v>0</v>
      </c>
    </row>
    <row r="238" spans="1:4" x14ac:dyDescent="0.3">
      <c r="A238" s="6">
        <v>43331</v>
      </c>
      <c r="B238" s="8">
        <v>1.5109502E-2</v>
      </c>
      <c r="C238" s="8">
        <v>0</v>
      </c>
      <c r="D238" s="8">
        <v>0</v>
      </c>
    </row>
    <row r="239" spans="1:4" x14ac:dyDescent="0.3">
      <c r="A239" s="6">
        <v>43332</v>
      </c>
      <c r="B239" s="8">
        <v>1.5109502E-2</v>
      </c>
      <c r="C239" s="8">
        <v>0</v>
      </c>
      <c r="D239" s="8">
        <v>0</v>
      </c>
    </row>
    <row r="240" spans="1:4" x14ac:dyDescent="0.3">
      <c r="A240" s="6">
        <v>43333</v>
      </c>
      <c r="B240" s="8">
        <v>1.5109502E-2</v>
      </c>
      <c r="C240" s="8">
        <v>0</v>
      </c>
      <c r="D240" s="8">
        <v>0</v>
      </c>
    </row>
    <row r="241" spans="1:4" x14ac:dyDescent="0.3">
      <c r="A241" s="6">
        <v>43334</v>
      </c>
      <c r="B241" s="8">
        <v>1.5109502E-2</v>
      </c>
      <c r="C241" s="8">
        <v>0</v>
      </c>
      <c r="D241" s="8">
        <v>0</v>
      </c>
    </row>
    <row r="242" spans="1:4" x14ac:dyDescent="0.3">
      <c r="A242" s="6">
        <v>43335</v>
      </c>
      <c r="B242" s="8">
        <v>1.5109502E-2</v>
      </c>
      <c r="C242" s="8">
        <v>0</v>
      </c>
      <c r="D242" s="8">
        <v>0</v>
      </c>
    </row>
    <row r="243" spans="1:4" x14ac:dyDescent="0.3">
      <c r="A243" s="6">
        <v>43336</v>
      </c>
      <c r="B243" s="8">
        <v>1.5109502E-2</v>
      </c>
      <c r="C243" s="8">
        <v>0</v>
      </c>
      <c r="D243" s="8">
        <v>0</v>
      </c>
    </row>
    <row r="244" spans="1:4" x14ac:dyDescent="0.3">
      <c r="A244" s="6">
        <v>43337</v>
      </c>
      <c r="B244" s="8">
        <v>1.5109502E-2</v>
      </c>
      <c r="C244" s="8">
        <v>0</v>
      </c>
      <c r="D244" s="8">
        <v>0</v>
      </c>
    </row>
    <row r="245" spans="1:4" x14ac:dyDescent="0.3">
      <c r="A245" s="6">
        <v>43338</v>
      </c>
      <c r="B245" s="8">
        <v>1.5109502E-2</v>
      </c>
      <c r="C245" s="8">
        <v>0</v>
      </c>
      <c r="D245" s="8">
        <v>0</v>
      </c>
    </row>
    <row r="246" spans="1:4" x14ac:dyDescent="0.3">
      <c r="A246" s="6">
        <v>43339</v>
      </c>
      <c r="B246" s="8">
        <v>1.5109502E-2</v>
      </c>
      <c r="C246" s="8">
        <v>0</v>
      </c>
      <c r="D246" s="8">
        <v>0</v>
      </c>
    </row>
    <row r="247" spans="1:4" x14ac:dyDescent="0.3">
      <c r="A247" s="6">
        <v>43340</v>
      </c>
      <c r="B247" s="8">
        <v>1.5109502E-2</v>
      </c>
      <c r="C247" s="8">
        <v>0</v>
      </c>
      <c r="D247" s="8">
        <v>0</v>
      </c>
    </row>
    <row r="248" spans="1:4" x14ac:dyDescent="0.3">
      <c r="A248" s="6">
        <v>43341</v>
      </c>
      <c r="B248" s="8">
        <v>1.5109502E-2</v>
      </c>
      <c r="C248" s="8">
        <v>0</v>
      </c>
      <c r="D248" s="8">
        <v>0</v>
      </c>
    </row>
    <row r="249" spans="1:4" x14ac:dyDescent="0.3">
      <c r="A249" s="6">
        <v>43342</v>
      </c>
      <c r="B249" s="8">
        <v>1.5109502E-2</v>
      </c>
      <c r="C249" s="8">
        <v>0</v>
      </c>
      <c r="D249" s="8">
        <v>0</v>
      </c>
    </row>
    <row r="250" spans="1:4" x14ac:dyDescent="0.3">
      <c r="A250" s="6">
        <v>43343</v>
      </c>
      <c r="B250" s="8">
        <v>1.5109502E-2</v>
      </c>
      <c r="C250" s="8">
        <v>0</v>
      </c>
      <c r="D250" s="8">
        <v>0</v>
      </c>
    </row>
    <row r="251" spans="1:4" x14ac:dyDescent="0.3">
      <c r="A251" s="6">
        <v>43344</v>
      </c>
      <c r="B251" s="8">
        <v>1.5109502E-2</v>
      </c>
      <c r="C251" s="8">
        <v>0</v>
      </c>
      <c r="D251" s="8">
        <v>0</v>
      </c>
    </row>
    <row r="252" spans="1:4" x14ac:dyDescent="0.3">
      <c r="A252" s="6">
        <v>43345</v>
      </c>
      <c r="B252" s="8">
        <v>1.5109502E-2</v>
      </c>
      <c r="C252" s="8">
        <v>0</v>
      </c>
      <c r="D252" s="8">
        <v>0</v>
      </c>
    </row>
    <row r="253" spans="1:4" x14ac:dyDescent="0.3">
      <c r="A253" s="6">
        <v>43346</v>
      </c>
      <c r="B253" s="8">
        <v>1.5109502E-2</v>
      </c>
      <c r="C253" s="8">
        <v>0</v>
      </c>
      <c r="D253" s="8">
        <v>0</v>
      </c>
    </row>
    <row r="254" spans="1:4" x14ac:dyDescent="0.3">
      <c r="A254" s="6">
        <v>43347</v>
      </c>
      <c r="B254" s="8">
        <v>1.5109502E-2</v>
      </c>
      <c r="C254" s="8">
        <v>0</v>
      </c>
      <c r="D254" s="8">
        <v>0</v>
      </c>
    </row>
    <row r="255" spans="1:4" x14ac:dyDescent="0.3">
      <c r="A255" s="6">
        <v>43348</v>
      </c>
      <c r="B255" s="8">
        <v>1.5109502E-2</v>
      </c>
      <c r="C255" s="8">
        <v>0</v>
      </c>
      <c r="D255" s="8">
        <v>0</v>
      </c>
    </row>
    <row r="256" spans="1:4" x14ac:dyDescent="0.3">
      <c r="A256" s="6">
        <v>43349</v>
      </c>
      <c r="B256" s="8">
        <v>2.5109501999999999E-2</v>
      </c>
      <c r="C256" s="8">
        <v>0</v>
      </c>
      <c r="D256" s="8">
        <v>0</v>
      </c>
    </row>
    <row r="257" spans="1:4" x14ac:dyDescent="0.3">
      <c r="A257" s="6">
        <v>43350</v>
      </c>
      <c r="B257" s="8">
        <v>2.5109501999999999E-2</v>
      </c>
      <c r="C257" s="8">
        <v>0</v>
      </c>
      <c r="D257" s="8">
        <v>0</v>
      </c>
    </row>
    <row r="258" spans="1:4" x14ac:dyDescent="0.3">
      <c r="A258" s="6">
        <v>43351</v>
      </c>
      <c r="B258" s="8">
        <v>2.5109501999999999E-2</v>
      </c>
      <c r="C258" s="8">
        <v>0</v>
      </c>
      <c r="D258" s="8">
        <v>0</v>
      </c>
    </row>
    <row r="259" spans="1:4" x14ac:dyDescent="0.3">
      <c r="A259" s="6">
        <v>43352</v>
      </c>
      <c r="B259" s="8">
        <v>2.5109501999999999E-2</v>
      </c>
      <c r="C259" s="8">
        <v>0</v>
      </c>
      <c r="D259" s="8">
        <v>0</v>
      </c>
    </row>
    <row r="260" spans="1:4" x14ac:dyDescent="0.3">
      <c r="A260" s="6">
        <v>43353</v>
      </c>
      <c r="B260" s="8">
        <v>2.5109501999999999E-2</v>
      </c>
      <c r="C260" s="8">
        <v>0</v>
      </c>
      <c r="D260" s="8">
        <v>0</v>
      </c>
    </row>
    <row r="261" spans="1:4" x14ac:dyDescent="0.3">
      <c r="A261" s="6">
        <v>43354</v>
      </c>
      <c r="B261" s="8">
        <v>2.5109501999999999E-2</v>
      </c>
      <c r="C261" s="8">
        <v>2.0000000000000001E-9</v>
      </c>
      <c r="D261" s="8">
        <v>4.7999999999999996E-7</v>
      </c>
    </row>
    <row r="262" spans="1:4" x14ac:dyDescent="0.3">
      <c r="A262" s="6">
        <v>43355</v>
      </c>
      <c r="B262" s="8">
        <v>2.5109501999999999E-2</v>
      </c>
      <c r="C262" s="8">
        <v>2.0000000000000001E-9</v>
      </c>
      <c r="D262" s="8">
        <v>2.5124400000000002E-4</v>
      </c>
    </row>
    <row r="263" spans="1:4" x14ac:dyDescent="0.3">
      <c r="A263" s="6">
        <v>43356</v>
      </c>
      <c r="B263" s="8">
        <v>2.5109501999999999E-2</v>
      </c>
      <c r="C263" s="8">
        <v>3E-9</v>
      </c>
      <c r="D263" s="8">
        <v>2.5109299999999998E-4</v>
      </c>
    </row>
    <row r="264" spans="1:4" x14ac:dyDescent="0.3">
      <c r="A264" s="6">
        <v>43357</v>
      </c>
      <c r="B264" s="8">
        <v>2.5109501999999999E-2</v>
      </c>
      <c r="C264" s="8">
        <v>3E-9</v>
      </c>
      <c r="D264" s="8">
        <v>2.5147E-4</v>
      </c>
    </row>
    <row r="265" spans="1:4" x14ac:dyDescent="0.3">
      <c r="A265" s="6">
        <v>43358</v>
      </c>
      <c r="B265" s="8">
        <v>2.5109501999999999E-2</v>
      </c>
      <c r="C265" s="8">
        <v>3E-9</v>
      </c>
      <c r="D265" s="8">
        <v>2.5147E-4</v>
      </c>
    </row>
    <row r="266" spans="1:4" x14ac:dyDescent="0.3">
      <c r="A266" s="6">
        <v>43359</v>
      </c>
      <c r="B266" s="8">
        <v>2.5109501999999999E-2</v>
      </c>
      <c r="C266" s="8">
        <v>3E-9</v>
      </c>
      <c r="D266" s="8">
        <v>2.5147E-4</v>
      </c>
    </row>
    <row r="267" spans="1:4" x14ac:dyDescent="0.3">
      <c r="A267" s="6">
        <v>43360</v>
      </c>
      <c r="B267" s="8">
        <v>2.5109501999999999E-2</v>
      </c>
      <c r="C267" s="8">
        <v>3E-9</v>
      </c>
      <c r="D267" s="8">
        <v>2.5147E-4</v>
      </c>
    </row>
    <row r="268" spans="1:4" x14ac:dyDescent="0.3">
      <c r="A268" s="6">
        <v>43361</v>
      </c>
      <c r="B268" s="8">
        <v>2.5109501999999999E-2</v>
      </c>
      <c r="C268" s="8">
        <v>3E-9</v>
      </c>
      <c r="D268" s="8">
        <v>2.5216600000000001E-4</v>
      </c>
    </row>
    <row r="269" spans="1:4" x14ac:dyDescent="0.3">
      <c r="A269" s="6">
        <v>43362</v>
      </c>
      <c r="B269" s="8">
        <v>2.5109501999999999E-2</v>
      </c>
      <c r="C269" s="8">
        <v>3E-9</v>
      </c>
      <c r="D269" s="8">
        <v>1.5521560000000001E-3</v>
      </c>
    </row>
    <row r="270" spans="1:4" x14ac:dyDescent="0.3">
      <c r="A270" s="6">
        <v>43363</v>
      </c>
      <c r="B270" s="8">
        <v>2.5109501999999999E-2</v>
      </c>
      <c r="C270" s="8">
        <v>3E-9</v>
      </c>
      <c r="D270" s="8">
        <v>1.5526310000000001E-3</v>
      </c>
    </row>
    <row r="271" spans="1:4" x14ac:dyDescent="0.3">
      <c r="A271" s="6">
        <v>43364</v>
      </c>
      <c r="B271" s="8">
        <v>2.5109501999999999E-2</v>
      </c>
      <c r="C271" s="8">
        <v>3E-9</v>
      </c>
      <c r="D271" s="8">
        <v>8.0856169999999998E-3</v>
      </c>
    </row>
    <row r="272" spans="1:4" x14ac:dyDescent="0.3">
      <c r="A272" s="6">
        <v>43365</v>
      </c>
      <c r="B272" s="8">
        <v>2.5109501999999999E-2</v>
      </c>
      <c r="C272" s="8">
        <v>3E-9</v>
      </c>
      <c r="D272" s="8">
        <v>1.1655887E-2</v>
      </c>
    </row>
    <row r="273" spans="1:4" x14ac:dyDescent="0.3">
      <c r="A273" s="6">
        <v>43366</v>
      </c>
      <c r="B273" s="8">
        <v>2.5109501999999999E-2</v>
      </c>
      <c r="C273" s="8">
        <v>4.0000000000000002E-9</v>
      </c>
      <c r="D273" s="8">
        <v>1.2155987E-2</v>
      </c>
    </row>
    <row r="274" spans="1:4" x14ac:dyDescent="0.3">
      <c r="A274" s="6">
        <v>43367</v>
      </c>
      <c r="B274" s="8">
        <v>2.5109501999999999E-2</v>
      </c>
      <c r="C274" s="8">
        <v>4.0000000000000002E-9</v>
      </c>
      <c r="D274" s="8">
        <v>1.2155987E-2</v>
      </c>
    </row>
    <row r="275" spans="1:4" x14ac:dyDescent="0.3">
      <c r="A275" s="6">
        <v>43368</v>
      </c>
      <c r="B275" s="8">
        <v>2.5109501999999999E-2</v>
      </c>
      <c r="C275" s="8">
        <v>8.0000000000000005E-9</v>
      </c>
      <c r="D275" s="8">
        <v>1.3166387E-2</v>
      </c>
    </row>
    <row r="276" spans="1:4" x14ac:dyDescent="0.3">
      <c r="A276" s="6">
        <v>43369</v>
      </c>
      <c r="B276" s="8">
        <v>2.5109501999999999E-2</v>
      </c>
      <c r="C276" s="8">
        <v>1E-8</v>
      </c>
      <c r="D276" s="8">
        <v>1.3166387E-2</v>
      </c>
    </row>
    <row r="277" spans="1:4" x14ac:dyDescent="0.3">
      <c r="A277" s="6">
        <v>43370</v>
      </c>
      <c r="B277" s="8">
        <v>2.5109501999999999E-2</v>
      </c>
      <c r="C277" s="8">
        <v>2.109629E-3</v>
      </c>
      <c r="D277" s="8">
        <v>1.3166384E-2</v>
      </c>
    </row>
    <row r="278" spans="1:4" x14ac:dyDescent="0.3">
      <c r="A278" s="6">
        <v>43371</v>
      </c>
      <c r="B278" s="8">
        <v>2.5109501999999999E-2</v>
      </c>
      <c r="C278" s="8">
        <v>3.1100189999999999E-3</v>
      </c>
      <c r="D278" s="8">
        <v>1.4143774E-2</v>
      </c>
    </row>
    <row r="279" spans="1:4" x14ac:dyDescent="0.3">
      <c r="A279" s="6">
        <v>43372</v>
      </c>
      <c r="B279" s="8">
        <v>2.5109501999999999E-2</v>
      </c>
      <c r="C279" s="8">
        <v>3.110439E-3</v>
      </c>
      <c r="D279" s="8">
        <v>1.5080381E-2</v>
      </c>
    </row>
    <row r="280" spans="1:4" x14ac:dyDescent="0.3">
      <c r="A280" s="6">
        <v>43373</v>
      </c>
      <c r="B280" s="8">
        <v>2.5109501999999999E-2</v>
      </c>
      <c r="C280" s="8">
        <v>3.1106889999999998E-3</v>
      </c>
      <c r="D280" s="8">
        <v>1.5080381E-2</v>
      </c>
    </row>
    <row r="281" spans="1:4" x14ac:dyDescent="0.3">
      <c r="A281" s="6">
        <v>43374</v>
      </c>
      <c r="B281" s="8">
        <v>2.5109501999999999E-2</v>
      </c>
      <c r="C281" s="8">
        <v>3.1109789999999998E-3</v>
      </c>
      <c r="D281" s="8">
        <v>1.5080381E-2</v>
      </c>
    </row>
    <row r="282" spans="1:4" x14ac:dyDescent="0.3">
      <c r="A282" s="6">
        <v>43375</v>
      </c>
      <c r="B282" s="8">
        <v>2.5109501999999999E-2</v>
      </c>
      <c r="C282" s="8">
        <v>5.1164799999999996E-3</v>
      </c>
      <c r="D282" s="8">
        <v>1.5079831E-2</v>
      </c>
    </row>
    <row r="283" spans="1:4" x14ac:dyDescent="0.3">
      <c r="A283" s="6">
        <v>43376</v>
      </c>
      <c r="B283" s="8">
        <v>2.5109501999999999E-2</v>
      </c>
      <c r="C283" s="8">
        <v>5.1164799999999996E-3</v>
      </c>
      <c r="D283" s="8">
        <v>1.5079786E-2</v>
      </c>
    </row>
    <row r="284" spans="1:4" x14ac:dyDescent="0.3">
      <c r="A284" s="6">
        <v>43377</v>
      </c>
      <c r="B284" s="8">
        <v>3.5109502000000001E-2</v>
      </c>
      <c r="C284" s="8">
        <v>6.1174439999999997E-3</v>
      </c>
      <c r="D284" s="8">
        <v>1.549737E-2</v>
      </c>
    </row>
    <row r="285" spans="1:4" x14ac:dyDescent="0.3">
      <c r="A285" s="6">
        <v>43378</v>
      </c>
      <c r="B285" s="8">
        <v>3.5109502000000001E-2</v>
      </c>
      <c r="C285" s="8">
        <v>8.1173579999999999E-3</v>
      </c>
      <c r="D285" s="8">
        <v>1.4662708999999999E-2</v>
      </c>
    </row>
    <row r="286" spans="1:4" x14ac:dyDescent="0.3">
      <c r="A286" s="6">
        <v>43379</v>
      </c>
      <c r="B286" s="8">
        <v>3.5109502000000001E-2</v>
      </c>
      <c r="C286" s="8">
        <v>1.0342478E-2</v>
      </c>
      <c r="D286" s="8">
        <v>1.5618173000000001E-2</v>
      </c>
    </row>
    <row r="287" spans="1:4" x14ac:dyDescent="0.3">
      <c r="A287" s="6">
        <v>43380</v>
      </c>
      <c r="B287" s="8">
        <v>3.5109502000000001E-2</v>
      </c>
      <c r="C287" s="8">
        <v>1.0342478E-2</v>
      </c>
      <c r="D287" s="8">
        <v>1.5618173000000001E-2</v>
      </c>
    </row>
    <row r="288" spans="1:4" x14ac:dyDescent="0.3">
      <c r="A288" s="6">
        <v>43381</v>
      </c>
      <c r="B288" s="8">
        <v>3.5109502000000001E-2</v>
      </c>
      <c r="C288" s="8">
        <v>1.0342478E-2</v>
      </c>
      <c r="D288" s="8">
        <v>1.5618173000000001E-2</v>
      </c>
    </row>
    <row r="289" spans="1:4" x14ac:dyDescent="0.3">
      <c r="A289" s="6">
        <v>43382</v>
      </c>
      <c r="B289" s="8">
        <v>3.5109502000000001E-2</v>
      </c>
      <c r="C289" s="8">
        <v>1.0342446999999999E-2</v>
      </c>
      <c r="D289" s="8">
        <v>1.4619612000000001E-2</v>
      </c>
    </row>
    <row r="290" spans="1:4" x14ac:dyDescent="0.3">
      <c r="A290" s="6">
        <v>43383</v>
      </c>
      <c r="B290" s="8">
        <v>3.5109502000000001E-2</v>
      </c>
      <c r="C290" s="8">
        <v>1.0744406999999999E-2</v>
      </c>
      <c r="D290" s="8">
        <v>1.5584135000000001E-2</v>
      </c>
    </row>
    <row r="291" spans="1:4" x14ac:dyDescent="0.3">
      <c r="A291" s="6">
        <v>43384</v>
      </c>
      <c r="B291" s="8">
        <v>3.5109502000000001E-2</v>
      </c>
      <c r="C291" s="8">
        <v>1.0751215999999999E-2</v>
      </c>
      <c r="D291" s="8">
        <v>1.5385556E-2</v>
      </c>
    </row>
    <row r="292" spans="1:4" x14ac:dyDescent="0.3">
      <c r="A292" s="6">
        <v>43385</v>
      </c>
      <c r="B292" s="8">
        <v>3.5109502000000001E-2</v>
      </c>
      <c r="C292" s="8">
        <v>1.0978778999999999E-2</v>
      </c>
      <c r="D292" s="8">
        <v>1.5543003E-2</v>
      </c>
    </row>
    <row r="293" spans="1:4" x14ac:dyDescent="0.3">
      <c r="A293" s="6">
        <v>43386</v>
      </c>
      <c r="B293" s="8">
        <v>3.5109502000000001E-2</v>
      </c>
      <c r="C293" s="8">
        <v>1.2178914000000001E-2</v>
      </c>
      <c r="D293" s="8">
        <v>2.1832799E-2</v>
      </c>
    </row>
    <row r="294" spans="1:4" x14ac:dyDescent="0.3">
      <c r="A294" s="6">
        <v>43387</v>
      </c>
      <c r="B294" s="8">
        <v>3.5109502000000001E-2</v>
      </c>
      <c r="C294" s="8">
        <v>1.2179914E-2</v>
      </c>
      <c r="D294" s="8">
        <v>2.4499613E-2</v>
      </c>
    </row>
    <row r="295" spans="1:4" x14ac:dyDescent="0.3">
      <c r="A295" s="6">
        <v>43388</v>
      </c>
      <c r="B295" s="8">
        <v>3.5109502000000001E-2</v>
      </c>
      <c r="C295" s="8">
        <v>1.2179914E-2</v>
      </c>
      <c r="D295" s="8">
        <v>2.4499613E-2</v>
      </c>
    </row>
    <row r="296" spans="1:4" x14ac:dyDescent="0.3">
      <c r="A296" s="6">
        <v>43389</v>
      </c>
      <c r="B296" s="8">
        <v>3.5109502000000001E-2</v>
      </c>
      <c r="C296" s="8">
        <v>2.3803534000000001E-2</v>
      </c>
      <c r="D296" s="8">
        <v>3.6123813999999997E-2</v>
      </c>
    </row>
    <row r="297" spans="1:4" x14ac:dyDescent="0.3">
      <c r="A297" s="6">
        <v>43390</v>
      </c>
      <c r="B297" s="8">
        <v>3.5109502000000001E-2</v>
      </c>
      <c r="C297" s="8">
        <v>2.3813003999999999E-2</v>
      </c>
      <c r="D297" s="8">
        <v>5.0550532000000002E-2</v>
      </c>
    </row>
    <row r="298" spans="1:4" x14ac:dyDescent="0.3">
      <c r="A298" s="6">
        <v>43391</v>
      </c>
      <c r="B298" s="8">
        <v>3.5109502000000001E-2</v>
      </c>
      <c r="C298" s="8">
        <v>2.3817092000000002E-2</v>
      </c>
      <c r="D298" s="8">
        <v>6.3474356999999995E-2</v>
      </c>
    </row>
    <row r="299" spans="1:4" x14ac:dyDescent="0.3">
      <c r="A299" s="6">
        <v>43392</v>
      </c>
      <c r="B299" s="8">
        <v>3.5109502000000001E-2</v>
      </c>
      <c r="C299" s="8">
        <v>2.3832916999999999E-2</v>
      </c>
      <c r="D299" s="8">
        <v>6.3206482999999994E-2</v>
      </c>
    </row>
    <row r="300" spans="1:4" x14ac:dyDescent="0.3">
      <c r="A300" s="6">
        <v>43393</v>
      </c>
      <c r="B300" s="8">
        <v>3.5109502000000001E-2</v>
      </c>
      <c r="C300" s="8">
        <v>2.3835731999999998E-2</v>
      </c>
      <c r="D300" s="8">
        <v>7.6736515000000005E-2</v>
      </c>
    </row>
    <row r="301" spans="1:4" x14ac:dyDescent="0.3">
      <c r="A301" s="6">
        <v>43394</v>
      </c>
      <c r="B301" s="8">
        <v>3.5109502000000001E-2</v>
      </c>
      <c r="C301" s="8">
        <v>2.3841602E-2</v>
      </c>
      <c r="D301" s="8">
        <v>8.1952618000000005E-2</v>
      </c>
    </row>
    <row r="302" spans="1:4" x14ac:dyDescent="0.3">
      <c r="A302" s="6">
        <v>43395</v>
      </c>
      <c r="B302" s="8">
        <v>3.5109502000000001E-2</v>
      </c>
      <c r="C302" s="8">
        <v>2.3841602E-2</v>
      </c>
      <c r="D302" s="8">
        <v>8.1952618000000005E-2</v>
      </c>
    </row>
    <row r="303" spans="1:4" x14ac:dyDescent="0.3">
      <c r="A303" s="6">
        <v>43396</v>
      </c>
      <c r="B303" s="8">
        <v>3.5109502000000001E-2</v>
      </c>
      <c r="C303" s="8">
        <v>3.3727899999999998E-2</v>
      </c>
      <c r="D303" s="8">
        <v>8.2040663E-2</v>
      </c>
    </row>
    <row r="304" spans="1:4" x14ac:dyDescent="0.3">
      <c r="A304" s="6">
        <v>43397</v>
      </c>
      <c r="B304" s="8">
        <v>3.5109502000000001E-2</v>
      </c>
      <c r="C304" s="8">
        <v>8.4747909999999996E-2</v>
      </c>
      <c r="D304" s="8">
        <v>9.6838802000000002E-2</v>
      </c>
    </row>
    <row r="305" spans="1:4" x14ac:dyDescent="0.3">
      <c r="A305" s="6">
        <v>43398</v>
      </c>
      <c r="B305" s="8">
        <v>3.5109502000000001E-2</v>
      </c>
      <c r="C305" s="8">
        <v>0.12435637200000001</v>
      </c>
      <c r="D305" s="8">
        <v>9.6959822000000001E-2</v>
      </c>
    </row>
    <row r="306" spans="1:4" x14ac:dyDescent="0.3">
      <c r="A306" s="6">
        <v>43399</v>
      </c>
      <c r="B306" s="8">
        <v>3.5109502000000001E-2</v>
      </c>
      <c r="C306" s="8">
        <v>0.124361372</v>
      </c>
      <c r="D306" s="8">
        <v>9.6368043E-2</v>
      </c>
    </row>
    <row r="307" spans="1:4" x14ac:dyDescent="0.3">
      <c r="A307" s="6">
        <v>43400</v>
      </c>
      <c r="B307" s="8">
        <v>3.5109502000000001E-2</v>
      </c>
      <c r="C307" s="8">
        <v>0.12426000600000001</v>
      </c>
      <c r="D307" s="8">
        <v>0.10870352</v>
      </c>
    </row>
    <row r="308" spans="1:4" x14ac:dyDescent="0.3">
      <c r="A308" s="6">
        <v>43401</v>
      </c>
      <c r="B308" s="8">
        <v>3.5109502000000001E-2</v>
      </c>
      <c r="C308" s="8">
        <v>0.12423527500000001</v>
      </c>
      <c r="D308" s="8">
        <v>0.108844596</v>
      </c>
    </row>
    <row r="309" spans="1:4" x14ac:dyDescent="0.3">
      <c r="A309" s="6">
        <v>43402</v>
      </c>
      <c r="B309" s="8">
        <v>3.5109502000000001E-2</v>
      </c>
      <c r="C309" s="8">
        <v>0.12421046400000001</v>
      </c>
      <c r="D309" s="8">
        <v>0.108844596</v>
      </c>
    </row>
    <row r="310" spans="1:4" x14ac:dyDescent="0.3">
      <c r="A310" s="6">
        <v>43403</v>
      </c>
      <c r="B310" s="8">
        <v>3.5109502000000001E-2</v>
      </c>
      <c r="C310" s="8">
        <v>0.12522003400000001</v>
      </c>
      <c r="D310" s="8">
        <v>0.106808053</v>
      </c>
    </row>
    <row r="311" spans="1:4" x14ac:dyDescent="0.3">
      <c r="A311" s="6">
        <v>43404</v>
      </c>
      <c r="B311" s="8">
        <v>3.5109502000000001E-2</v>
      </c>
      <c r="C311" s="8">
        <v>0.12736504000000001</v>
      </c>
      <c r="D311" s="8">
        <v>0.112253018</v>
      </c>
    </row>
    <row r="312" spans="1:4" x14ac:dyDescent="0.3">
      <c r="A312" s="6">
        <v>43405</v>
      </c>
      <c r="B312" s="8">
        <v>3.5109502000000001E-2</v>
      </c>
      <c r="C312" s="8">
        <v>0.127363005</v>
      </c>
      <c r="D312" s="8">
        <v>0.10930701299999999</v>
      </c>
    </row>
    <row r="313" spans="1:4" x14ac:dyDescent="0.3">
      <c r="A313" s="6">
        <v>43406</v>
      </c>
      <c r="B313" s="8">
        <v>2.5109501999999999E-2</v>
      </c>
      <c r="C313" s="8">
        <v>0.12728293600000001</v>
      </c>
      <c r="D313" s="8">
        <v>0.116097928</v>
      </c>
    </row>
    <row r="314" spans="1:4" x14ac:dyDescent="0.3">
      <c r="A314" s="6">
        <v>43407</v>
      </c>
      <c r="B314" s="8">
        <v>2.5109501999999999E-2</v>
      </c>
      <c r="C314" s="8">
        <v>0.13226801599999999</v>
      </c>
      <c r="D314" s="8">
        <v>0.133976913</v>
      </c>
    </row>
    <row r="315" spans="1:4" x14ac:dyDescent="0.3">
      <c r="A315" s="6">
        <v>43408</v>
      </c>
      <c r="B315" s="8">
        <v>2.5109501999999999E-2</v>
      </c>
      <c r="C315" s="8">
        <v>0.13225890800000001</v>
      </c>
      <c r="D315" s="8">
        <v>0.13590797600000001</v>
      </c>
    </row>
    <row r="316" spans="1:4" x14ac:dyDescent="0.3">
      <c r="A316" s="6">
        <v>43409</v>
      </c>
      <c r="B316" s="8">
        <v>2.5109501999999999E-2</v>
      </c>
      <c r="C316" s="8">
        <v>0.13223390800000001</v>
      </c>
      <c r="D316" s="8">
        <v>0.13590797600000001</v>
      </c>
    </row>
    <row r="317" spans="1:4" x14ac:dyDescent="0.3">
      <c r="A317" s="6">
        <v>43410</v>
      </c>
      <c r="B317" s="8">
        <v>2.5109501999999999E-2</v>
      </c>
      <c r="C317" s="8">
        <v>0.13421190599999999</v>
      </c>
      <c r="D317" s="8">
        <v>0.13815144800000001</v>
      </c>
    </row>
    <row r="318" spans="1:4" x14ac:dyDescent="0.3">
      <c r="A318" s="6">
        <v>43411</v>
      </c>
      <c r="B318" s="8">
        <v>2.5109501999999999E-2</v>
      </c>
      <c r="C318" s="8">
        <v>0.13420079900000001</v>
      </c>
      <c r="D318" s="8">
        <v>0.13767657799999999</v>
      </c>
    </row>
    <row r="319" spans="1:4" x14ac:dyDescent="0.3">
      <c r="A319" s="6">
        <v>43412</v>
      </c>
      <c r="B319" s="8">
        <v>2.5109501999999999E-2</v>
      </c>
      <c r="C319" s="8">
        <v>0.13426869599999999</v>
      </c>
      <c r="D319" s="8">
        <v>0.13737715</v>
      </c>
    </row>
    <row r="320" spans="1:4" x14ac:dyDescent="0.3">
      <c r="A320" s="6">
        <v>43413</v>
      </c>
      <c r="B320" s="8">
        <v>2.5109501999999999E-2</v>
      </c>
      <c r="C320" s="8">
        <v>0.134067568</v>
      </c>
      <c r="D320" s="8">
        <v>0.138084347</v>
      </c>
    </row>
    <row r="321" spans="1:4" x14ac:dyDescent="0.3">
      <c r="A321" s="6">
        <v>43414</v>
      </c>
      <c r="B321" s="8">
        <v>2.5109501999999999E-2</v>
      </c>
      <c r="C321" s="8">
        <v>0.13407406699999999</v>
      </c>
      <c r="D321" s="8">
        <v>0.13673490699999999</v>
      </c>
    </row>
    <row r="322" spans="1:4" x14ac:dyDescent="0.3">
      <c r="A322" s="6">
        <v>43415</v>
      </c>
      <c r="B322" s="8">
        <v>2.5109501999999999E-2</v>
      </c>
      <c r="C322" s="8">
        <v>0.13407406699999999</v>
      </c>
      <c r="D322" s="8">
        <v>0.13673490699999999</v>
      </c>
    </row>
    <row r="323" spans="1:4" x14ac:dyDescent="0.3">
      <c r="A323" s="6">
        <v>43416</v>
      </c>
      <c r="B323" s="8">
        <v>2.5109501999999999E-2</v>
      </c>
      <c r="C323" s="8">
        <v>0.13409907200000001</v>
      </c>
      <c r="D323" s="8">
        <v>0.136024277</v>
      </c>
    </row>
    <row r="324" spans="1:4" x14ac:dyDescent="0.3">
      <c r="A324" s="6">
        <v>43417</v>
      </c>
      <c r="B324" s="8">
        <v>2.5109501999999999E-2</v>
      </c>
      <c r="C324" s="8">
        <v>0.133820145</v>
      </c>
      <c r="D324" s="8">
        <v>0.13240985799999999</v>
      </c>
    </row>
    <row r="325" spans="1:4" x14ac:dyDescent="0.3">
      <c r="A325" s="6">
        <v>43418</v>
      </c>
      <c r="B325" s="8">
        <v>2.5109501999999999E-2</v>
      </c>
      <c r="C325" s="8">
        <v>0.13882815000000001</v>
      </c>
      <c r="D325" s="8">
        <v>0.13230863700000001</v>
      </c>
    </row>
    <row r="326" spans="1:4" x14ac:dyDescent="0.3">
      <c r="A326" s="6">
        <v>43419</v>
      </c>
      <c r="B326" s="8">
        <v>2.5109501999999999E-2</v>
      </c>
      <c r="C326" s="8">
        <v>0.142652061</v>
      </c>
      <c r="D326" s="8">
        <v>0.13040190099999999</v>
      </c>
    </row>
    <row r="327" spans="1:4" x14ac:dyDescent="0.3">
      <c r="A327" s="6">
        <v>43420</v>
      </c>
      <c r="B327" s="8">
        <v>2.5109501999999999E-2</v>
      </c>
      <c r="C327" s="8">
        <v>0.143176216</v>
      </c>
      <c r="D327" s="8">
        <v>0.13079001800000001</v>
      </c>
    </row>
    <row r="328" spans="1:4" x14ac:dyDescent="0.3">
      <c r="A328" s="6">
        <v>43421</v>
      </c>
      <c r="B328" s="8">
        <v>2.5109501999999999E-2</v>
      </c>
      <c r="C328" s="8">
        <v>0.14271830599999999</v>
      </c>
      <c r="D328" s="8">
        <v>0.134287139</v>
      </c>
    </row>
    <row r="329" spans="1:4" x14ac:dyDescent="0.3">
      <c r="A329" s="6">
        <v>43422</v>
      </c>
      <c r="B329" s="8">
        <v>2.5109501999999999E-2</v>
      </c>
      <c r="C329" s="8">
        <v>0.14277589299999999</v>
      </c>
      <c r="D329" s="8">
        <v>0.13525240199999999</v>
      </c>
    </row>
    <row r="330" spans="1:4" x14ac:dyDescent="0.3">
      <c r="A330" s="6">
        <v>43423</v>
      </c>
      <c r="B330" s="8">
        <v>2.5109501999999999E-2</v>
      </c>
      <c r="C330" s="8">
        <v>0.14277600100000001</v>
      </c>
      <c r="D330" s="8">
        <v>0.13545149200000001</v>
      </c>
    </row>
    <row r="331" spans="1:4" x14ac:dyDescent="0.3">
      <c r="A331" s="6">
        <v>43424</v>
      </c>
      <c r="B331" s="8">
        <v>2.5109501999999999E-2</v>
      </c>
      <c r="C331" s="8">
        <v>0.14255576</v>
      </c>
      <c r="D331" s="8">
        <v>0.13694445399999999</v>
      </c>
    </row>
    <row r="332" spans="1:4" x14ac:dyDescent="0.3">
      <c r="A332" s="6">
        <v>43425</v>
      </c>
      <c r="B332" s="8">
        <v>2.5109501999999999E-2</v>
      </c>
      <c r="C332" s="8">
        <v>0.156642323</v>
      </c>
      <c r="D332" s="8">
        <v>0.13662807900000001</v>
      </c>
    </row>
    <row r="333" spans="1:4" x14ac:dyDescent="0.3">
      <c r="A333" s="6">
        <v>43426</v>
      </c>
      <c r="B333" s="8">
        <v>2.5109501999999999E-2</v>
      </c>
      <c r="C333" s="8">
        <v>0.162751442</v>
      </c>
      <c r="D333" s="8">
        <v>0.137376418</v>
      </c>
    </row>
    <row r="334" spans="1:4" x14ac:dyDescent="0.3">
      <c r="A334" s="6">
        <v>43427</v>
      </c>
      <c r="B334" s="8">
        <v>2.5109501999999999E-2</v>
      </c>
      <c r="C334" s="8">
        <v>0.16300051199999999</v>
      </c>
      <c r="D334" s="8">
        <v>0.13902320400000001</v>
      </c>
    </row>
    <row r="335" spans="1:4" x14ac:dyDescent="0.3">
      <c r="A335" s="6">
        <v>43428</v>
      </c>
      <c r="B335" s="8">
        <v>2.5109501999999999E-2</v>
      </c>
      <c r="C335" s="8">
        <v>0.166009712</v>
      </c>
      <c r="D335" s="8">
        <v>0.14123733799999999</v>
      </c>
    </row>
    <row r="336" spans="1:4" x14ac:dyDescent="0.3">
      <c r="A336" s="6">
        <v>43429</v>
      </c>
      <c r="B336" s="8">
        <v>2.5109501999999999E-2</v>
      </c>
      <c r="C336" s="8">
        <v>0.166137219</v>
      </c>
      <c r="D336" s="8">
        <v>0.14011689299999999</v>
      </c>
    </row>
    <row r="337" spans="1:4" x14ac:dyDescent="0.3">
      <c r="A337" s="6">
        <v>43430</v>
      </c>
      <c r="B337" s="8">
        <v>2.5109501999999999E-2</v>
      </c>
      <c r="C337" s="8">
        <v>0.16608157100000001</v>
      </c>
      <c r="D337" s="8">
        <v>0.14011689299999999</v>
      </c>
    </row>
    <row r="338" spans="1:4" x14ac:dyDescent="0.3">
      <c r="A338" s="6">
        <v>43431</v>
      </c>
      <c r="B338" s="8">
        <v>2.5109501999999999E-2</v>
      </c>
      <c r="C338" s="8">
        <v>0.16583994299999999</v>
      </c>
      <c r="D338" s="8">
        <v>0.136706465</v>
      </c>
    </row>
    <row r="339" spans="1:4" x14ac:dyDescent="0.3">
      <c r="A339" s="6">
        <v>43432</v>
      </c>
      <c r="B339" s="8">
        <v>2.5109501999999999E-2</v>
      </c>
      <c r="C339" s="8">
        <v>0.16867037900000001</v>
      </c>
      <c r="D339" s="8">
        <v>0.13597718</v>
      </c>
    </row>
    <row r="340" spans="1:4" x14ac:dyDescent="0.3">
      <c r="A340" s="6">
        <v>43433</v>
      </c>
      <c r="B340" s="8">
        <v>2.5109501999999999E-2</v>
      </c>
      <c r="C340" s="8">
        <v>0.17169192799999999</v>
      </c>
      <c r="D340" s="8">
        <v>0.13727112599999999</v>
      </c>
    </row>
    <row r="341" spans="1:4" x14ac:dyDescent="0.3">
      <c r="A341" s="6">
        <v>43434</v>
      </c>
      <c r="B341" s="8">
        <v>2.5109501999999999E-2</v>
      </c>
      <c r="C341" s="8">
        <v>0.176637391</v>
      </c>
      <c r="D341" s="8">
        <v>0.14314063499999999</v>
      </c>
    </row>
    <row r="342" spans="1:4" x14ac:dyDescent="0.3">
      <c r="A342" s="6">
        <v>43435</v>
      </c>
      <c r="B342" s="8">
        <v>2.5109501999999999E-2</v>
      </c>
      <c r="C342" s="8">
        <v>0.17651556299999999</v>
      </c>
      <c r="D342" s="8">
        <v>0.16489895700000001</v>
      </c>
    </row>
    <row r="343" spans="1:4" x14ac:dyDescent="0.3">
      <c r="A343" s="6">
        <v>43436</v>
      </c>
      <c r="B343" s="8">
        <v>2.5109501999999999E-2</v>
      </c>
      <c r="C343" s="8">
        <v>0.17651560799999999</v>
      </c>
      <c r="D343" s="8">
        <v>0.166459728</v>
      </c>
    </row>
    <row r="344" spans="1:4" x14ac:dyDescent="0.3">
      <c r="A344" s="6">
        <v>43437</v>
      </c>
      <c r="B344" s="8">
        <v>2.5109501999999999E-2</v>
      </c>
      <c r="C344" s="8">
        <v>0.17651660799999999</v>
      </c>
      <c r="D344" s="8">
        <v>0.166459728</v>
      </c>
    </row>
    <row r="345" spans="1:4" x14ac:dyDescent="0.3">
      <c r="A345" s="6">
        <v>43438</v>
      </c>
      <c r="B345" s="8">
        <v>2.5109501999999999E-2</v>
      </c>
      <c r="C345" s="8">
        <v>0.17643231200000001</v>
      </c>
      <c r="D345" s="8">
        <v>0.18472939599999999</v>
      </c>
    </row>
    <row r="346" spans="1:4" x14ac:dyDescent="0.3">
      <c r="A346" s="6">
        <v>43439</v>
      </c>
      <c r="B346" s="8">
        <v>2.5109501999999999E-2</v>
      </c>
      <c r="C346" s="8">
        <v>0.17659422599999999</v>
      </c>
      <c r="D346" s="8">
        <v>0.17527749200000001</v>
      </c>
    </row>
    <row r="347" spans="1:4" x14ac:dyDescent="0.3">
      <c r="A347" s="6">
        <v>43440</v>
      </c>
      <c r="B347" s="8">
        <v>2.5109501999999999E-2</v>
      </c>
      <c r="C347" s="8">
        <v>0.17808090600000001</v>
      </c>
      <c r="D347" s="8">
        <v>0.16207153999999999</v>
      </c>
    </row>
    <row r="348" spans="1:4" x14ac:dyDescent="0.3">
      <c r="A348" s="6">
        <v>43441</v>
      </c>
      <c r="B348" s="8">
        <v>2.5109501999999999E-2</v>
      </c>
      <c r="C348" s="8">
        <v>0.181176264</v>
      </c>
      <c r="D348" s="8">
        <v>0.167616662</v>
      </c>
    </row>
    <row r="349" spans="1:4" x14ac:dyDescent="0.3">
      <c r="A349" s="6">
        <v>43442</v>
      </c>
      <c r="B349" s="8">
        <v>2.5109501999999999E-2</v>
      </c>
      <c r="C349" s="8">
        <v>0.184893944</v>
      </c>
      <c r="D349" s="8">
        <v>0.17070879899999999</v>
      </c>
    </row>
    <row r="350" spans="1:4" x14ac:dyDescent="0.3">
      <c r="A350" s="6">
        <v>43443</v>
      </c>
      <c r="B350" s="8">
        <v>2.5109501999999999E-2</v>
      </c>
      <c r="C350" s="8">
        <v>0.18501123899999999</v>
      </c>
      <c r="D350" s="8">
        <v>0.17449099200000001</v>
      </c>
    </row>
    <row r="351" spans="1:4" x14ac:dyDescent="0.3">
      <c r="A351" s="6">
        <v>43444</v>
      </c>
      <c r="B351" s="8">
        <v>2.5109501999999999E-2</v>
      </c>
      <c r="C351" s="8">
        <v>0.184987242</v>
      </c>
      <c r="D351" s="8">
        <v>0.17467722099999999</v>
      </c>
    </row>
    <row r="352" spans="1:4" x14ac:dyDescent="0.3">
      <c r="A352" s="6">
        <v>43445</v>
      </c>
      <c r="B352" s="8">
        <v>2.5109501999999999E-2</v>
      </c>
      <c r="C352" s="8">
        <v>0.189969149</v>
      </c>
      <c r="D352" s="8">
        <v>0.17126180299999999</v>
      </c>
    </row>
    <row r="353" spans="1:4" x14ac:dyDescent="0.3">
      <c r="A353" s="6">
        <v>43446</v>
      </c>
      <c r="B353" s="8">
        <v>2.5109501999999999E-2</v>
      </c>
      <c r="C353" s="8">
        <v>0.189406403</v>
      </c>
      <c r="D353" s="8">
        <v>0.165426832</v>
      </c>
    </row>
    <row r="354" spans="1:4" x14ac:dyDescent="0.3">
      <c r="A354" s="6">
        <v>43447</v>
      </c>
      <c r="B354" s="8">
        <v>2.5109501999999999E-2</v>
      </c>
      <c r="C354" s="8">
        <v>0.19154971500000001</v>
      </c>
      <c r="D354" s="8">
        <v>0.15926352899999999</v>
      </c>
    </row>
    <row r="355" spans="1:4" x14ac:dyDescent="0.3">
      <c r="A355" s="6">
        <v>43448</v>
      </c>
      <c r="B355" s="8">
        <v>2.5109501999999999E-2</v>
      </c>
      <c r="C355" s="8">
        <v>0.19292055</v>
      </c>
      <c r="D355" s="8">
        <v>0.15588032900000001</v>
      </c>
    </row>
    <row r="356" spans="1:4" x14ac:dyDescent="0.3">
      <c r="A356" s="6">
        <v>43449</v>
      </c>
      <c r="B356" s="8">
        <v>2.5109501999999999E-2</v>
      </c>
      <c r="C356" s="8">
        <v>0.201572432</v>
      </c>
      <c r="D356" s="8">
        <v>0.15405238900000001</v>
      </c>
    </row>
    <row r="357" spans="1:4" x14ac:dyDescent="0.3">
      <c r="A357" s="6">
        <v>43450</v>
      </c>
      <c r="B357" s="8">
        <v>2.5109501999999999E-2</v>
      </c>
      <c r="C357" s="8">
        <v>0.201824264</v>
      </c>
      <c r="D357" s="8">
        <v>0.15405238900000001</v>
      </c>
    </row>
    <row r="358" spans="1:4" x14ac:dyDescent="0.3">
      <c r="A358" s="6">
        <v>43451</v>
      </c>
      <c r="B358" s="8">
        <v>2.5109501999999999E-2</v>
      </c>
      <c r="C358" s="8">
        <v>0.201808705</v>
      </c>
      <c r="D358" s="8">
        <v>0.15405238900000001</v>
      </c>
    </row>
    <row r="359" spans="1:4" x14ac:dyDescent="0.3">
      <c r="A359" s="6">
        <v>43452</v>
      </c>
      <c r="B359" s="8">
        <v>2.5109501999999999E-2</v>
      </c>
      <c r="C359" s="8">
        <v>0.21148798099999999</v>
      </c>
      <c r="D359" s="8">
        <v>0.15165030400000001</v>
      </c>
    </row>
    <row r="360" spans="1:4" x14ac:dyDescent="0.3">
      <c r="A360" s="6">
        <v>43453</v>
      </c>
      <c r="B360" s="8">
        <v>2.5109501999999999E-2</v>
      </c>
      <c r="C360" s="8">
        <v>0.21400444499999999</v>
      </c>
      <c r="D360" s="8">
        <v>0.14936375499999999</v>
      </c>
    </row>
    <row r="361" spans="1:4" x14ac:dyDescent="0.3">
      <c r="A361" s="6">
        <v>43454</v>
      </c>
      <c r="B361" s="8">
        <v>2.5109501999999999E-2</v>
      </c>
      <c r="C361" s="8">
        <v>0.22289282699999999</v>
      </c>
      <c r="D361" s="8">
        <v>0.148731168</v>
      </c>
    </row>
    <row r="362" spans="1:4" x14ac:dyDescent="0.3">
      <c r="A362" s="6">
        <v>43455</v>
      </c>
      <c r="B362" s="8">
        <v>2.5109501999999999E-2</v>
      </c>
      <c r="C362" s="8">
        <v>0.226182365</v>
      </c>
      <c r="D362" s="8">
        <v>0.14901972099999999</v>
      </c>
    </row>
    <row r="363" spans="1:4" x14ac:dyDescent="0.3">
      <c r="A363" s="6">
        <v>43456</v>
      </c>
      <c r="B363" s="8">
        <v>2.5109501999999999E-2</v>
      </c>
      <c r="C363" s="8">
        <v>0.22801413200000001</v>
      </c>
      <c r="D363" s="8">
        <v>0.15612194500000001</v>
      </c>
    </row>
    <row r="364" spans="1:4" x14ac:dyDescent="0.3">
      <c r="A364" s="6">
        <v>43457</v>
      </c>
      <c r="B364" s="8">
        <v>2.5109501999999999E-2</v>
      </c>
      <c r="C364" s="8">
        <v>0.22798703200000001</v>
      </c>
      <c r="D364" s="8">
        <v>0.15612194500000001</v>
      </c>
    </row>
    <row r="365" spans="1:4" x14ac:dyDescent="0.3">
      <c r="A365" s="6">
        <v>43458</v>
      </c>
      <c r="B365" s="8">
        <v>2.5109501999999999E-2</v>
      </c>
      <c r="C365" s="8">
        <v>0.22796321899999999</v>
      </c>
      <c r="D365" s="8">
        <v>0.15612194500000001</v>
      </c>
    </row>
    <row r="366" spans="1:4" x14ac:dyDescent="0.3">
      <c r="A366" s="6">
        <v>43459</v>
      </c>
      <c r="B366" s="8">
        <v>2.5109501999999999E-2</v>
      </c>
      <c r="C366" s="8">
        <v>0.227586496</v>
      </c>
      <c r="D366" s="8">
        <v>0.15548378900000001</v>
      </c>
    </row>
    <row r="367" spans="1:4" x14ac:dyDescent="0.3">
      <c r="A367" s="6">
        <v>43460</v>
      </c>
      <c r="B367" s="8">
        <v>2.5109501999999999E-2</v>
      </c>
      <c r="C367" s="8">
        <v>0.2276319</v>
      </c>
      <c r="D367" s="8">
        <v>0.15548378900000001</v>
      </c>
    </row>
    <row r="368" spans="1:4" x14ac:dyDescent="0.3">
      <c r="A368" s="6">
        <v>43461</v>
      </c>
      <c r="B368" s="8">
        <v>2.5109501999999999E-2</v>
      </c>
      <c r="C368" s="8">
        <v>0.227631737</v>
      </c>
      <c r="D368" s="8">
        <v>0.15311685999999999</v>
      </c>
    </row>
    <row r="369" spans="1:4" x14ac:dyDescent="0.3">
      <c r="A369" s="6">
        <v>43462</v>
      </c>
      <c r="B369" s="8">
        <v>2.5109501999999999E-2</v>
      </c>
      <c r="C369" s="8">
        <v>0.237096589</v>
      </c>
      <c r="D369" s="8">
        <v>0.14953718499999999</v>
      </c>
    </row>
    <row r="370" spans="1:4" x14ac:dyDescent="0.3">
      <c r="A370" s="6">
        <v>43463</v>
      </c>
      <c r="B370" s="8">
        <v>2.5104324000000001E-2</v>
      </c>
      <c r="C370" s="8">
        <v>0.24155105299999999</v>
      </c>
      <c r="D370" s="8">
        <v>0.14527511800000001</v>
      </c>
    </row>
    <row r="371" spans="1:4" x14ac:dyDescent="0.3">
      <c r="A371" s="6">
        <v>43464</v>
      </c>
      <c r="B371" s="8">
        <v>2.5104324000000001E-2</v>
      </c>
      <c r="C371" s="8">
        <v>0.246085208</v>
      </c>
      <c r="D371" s="8">
        <v>0.14527511800000001</v>
      </c>
    </row>
    <row r="372" spans="1:4" x14ac:dyDescent="0.3">
      <c r="A372" s="6">
        <v>43465</v>
      </c>
      <c r="B372" s="8">
        <v>2.5104324000000001E-2</v>
      </c>
      <c r="C372" s="8">
        <v>0.24614214500000001</v>
      </c>
      <c r="D372" s="8">
        <v>0.14527511800000001</v>
      </c>
    </row>
    <row r="373" spans="1:4" x14ac:dyDescent="0.3">
      <c r="A373" s="6">
        <v>43466</v>
      </c>
      <c r="B373" s="8">
        <v>2.5104324000000001E-2</v>
      </c>
      <c r="C373" s="8">
        <v>0.250087487</v>
      </c>
      <c r="D373" s="8">
        <v>0.14232637000000001</v>
      </c>
    </row>
    <row r="374" spans="1:4" x14ac:dyDescent="0.3">
      <c r="A374" s="6">
        <v>43467</v>
      </c>
      <c r="B374" s="8">
        <v>2.5104324000000001E-2</v>
      </c>
      <c r="C374" s="8">
        <v>0.25792289499999999</v>
      </c>
      <c r="D374" s="8">
        <v>0.14232637000000001</v>
      </c>
    </row>
    <row r="375" spans="1:4" x14ac:dyDescent="0.3">
      <c r="A375" s="6">
        <v>43468</v>
      </c>
      <c r="B375" s="8">
        <v>2.5104324000000001E-2</v>
      </c>
      <c r="C375" s="8">
        <v>0.28416158200000002</v>
      </c>
      <c r="D375" s="8">
        <v>0.13089732000000001</v>
      </c>
    </row>
    <row r="376" spans="1:4" x14ac:dyDescent="0.3">
      <c r="A376" s="6">
        <v>43469</v>
      </c>
      <c r="B376" s="8">
        <v>2.5104324000000001E-2</v>
      </c>
      <c r="C376" s="8">
        <v>0.28686466999999999</v>
      </c>
      <c r="D376" s="8">
        <v>0.132179191</v>
      </c>
    </row>
    <row r="377" spans="1:4" x14ac:dyDescent="0.3">
      <c r="A377" s="6">
        <v>43470</v>
      </c>
      <c r="B377" s="8">
        <v>2.5104324000000001E-2</v>
      </c>
      <c r="C377" s="8">
        <v>0.291244899</v>
      </c>
      <c r="D377" s="8">
        <v>0.33848108999999998</v>
      </c>
    </row>
    <row r="378" spans="1:4" x14ac:dyDescent="0.3">
      <c r="A378" s="6">
        <v>43471</v>
      </c>
      <c r="B378" s="8">
        <v>2.5104324000000001E-2</v>
      </c>
      <c r="C378" s="8">
        <v>0.29121402499999999</v>
      </c>
      <c r="D378" s="8">
        <v>0.33946217499999998</v>
      </c>
    </row>
    <row r="379" spans="1:4" x14ac:dyDescent="0.3">
      <c r="A379" s="6">
        <v>43472</v>
      </c>
      <c r="B379" s="8">
        <v>2.5104324000000001E-2</v>
      </c>
      <c r="C379" s="8">
        <v>0.30234137300000002</v>
      </c>
      <c r="D379" s="8">
        <v>0.33852732699999999</v>
      </c>
    </row>
    <row r="380" spans="1:4" x14ac:dyDescent="0.3">
      <c r="A380" s="6">
        <v>43473</v>
      </c>
      <c r="B380" s="8">
        <v>2.5104324000000001E-2</v>
      </c>
      <c r="C380" s="8">
        <v>0.31487396400000001</v>
      </c>
      <c r="D380" s="8">
        <v>0.33595267200000001</v>
      </c>
    </row>
    <row r="381" spans="1:4" x14ac:dyDescent="0.3">
      <c r="A381" s="6">
        <v>43474</v>
      </c>
      <c r="B381" s="8">
        <v>2.5104324000000001E-2</v>
      </c>
      <c r="C381" s="8">
        <v>0.32456464600000001</v>
      </c>
      <c r="D381" s="8">
        <v>0.33430433900000001</v>
      </c>
    </row>
    <row r="382" spans="1:4" x14ac:dyDescent="0.3">
      <c r="A382" s="6">
        <v>43475</v>
      </c>
      <c r="B382" s="8">
        <v>2.5104324000000001E-2</v>
      </c>
      <c r="C382" s="8">
        <v>0.34226810899999999</v>
      </c>
      <c r="D382" s="8">
        <v>0.33391308600000003</v>
      </c>
    </row>
    <row r="383" spans="1:4" x14ac:dyDescent="0.3">
      <c r="A383" s="6">
        <v>43476</v>
      </c>
      <c r="B383" s="8">
        <v>2.5104324000000001E-2</v>
      </c>
      <c r="C383" s="8">
        <v>0.34483369800000002</v>
      </c>
      <c r="D383" s="8">
        <v>0.33333333599999998</v>
      </c>
    </row>
    <row r="384" spans="1:4" x14ac:dyDescent="0.3">
      <c r="A384" s="6">
        <v>43477</v>
      </c>
      <c r="B384" s="8">
        <v>2.5104324000000001E-2</v>
      </c>
      <c r="C384" s="8">
        <v>0.35158197499999999</v>
      </c>
      <c r="D384" s="8">
        <v>0.33565162300000001</v>
      </c>
    </row>
    <row r="385" spans="1:4" x14ac:dyDescent="0.3">
      <c r="A385" s="6">
        <v>43478</v>
      </c>
      <c r="B385" s="8">
        <v>2.5104324000000001E-2</v>
      </c>
      <c r="C385" s="8">
        <v>0.36102896000000001</v>
      </c>
      <c r="D385" s="8">
        <v>0.33600749299999999</v>
      </c>
    </row>
    <row r="386" spans="1:4" x14ac:dyDescent="0.3">
      <c r="A386" s="6">
        <v>43479</v>
      </c>
      <c r="B386" s="8">
        <v>2.5104324000000001E-2</v>
      </c>
      <c r="C386" s="8">
        <v>0.36830784599999999</v>
      </c>
      <c r="D386" s="8">
        <v>0.33594128600000001</v>
      </c>
    </row>
    <row r="387" spans="1:4" x14ac:dyDescent="0.3">
      <c r="A387" s="6">
        <v>43480</v>
      </c>
      <c r="B387" s="8">
        <v>2.5104324000000001E-2</v>
      </c>
      <c r="C387" s="8">
        <v>0.36098946999999998</v>
      </c>
      <c r="D387" s="8">
        <v>0.343325718</v>
      </c>
    </row>
    <row r="388" spans="1:4" x14ac:dyDescent="0.3">
      <c r="A388" s="6">
        <v>43481</v>
      </c>
      <c r="B388" s="8">
        <v>2.5104324000000001E-2</v>
      </c>
      <c r="C388" s="8">
        <v>0.35644747999999998</v>
      </c>
      <c r="D388" s="8">
        <v>0.34550133100000002</v>
      </c>
    </row>
    <row r="389" spans="1:4" x14ac:dyDescent="0.3">
      <c r="A389" s="6">
        <v>43482</v>
      </c>
      <c r="B389" s="8">
        <v>2.5104324000000001E-2</v>
      </c>
      <c r="C389" s="8">
        <v>0.31756944500000001</v>
      </c>
      <c r="D389" s="8">
        <v>0.34124719100000001</v>
      </c>
    </row>
    <row r="390" spans="1:4" x14ac:dyDescent="0.3">
      <c r="A390" s="6">
        <v>43483</v>
      </c>
      <c r="B390" s="8">
        <v>2.5104324000000001E-2</v>
      </c>
      <c r="C390" s="8">
        <v>0.31346118499999998</v>
      </c>
      <c r="D390" s="8">
        <v>0.34539230900000001</v>
      </c>
    </row>
    <row r="391" spans="1:4" x14ac:dyDescent="0.3">
      <c r="A391" s="6">
        <v>43484</v>
      </c>
      <c r="B391" s="8">
        <v>2.5104324000000001E-2</v>
      </c>
      <c r="C391" s="8">
        <v>0.32215466999999998</v>
      </c>
      <c r="D391" s="8">
        <v>0.34373248200000001</v>
      </c>
    </row>
    <row r="392" spans="1:4" x14ac:dyDescent="0.3">
      <c r="A392" s="6">
        <v>43485</v>
      </c>
      <c r="B392" s="8">
        <v>2.5104324000000001E-2</v>
      </c>
      <c r="C392" s="8">
        <v>0.32215155200000001</v>
      </c>
      <c r="D392" s="8">
        <v>0.34850728800000003</v>
      </c>
    </row>
    <row r="393" spans="1:4" x14ac:dyDescent="0.3">
      <c r="A393" s="6">
        <v>43486</v>
      </c>
      <c r="B393" s="8">
        <v>2.5104324000000001E-2</v>
      </c>
      <c r="C393" s="8">
        <v>0.32210879799999997</v>
      </c>
      <c r="D393" s="8">
        <v>0.34849728800000002</v>
      </c>
    </row>
    <row r="394" spans="1:4" x14ac:dyDescent="0.3">
      <c r="A394" s="6">
        <v>43487</v>
      </c>
      <c r="B394" s="8">
        <v>2.5099573999999999E-2</v>
      </c>
      <c r="C394" s="8">
        <v>0.32472106000000001</v>
      </c>
      <c r="D394" s="8">
        <v>0.34728927700000001</v>
      </c>
    </row>
    <row r="395" spans="1:4" x14ac:dyDescent="0.3">
      <c r="A395" s="6">
        <v>43488</v>
      </c>
      <c r="B395" s="8">
        <v>2.5099573999999999E-2</v>
      </c>
      <c r="C395" s="8">
        <v>0.32970886599999999</v>
      </c>
      <c r="D395" s="8">
        <v>0.34529396200000001</v>
      </c>
    </row>
    <row r="396" spans="1:4" x14ac:dyDescent="0.3">
      <c r="A396" s="6">
        <v>43489</v>
      </c>
      <c r="B396" s="8">
        <v>2.5099573999999999E-2</v>
      </c>
      <c r="C396" s="8">
        <v>0.31269233200000002</v>
      </c>
      <c r="D396" s="8">
        <v>0.34347476900000001</v>
      </c>
    </row>
    <row r="397" spans="1:4" x14ac:dyDescent="0.3">
      <c r="A397" s="6">
        <v>43490</v>
      </c>
      <c r="B397" s="8">
        <v>2.5099573999999999E-2</v>
      </c>
      <c r="C397" s="8">
        <v>0.32009967299999997</v>
      </c>
      <c r="D397" s="8">
        <v>0.34693750899999998</v>
      </c>
    </row>
    <row r="398" spans="1:4" x14ac:dyDescent="0.3">
      <c r="A398" s="6">
        <v>43491</v>
      </c>
      <c r="B398" s="8">
        <v>2.5099573999999999E-2</v>
      </c>
      <c r="C398" s="8">
        <v>0.32290795</v>
      </c>
      <c r="D398" s="8">
        <v>0.34570725299999999</v>
      </c>
    </row>
    <row r="399" spans="1:4" x14ac:dyDescent="0.3">
      <c r="A399" s="6">
        <v>43492</v>
      </c>
      <c r="B399" s="8">
        <v>2.5099573999999999E-2</v>
      </c>
      <c r="C399" s="8">
        <v>0.32271306</v>
      </c>
      <c r="D399" s="8">
        <v>0.34404702399999998</v>
      </c>
    </row>
    <row r="400" spans="1:4" x14ac:dyDescent="0.3">
      <c r="A400" s="6">
        <v>43493</v>
      </c>
      <c r="B400" s="8">
        <v>2.5099573999999999E-2</v>
      </c>
      <c r="C400" s="8">
        <v>0.32899826399999998</v>
      </c>
      <c r="D400" s="8">
        <v>0.34365699599999999</v>
      </c>
    </row>
    <row r="401" spans="1:4" x14ac:dyDescent="0.3">
      <c r="A401" s="6">
        <v>43494</v>
      </c>
      <c r="B401" s="8">
        <v>2.5099573999999999E-2</v>
      </c>
      <c r="C401" s="8">
        <v>0.31440527200000001</v>
      </c>
      <c r="D401" s="8">
        <v>0.34288566100000001</v>
      </c>
    </row>
    <row r="402" spans="1:4" x14ac:dyDescent="0.3">
      <c r="A402" s="6">
        <v>43495</v>
      </c>
      <c r="B402" s="8">
        <v>2.5099573999999999E-2</v>
      </c>
      <c r="C402" s="8">
        <v>0.31411042900000002</v>
      </c>
      <c r="D402" s="8">
        <v>0.33857634800000003</v>
      </c>
    </row>
    <row r="403" spans="1:4" x14ac:dyDescent="0.3">
      <c r="A403" s="6">
        <v>43496</v>
      </c>
      <c r="B403" s="8">
        <v>2.5104324000000001E-2</v>
      </c>
      <c r="C403" s="8">
        <v>0.31402996399999999</v>
      </c>
      <c r="D403" s="8">
        <v>0.33669517700000001</v>
      </c>
    </row>
    <row r="404" spans="1:4" x14ac:dyDescent="0.3">
      <c r="A404" s="6">
        <v>43497</v>
      </c>
      <c r="B404" s="8">
        <v>2.5104324000000001E-2</v>
      </c>
      <c r="C404" s="8">
        <v>0.29411800900000001</v>
      </c>
      <c r="D404" s="8">
        <v>0.33513411500000001</v>
      </c>
    </row>
    <row r="405" spans="1:4" x14ac:dyDescent="0.3">
      <c r="A405" s="6">
        <v>43498</v>
      </c>
      <c r="B405" s="8">
        <v>2.5104324000000001E-2</v>
      </c>
      <c r="C405" s="8">
        <v>0.29835024199999999</v>
      </c>
      <c r="D405" s="8">
        <v>0.33086658600000002</v>
      </c>
    </row>
    <row r="406" spans="1:4" x14ac:dyDescent="0.3">
      <c r="A406" s="6">
        <v>43499</v>
      </c>
      <c r="B406" s="8">
        <v>2.5104324000000001E-2</v>
      </c>
      <c r="C406" s="8">
        <v>0.29829864</v>
      </c>
      <c r="D406" s="8">
        <v>0.32908465100000001</v>
      </c>
    </row>
    <row r="407" spans="1:4" x14ac:dyDescent="0.3">
      <c r="A407" s="6">
        <v>43500</v>
      </c>
      <c r="B407" s="8">
        <v>2.5104324000000001E-2</v>
      </c>
      <c r="C407" s="8">
        <v>0.29828304700000002</v>
      </c>
      <c r="D407" s="8">
        <v>0.32938052600000001</v>
      </c>
    </row>
    <row r="408" spans="1:4" x14ac:dyDescent="0.3">
      <c r="A408" s="6">
        <v>43501</v>
      </c>
      <c r="B408" s="8">
        <v>2.5104324000000001E-2</v>
      </c>
      <c r="C408" s="8">
        <v>0.28851003800000002</v>
      </c>
      <c r="D408" s="8">
        <v>0.32765787699999999</v>
      </c>
    </row>
    <row r="409" spans="1:4" x14ac:dyDescent="0.3">
      <c r="A409" s="6">
        <v>43502</v>
      </c>
      <c r="B409" s="8">
        <v>2.5104324000000001E-2</v>
      </c>
      <c r="C409" s="8">
        <v>0.28852401500000002</v>
      </c>
      <c r="D409" s="8">
        <v>0.32720164800000001</v>
      </c>
    </row>
    <row r="410" spans="1:4" x14ac:dyDescent="0.3">
      <c r="A410" s="6">
        <v>43503</v>
      </c>
      <c r="B410" s="8">
        <v>2.5104324000000001E-2</v>
      </c>
      <c r="C410" s="8">
        <v>0.28813538700000002</v>
      </c>
      <c r="D410" s="8">
        <v>0.32556873600000003</v>
      </c>
    </row>
    <row r="411" spans="1:4" x14ac:dyDescent="0.3">
      <c r="A411" s="6">
        <v>43504</v>
      </c>
      <c r="B411" s="8">
        <v>2.5104324000000001E-2</v>
      </c>
      <c r="C411" s="8">
        <v>0.27307521499999998</v>
      </c>
      <c r="D411" s="8">
        <v>0.32696388900000001</v>
      </c>
    </row>
    <row r="412" spans="1:4" x14ac:dyDescent="0.3">
      <c r="A412" s="6">
        <v>43505</v>
      </c>
      <c r="B412" s="8">
        <v>2.5104324000000001E-2</v>
      </c>
      <c r="C412" s="8">
        <v>0.25811824799999999</v>
      </c>
      <c r="D412" s="8">
        <v>0.32643590099999997</v>
      </c>
    </row>
    <row r="413" spans="1:4" x14ac:dyDescent="0.3">
      <c r="A413" s="6">
        <v>43506</v>
      </c>
      <c r="B413" s="8">
        <v>2.5104324000000001E-2</v>
      </c>
      <c r="C413" s="8">
        <v>0.258545052</v>
      </c>
      <c r="D413" s="8">
        <v>0.32588705699999998</v>
      </c>
    </row>
    <row r="414" spans="1:4" x14ac:dyDescent="0.3">
      <c r="A414" s="6">
        <v>43507</v>
      </c>
      <c r="B414" s="8">
        <v>2.5104324000000001E-2</v>
      </c>
      <c r="C414" s="8">
        <v>0.25828927099999999</v>
      </c>
      <c r="D414" s="8">
        <v>0.32484559099999999</v>
      </c>
    </row>
    <row r="415" spans="1:4" x14ac:dyDescent="0.3">
      <c r="A415" s="6">
        <v>43508</v>
      </c>
      <c r="B415" s="8">
        <v>2.5104324000000001E-2</v>
      </c>
      <c r="C415" s="8">
        <v>0.258008758</v>
      </c>
      <c r="D415" s="8">
        <v>0.32550740700000003</v>
      </c>
    </row>
    <row r="416" spans="1:4" x14ac:dyDescent="0.3">
      <c r="A416" s="6">
        <v>43509</v>
      </c>
      <c r="B416" s="8">
        <v>2.5104324000000001E-2</v>
      </c>
      <c r="C416" s="8">
        <v>0.25826882699999998</v>
      </c>
      <c r="D416" s="8">
        <v>0.32398368599999999</v>
      </c>
    </row>
    <row r="417" spans="1:4" x14ac:dyDescent="0.3">
      <c r="A417" s="6">
        <v>43510</v>
      </c>
      <c r="B417" s="8">
        <v>2.5104324000000001E-2</v>
      </c>
      <c r="C417" s="8">
        <v>0.244021075</v>
      </c>
      <c r="D417" s="8">
        <v>0.32256674699999999</v>
      </c>
    </row>
    <row r="418" spans="1:4" x14ac:dyDescent="0.3">
      <c r="A418" s="6">
        <v>43511</v>
      </c>
      <c r="B418" s="8">
        <v>2.5104324000000001E-2</v>
      </c>
      <c r="C418" s="8">
        <v>0.24379611800000001</v>
      </c>
      <c r="D418" s="8">
        <v>0.32342131099999999</v>
      </c>
    </row>
    <row r="419" spans="1:4" x14ac:dyDescent="0.3">
      <c r="A419" s="6">
        <v>43512</v>
      </c>
      <c r="B419" s="8">
        <v>2.5104324000000001E-2</v>
      </c>
      <c r="C419" s="8">
        <v>0.24442166700000001</v>
      </c>
      <c r="D419" s="8">
        <v>0.32243939100000002</v>
      </c>
    </row>
    <row r="420" spans="1:4" x14ac:dyDescent="0.3">
      <c r="A420" s="6">
        <v>43513</v>
      </c>
      <c r="B420" s="8">
        <v>2.5104324000000001E-2</v>
      </c>
      <c r="C420" s="8">
        <v>0.244320394</v>
      </c>
      <c r="D420" s="8">
        <v>0.32207917899999999</v>
      </c>
    </row>
    <row r="421" spans="1:4" x14ac:dyDescent="0.3">
      <c r="A421" s="6">
        <v>43514</v>
      </c>
      <c r="B421" s="8">
        <v>2.5104324000000001E-2</v>
      </c>
      <c r="C421" s="8">
        <v>0.244305946</v>
      </c>
      <c r="D421" s="8">
        <v>0.32152394000000001</v>
      </c>
    </row>
    <row r="422" spans="1:4" x14ac:dyDescent="0.3">
      <c r="A422" s="6">
        <v>43515</v>
      </c>
      <c r="B422" s="8">
        <v>2.5104324000000001E-2</v>
      </c>
      <c r="C422" s="8">
        <v>0.24442704000000001</v>
      </c>
      <c r="D422" s="8">
        <v>0.31995479599999999</v>
      </c>
    </row>
    <row r="423" spans="1:4" x14ac:dyDescent="0.3">
      <c r="A423" s="6">
        <v>43516</v>
      </c>
      <c r="B423" s="8">
        <v>2.5104324000000001E-2</v>
      </c>
      <c r="C423" s="8">
        <v>0.244411448</v>
      </c>
      <c r="D423" s="8">
        <v>0.32157935700000001</v>
      </c>
    </row>
    <row r="424" spans="1:4" x14ac:dyDescent="0.3">
      <c r="A424" s="6">
        <v>43517</v>
      </c>
      <c r="B424" s="8">
        <v>2.5104324000000001E-2</v>
      </c>
      <c r="C424" s="8">
        <v>0.24544352999999999</v>
      </c>
      <c r="D424" s="8">
        <v>0.32042269600000001</v>
      </c>
    </row>
    <row r="425" spans="1:4" x14ac:dyDescent="0.3">
      <c r="A425" s="6">
        <v>43518</v>
      </c>
      <c r="B425" s="8">
        <v>2.5104324000000001E-2</v>
      </c>
      <c r="C425" s="8">
        <v>0.230363178</v>
      </c>
      <c r="D425" s="8">
        <v>0.31823299700000002</v>
      </c>
    </row>
    <row r="426" spans="1:4" x14ac:dyDescent="0.3">
      <c r="A426" s="6">
        <v>43519</v>
      </c>
      <c r="B426" s="8">
        <v>5.5104324000000003E-2</v>
      </c>
      <c r="C426" s="8">
        <v>0.23002493600000001</v>
      </c>
      <c r="D426" s="8">
        <v>0.32098469000000002</v>
      </c>
    </row>
    <row r="427" spans="1:4" x14ac:dyDescent="0.3">
      <c r="A427" s="6">
        <v>43520</v>
      </c>
      <c r="B427" s="8">
        <v>5.5104324000000003E-2</v>
      </c>
      <c r="C427" s="8">
        <v>0.230318776</v>
      </c>
      <c r="D427" s="8">
        <v>0.32013876400000002</v>
      </c>
    </row>
    <row r="428" spans="1:4" x14ac:dyDescent="0.3">
      <c r="A428" s="6">
        <v>43521</v>
      </c>
      <c r="B428" s="8">
        <v>5.5104324000000003E-2</v>
      </c>
      <c r="C428" s="8">
        <v>0.23034697400000001</v>
      </c>
      <c r="D428" s="8">
        <v>0.31883304400000001</v>
      </c>
    </row>
    <row r="429" spans="1:4" x14ac:dyDescent="0.3">
      <c r="A429" s="6">
        <v>43522</v>
      </c>
      <c r="B429" s="8">
        <v>5.5104324000000003E-2</v>
      </c>
      <c r="C429" s="8">
        <v>0.23119408299999999</v>
      </c>
      <c r="D429" s="8">
        <v>0.31675911400000001</v>
      </c>
    </row>
    <row r="430" spans="1:4" x14ac:dyDescent="0.3">
      <c r="A430" s="6">
        <v>43523</v>
      </c>
      <c r="B430" s="8">
        <v>5.5104324000000003E-2</v>
      </c>
      <c r="C430" s="8">
        <v>0.23342858699999999</v>
      </c>
      <c r="D430" s="8">
        <v>0.31679234099999998</v>
      </c>
    </row>
    <row r="431" spans="1:4" x14ac:dyDescent="0.3">
      <c r="A431" s="6">
        <v>43524</v>
      </c>
      <c r="B431" s="8">
        <v>5.5104324000000003E-2</v>
      </c>
      <c r="C431" s="8">
        <v>0.235574019</v>
      </c>
      <c r="D431" s="8">
        <v>0.31546786799999998</v>
      </c>
    </row>
    <row r="432" spans="1:4" x14ac:dyDescent="0.3">
      <c r="A432" s="6">
        <v>43525</v>
      </c>
      <c r="B432" s="8">
        <v>5.5104324000000003E-2</v>
      </c>
      <c r="C432" s="8">
        <v>0.23639079900000001</v>
      </c>
      <c r="D432" s="8">
        <v>0.31127284799999999</v>
      </c>
    </row>
    <row r="433" spans="1:4" x14ac:dyDescent="0.3">
      <c r="A433" s="6">
        <v>43526</v>
      </c>
      <c r="B433" s="8">
        <v>5.5104324000000003E-2</v>
      </c>
      <c r="C433" s="8">
        <v>0.23909119400000001</v>
      </c>
      <c r="D433" s="8">
        <v>0.31338537900000002</v>
      </c>
    </row>
    <row r="434" spans="1:4" x14ac:dyDescent="0.3">
      <c r="A434" s="6">
        <v>43527</v>
      </c>
      <c r="B434" s="8">
        <v>5.7103123999999998E-2</v>
      </c>
      <c r="C434" s="8">
        <v>0.239604445</v>
      </c>
      <c r="D434" s="8">
        <v>0.31628097300000002</v>
      </c>
    </row>
    <row r="435" spans="1:4" x14ac:dyDescent="0.3">
      <c r="A435" s="6">
        <v>43528</v>
      </c>
      <c r="B435" s="8">
        <v>5.6303124000000003E-2</v>
      </c>
      <c r="C435" s="8">
        <v>0.23959667700000001</v>
      </c>
      <c r="D435" s="8">
        <v>0.31627997299999999</v>
      </c>
    </row>
    <row r="436" spans="1:4" x14ac:dyDescent="0.3">
      <c r="A436" s="6">
        <v>43529</v>
      </c>
      <c r="B436" s="8">
        <v>5.6303124000000003E-2</v>
      </c>
      <c r="C436" s="8">
        <v>0.24047607500000001</v>
      </c>
      <c r="D436" s="8">
        <v>0.31882829600000001</v>
      </c>
    </row>
    <row r="437" spans="1:4" x14ac:dyDescent="0.3">
      <c r="A437" s="6">
        <v>43530</v>
      </c>
      <c r="B437" s="8">
        <v>5.6303124000000003E-2</v>
      </c>
      <c r="C437" s="8">
        <v>0.24116966400000001</v>
      </c>
      <c r="D437" s="8">
        <v>0.31781748199999998</v>
      </c>
    </row>
    <row r="438" spans="1:4" x14ac:dyDescent="0.3">
      <c r="A438" s="6">
        <v>43531</v>
      </c>
      <c r="B438" s="8">
        <v>5.6303124000000003E-2</v>
      </c>
      <c r="C438" s="8">
        <v>0.241788157</v>
      </c>
      <c r="D438" s="8">
        <v>0.31632929399999998</v>
      </c>
    </row>
    <row r="439" spans="1:4" x14ac:dyDescent="0.3">
      <c r="A439" s="6">
        <v>43532</v>
      </c>
      <c r="B439" s="8">
        <v>5.6303124000000003E-2</v>
      </c>
      <c r="C439" s="8">
        <v>0.23122836599999999</v>
      </c>
      <c r="D439" s="8">
        <v>0.316317613</v>
      </c>
    </row>
    <row r="440" spans="1:4" x14ac:dyDescent="0.3">
      <c r="A440" s="6">
        <v>43533</v>
      </c>
      <c r="B440" s="8">
        <v>5.6303124000000003E-2</v>
      </c>
      <c r="C440" s="8">
        <v>0.23727251399999999</v>
      </c>
      <c r="D440" s="8">
        <v>0.31622476199999999</v>
      </c>
    </row>
    <row r="441" spans="1:4" x14ac:dyDescent="0.3">
      <c r="A441" s="6">
        <v>43534</v>
      </c>
      <c r="B441" s="8">
        <v>5.6303124000000003E-2</v>
      </c>
      <c r="C441" s="8">
        <v>0.23731972000000001</v>
      </c>
      <c r="D441" s="8">
        <v>0.31661760100000003</v>
      </c>
    </row>
    <row r="442" spans="1:4" x14ac:dyDescent="0.3">
      <c r="A442" s="6">
        <v>43535</v>
      </c>
      <c r="B442" s="8">
        <v>5.6303124000000003E-2</v>
      </c>
      <c r="C442" s="8">
        <v>0.23730509999999999</v>
      </c>
      <c r="D442" s="8">
        <v>0.31666760100000002</v>
      </c>
    </row>
    <row r="443" spans="1:4" x14ac:dyDescent="0.3">
      <c r="A443" s="6">
        <v>43536</v>
      </c>
      <c r="B443" s="8">
        <v>5.8401024000000003E-2</v>
      </c>
      <c r="C443" s="8">
        <v>0.240423514</v>
      </c>
      <c r="D443" s="8">
        <v>0.31507606500000002</v>
      </c>
    </row>
    <row r="444" spans="1:4" x14ac:dyDescent="0.3">
      <c r="A444" s="6">
        <v>43537</v>
      </c>
      <c r="B444" s="8">
        <v>5.8401024000000003E-2</v>
      </c>
      <c r="C444" s="8">
        <v>0.240437968</v>
      </c>
      <c r="D444" s="8">
        <v>0.31656489199999999</v>
      </c>
    </row>
    <row r="445" spans="1:4" x14ac:dyDescent="0.3">
      <c r="A445" s="6">
        <v>43538</v>
      </c>
      <c r="B445" s="8">
        <v>5.8401024000000003E-2</v>
      </c>
      <c r="C445" s="8">
        <v>0.24042249700000001</v>
      </c>
      <c r="D445" s="8">
        <v>0.31587088699999999</v>
      </c>
    </row>
    <row r="446" spans="1:4" x14ac:dyDescent="0.3">
      <c r="A446" s="6">
        <v>43539</v>
      </c>
      <c r="B446" s="8">
        <v>5.8401024000000003E-2</v>
      </c>
      <c r="C446" s="8">
        <v>0.24051362500000001</v>
      </c>
      <c r="D446" s="8">
        <v>0.31660232599999999</v>
      </c>
    </row>
    <row r="447" spans="1:4" x14ac:dyDescent="0.3">
      <c r="A447" s="6">
        <v>43540</v>
      </c>
      <c r="B447" s="8">
        <v>5.8401024000000003E-2</v>
      </c>
      <c r="C447" s="8">
        <v>0.239345064</v>
      </c>
      <c r="D447" s="8">
        <v>0.31687148399999998</v>
      </c>
    </row>
    <row r="448" spans="1:4" x14ac:dyDescent="0.3">
      <c r="A448" s="6">
        <v>43541</v>
      </c>
      <c r="B448" s="8">
        <v>5.8401024000000003E-2</v>
      </c>
      <c r="C448" s="8">
        <v>0.239344534</v>
      </c>
      <c r="D448" s="8">
        <v>0.31680849700000002</v>
      </c>
    </row>
    <row r="449" spans="1:4" x14ac:dyDescent="0.3">
      <c r="A449" s="6">
        <v>43542</v>
      </c>
      <c r="B449" s="8">
        <v>5.8401024000000003E-2</v>
      </c>
      <c r="C449" s="8">
        <v>0.239327277</v>
      </c>
      <c r="D449" s="8">
        <v>0.31555730300000001</v>
      </c>
    </row>
    <row r="450" spans="1:4" x14ac:dyDescent="0.3">
      <c r="A450" s="6">
        <v>43543</v>
      </c>
      <c r="B450" s="8">
        <v>5.8401024000000003E-2</v>
      </c>
      <c r="C450" s="8">
        <v>0.239721137</v>
      </c>
      <c r="D450" s="8">
        <v>0.31991533</v>
      </c>
    </row>
    <row r="451" spans="1:4" x14ac:dyDescent="0.3">
      <c r="A451" s="6">
        <v>43544</v>
      </c>
      <c r="B451" s="8">
        <v>5.8401024000000003E-2</v>
      </c>
      <c r="C451" s="8">
        <v>0.239918625</v>
      </c>
      <c r="D451" s="8">
        <v>0.32056382300000003</v>
      </c>
    </row>
    <row r="452" spans="1:4" x14ac:dyDescent="0.3">
      <c r="A452" s="6">
        <v>43545</v>
      </c>
      <c r="B452" s="8">
        <v>5.8401024000000003E-2</v>
      </c>
      <c r="C452" s="8">
        <v>0.24047581400000001</v>
      </c>
      <c r="D452" s="8">
        <v>0.31972486999999999</v>
      </c>
    </row>
    <row r="453" spans="1:4" x14ac:dyDescent="0.3">
      <c r="A453" s="6">
        <v>43546</v>
      </c>
      <c r="B453" s="8">
        <v>5.8401024000000003E-2</v>
      </c>
      <c r="C453" s="8">
        <v>0.24358599</v>
      </c>
      <c r="D453" s="8">
        <v>0.32244152300000001</v>
      </c>
    </row>
    <row r="454" spans="1:4" x14ac:dyDescent="0.3">
      <c r="A454" s="6">
        <v>43547</v>
      </c>
      <c r="B454" s="8">
        <v>5.8401024000000003E-2</v>
      </c>
      <c r="C454" s="8">
        <v>0.24440581</v>
      </c>
      <c r="D454" s="8">
        <v>0.32236392800000002</v>
      </c>
    </row>
    <row r="455" spans="1:4" x14ac:dyDescent="0.3">
      <c r="A455" s="6">
        <v>43548</v>
      </c>
      <c r="B455" s="8">
        <v>5.8401024000000003E-2</v>
      </c>
      <c r="C455" s="8">
        <v>0.24487292299999999</v>
      </c>
      <c r="D455" s="8">
        <v>0.322068929</v>
      </c>
    </row>
    <row r="456" spans="1:4" x14ac:dyDescent="0.3">
      <c r="A456" s="6">
        <v>43549</v>
      </c>
      <c r="B456" s="8">
        <v>5.8401024000000003E-2</v>
      </c>
      <c r="C456" s="8">
        <v>0.245251046</v>
      </c>
      <c r="D456" s="8">
        <v>0.321797106</v>
      </c>
    </row>
    <row r="457" spans="1:4" x14ac:dyDescent="0.3">
      <c r="A457" s="6">
        <v>43550</v>
      </c>
      <c r="B457" s="8">
        <v>5.8401024000000003E-2</v>
      </c>
      <c r="C457" s="8">
        <v>0.246145168</v>
      </c>
      <c r="D457" s="8">
        <v>0.32110091000000002</v>
      </c>
    </row>
    <row r="458" spans="1:4" x14ac:dyDescent="0.3">
      <c r="A458" s="6">
        <v>43551</v>
      </c>
      <c r="B458" s="8">
        <v>5.8401024000000003E-2</v>
      </c>
      <c r="C458" s="8">
        <v>0.24537967799999999</v>
      </c>
      <c r="D458" s="8">
        <v>0.32085088699999997</v>
      </c>
    </row>
    <row r="459" spans="1:4" x14ac:dyDescent="0.3">
      <c r="A459" s="6">
        <v>43552</v>
      </c>
      <c r="B459" s="8">
        <v>5.8401024000000003E-2</v>
      </c>
      <c r="C459" s="8">
        <v>0.24568215199999999</v>
      </c>
      <c r="D459" s="8">
        <v>0.32090342300000002</v>
      </c>
    </row>
    <row r="460" spans="1:4" x14ac:dyDescent="0.3">
      <c r="A460" s="6">
        <v>43553</v>
      </c>
      <c r="B460" s="8">
        <v>5.8401024000000003E-2</v>
      </c>
      <c r="C460" s="8">
        <v>0.24613889899999999</v>
      </c>
      <c r="D460" s="8">
        <v>0.31757200099999999</v>
      </c>
    </row>
    <row r="461" spans="1:4" x14ac:dyDescent="0.3">
      <c r="A461" s="6">
        <v>43554</v>
      </c>
      <c r="B461" s="8">
        <v>5.8401024000000003E-2</v>
      </c>
      <c r="C461" s="8">
        <v>0.24630302700000001</v>
      </c>
      <c r="D461" s="8">
        <v>0.31694177400000001</v>
      </c>
    </row>
    <row r="462" spans="1:4" x14ac:dyDescent="0.3">
      <c r="A462" s="6">
        <v>43555</v>
      </c>
      <c r="B462" s="8">
        <v>5.8401024000000003E-2</v>
      </c>
      <c r="C462" s="8">
        <v>0.245988549</v>
      </c>
      <c r="D462" s="8">
        <v>0.317030749</v>
      </c>
    </row>
    <row r="463" spans="1:4" x14ac:dyDescent="0.3">
      <c r="A463" s="6">
        <v>43556</v>
      </c>
      <c r="B463" s="8">
        <v>6.0001024E-2</v>
      </c>
      <c r="C463" s="8">
        <v>0.24590262800000001</v>
      </c>
      <c r="D463" s="8">
        <v>0.31706503699999999</v>
      </c>
    </row>
    <row r="464" spans="1:4" x14ac:dyDescent="0.3">
      <c r="A464" s="6">
        <v>43557</v>
      </c>
      <c r="B464" s="8">
        <v>6.0001024E-2</v>
      </c>
      <c r="C464" s="8">
        <v>0.25262478700000002</v>
      </c>
      <c r="D464" s="8">
        <v>0.311822867</v>
      </c>
    </row>
    <row r="465" spans="1:4" x14ac:dyDescent="0.3">
      <c r="A465" s="6">
        <v>43558</v>
      </c>
      <c r="B465" s="8">
        <v>6.0001024E-2</v>
      </c>
      <c r="C465" s="8">
        <v>0.25665924200000001</v>
      </c>
      <c r="D465" s="8">
        <v>0.31103075699999999</v>
      </c>
    </row>
    <row r="466" spans="1:4" x14ac:dyDescent="0.3">
      <c r="A466" s="6">
        <v>43559</v>
      </c>
      <c r="B466" s="8">
        <v>6.0001024E-2</v>
      </c>
      <c r="C466" s="8">
        <v>0.25625485799999997</v>
      </c>
      <c r="D466" s="8">
        <v>0.31103446699999998</v>
      </c>
    </row>
    <row r="467" spans="1:4" x14ac:dyDescent="0.3">
      <c r="A467" s="6">
        <v>43560</v>
      </c>
      <c r="B467" s="8">
        <v>6.0001024E-2</v>
      </c>
      <c r="C467" s="8">
        <v>0.25709801300000001</v>
      </c>
      <c r="D467" s="8">
        <v>0.30990379699999998</v>
      </c>
    </row>
    <row r="468" spans="1:4" x14ac:dyDescent="0.3">
      <c r="A468" s="6">
        <v>43561</v>
      </c>
      <c r="B468" s="8">
        <v>6.0001024E-2</v>
      </c>
      <c r="C468" s="8">
        <v>0.26043290600000002</v>
      </c>
      <c r="D468" s="8">
        <v>0.30811338100000002</v>
      </c>
    </row>
    <row r="469" spans="1:4" x14ac:dyDescent="0.3">
      <c r="A469" s="6">
        <v>43562</v>
      </c>
      <c r="B469" s="8">
        <v>6.0001024E-2</v>
      </c>
      <c r="C469" s="8">
        <v>0.26044558200000001</v>
      </c>
      <c r="D469" s="8">
        <v>0.30831157199999998</v>
      </c>
    </row>
    <row r="470" spans="1:4" x14ac:dyDescent="0.3">
      <c r="A470" s="6">
        <v>43563</v>
      </c>
      <c r="B470" s="8">
        <v>6.0001024E-2</v>
      </c>
      <c r="C470" s="8">
        <v>0.26063863100000001</v>
      </c>
      <c r="D470" s="8">
        <v>0.30823372799999998</v>
      </c>
    </row>
    <row r="471" spans="1:4" x14ac:dyDescent="0.3">
      <c r="A471" s="6">
        <v>43564</v>
      </c>
      <c r="B471" s="8">
        <v>8.0001024000000004E-2</v>
      </c>
      <c r="C471" s="8">
        <v>0.26097361899999999</v>
      </c>
      <c r="D471" s="8">
        <v>0.30713452699999999</v>
      </c>
    </row>
    <row r="472" spans="1:4" x14ac:dyDescent="0.3">
      <c r="A472" s="6">
        <v>43565</v>
      </c>
      <c r="B472" s="8">
        <v>8.7501023999999997E-2</v>
      </c>
      <c r="C472" s="8">
        <v>0.26615812999999999</v>
      </c>
      <c r="D472" s="8">
        <v>0.31127322899999998</v>
      </c>
    </row>
    <row r="473" spans="1:4" x14ac:dyDescent="0.3">
      <c r="A473" s="6">
        <v>43566</v>
      </c>
      <c r="B473" s="8">
        <v>0.12949102400000001</v>
      </c>
      <c r="C473" s="8">
        <v>0.26273480500000002</v>
      </c>
      <c r="D473" s="8">
        <v>0.31134193100000002</v>
      </c>
    </row>
    <row r="474" spans="1:4" x14ac:dyDescent="0.3">
      <c r="A474" s="6">
        <v>43567</v>
      </c>
      <c r="B474" s="8">
        <v>0.13948102400000001</v>
      </c>
      <c r="C474" s="8">
        <v>0.25904370999999998</v>
      </c>
      <c r="D474" s="8">
        <v>0.30891748200000002</v>
      </c>
    </row>
    <row r="475" spans="1:4" x14ac:dyDescent="0.3">
      <c r="A475" s="6">
        <v>43568</v>
      </c>
      <c r="B475" s="8">
        <v>0.159970524</v>
      </c>
      <c r="C475" s="8">
        <v>0.25924787300000002</v>
      </c>
      <c r="D475" s="8">
        <v>0.30748600700000001</v>
      </c>
    </row>
    <row r="476" spans="1:4" x14ac:dyDescent="0.3">
      <c r="A476" s="6">
        <v>43569</v>
      </c>
      <c r="B476" s="8">
        <v>0.154970524</v>
      </c>
      <c r="C476" s="8">
        <v>0.25943535200000001</v>
      </c>
      <c r="D476" s="8">
        <v>0.307628658</v>
      </c>
    </row>
    <row r="477" spans="1:4" x14ac:dyDescent="0.3">
      <c r="A477" s="6">
        <v>43570</v>
      </c>
      <c r="B477" s="8">
        <v>0.154970524</v>
      </c>
      <c r="C477" s="8">
        <v>0.25944629699999999</v>
      </c>
      <c r="D477" s="8">
        <v>0.31010996400000002</v>
      </c>
    </row>
    <row r="478" spans="1:4" x14ac:dyDescent="0.3">
      <c r="A478" s="6">
        <v>43571</v>
      </c>
      <c r="B478" s="8">
        <v>0.17566183199999999</v>
      </c>
      <c r="C478" s="8">
        <v>0.259384911</v>
      </c>
      <c r="D478" s="8">
        <v>0.30821277800000002</v>
      </c>
    </row>
    <row r="479" spans="1:4" x14ac:dyDescent="0.3">
      <c r="A479" s="6">
        <v>43572</v>
      </c>
      <c r="B479" s="8">
        <v>0.183264222</v>
      </c>
      <c r="C479" s="8">
        <v>0.25929948200000003</v>
      </c>
      <c r="D479" s="8">
        <v>0.30726220399999998</v>
      </c>
    </row>
    <row r="480" spans="1:4" x14ac:dyDescent="0.3">
      <c r="A480" s="6">
        <v>43573</v>
      </c>
      <c r="B480" s="8">
        <v>0.23859888300000001</v>
      </c>
      <c r="C480" s="8">
        <v>0.25590400699999999</v>
      </c>
      <c r="D480" s="8">
        <v>0.30895152199999998</v>
      </c>
    </row>
    <row r="481" spans="1:4" x14ac:dyDescent="0.3">
      <c r="A481" s="6">
        <v>43574</v>
      </c>
      <c r="B481" s="8">
        <v>0.24459288300000001</v>
      </c>
      <c r="C481" s="8">
        <v>0.25201105400000001</v>
      </c>
      <c r="D481" s="8">
        <v>0.30661501099999999</v>
      </c>
    </row>
    <row r="482" spans="1:4" x14ac:dyDescent="0.3">
      <c r="A482" s="6">
        <v>43575</v>
      </c>
      <c r="B482" s="8">
        <v>0.25244929799999999</v>
      </c>
      <c r="C482" s="8">
        <v>0.25199768</v>
      </c>
      <c r="D482" s="8">
        <v>0.30957151300000002</v>
      </c>
    </row>
    <row r="483" spans="1:4" x14ac:dyDescent="0.3">
      <c r="A483" s="6">
        <v>43576</v>
      </c>
      <c r="B483" s="8">
        <v>0.24644929800000001</v>
      </c>
      <c r="C483" s="8">
        <v>0.25198093999999999</v>
      </c>
      <c r="D483" s="8">
        <v>0.31021505599999999</v>
      </c>
    </row>
    <row r="484" spans="1:4" x14ac:dyDescent="0.3">
      <c r="A484" s="6">
        <v>43577</v>
      </c>
      <c r="B484" s="8">
        <v>0.26143529799999998</v>
      </c>
      <c r="C484" s="8">
        <v>0.25135172</v>
      </c>
      <c r="D484" s="8">
        <v>0.308438816</v>
      </c>
    </row>
    <row r="485" spans="1:4" x14ac:dyDescent="0.3">
      <c r="A485" s="6">
        <v>43578</v>
      </c>
      <c r="B485" s="8">
        <v>0.26143529799999998</v>
      </c>
      <c r="C485" s="8">
        <v>0.25173551300000002</v>
      </c>
      <c r="D485" s="8">
        <v>0.30511144400000001</v>
      </c>
    </row>
    <row r="486" spans="1:4" x14ac:dyDescent="0.3">
      <c r="A486" s="6">
        <v>43579</v>
      </c>
      <c r="B486" s="8">
        <v>0.32632029800000001</v>
      </c>
      <c r="C486" s="8">
        <v>0.251760339</v>
      </c>
      <c r="D486" s="8">
        <v>0.30471592800000002</v>
      </c>
    </row>
    <row r="487" spans="1:4" x14ac:dyDescent="0.3">
      <c r="A487" s="6">
        <v>43580</v>
      </c>
      <c r="B487" s="8">
        <v>0.371875442</v>
      </c>
      <c r="C487" s="8">
        <v>0.25214526599999998</v>
      </c>
      <c r="D487" s="8">
        <v>0.310889319</v>
      </c>
    </row>
    <row r="488" spans="1:4" x14ac:dyDescent="0.3">
      <c r="A488" s="6">
        <v>43581</v>
      </c>
      <c r="B488" s="8">
        <v>0.42524139</v>
      </c>
      <c r="C488" s="8">
        <v>0.256155523</v>
      </c>
      <c r="D488" s="8">
        <v>0.30954675300000001</v>
      </c>
    </row>
    <row r="489" spans="1:4" x14ac:dyDescent="0.3">
      <c r="A489" s="6">
        <v>43582</v>
      </c>
      <c r="B489" s="8">
        <v>0.40583328299999999</v>
      </c>
      <c r="C489" s="8">
        <v>0.26185051799999998</v>
      </c>
      <c r="D489" s="8">
        <v>0.33446452300000001</v>
      </c>
    </row>
    <row r="490" spans="1:4" x14ac:dyDescent="0.3">
      <c r="A490" s="6">
        <v>43583</v>
      </c>
      <c r="B490" s="8">
        <v>0.41133428300000002</v>
      </c>
      <c r="C490" s="8">
        <v>0.29184349500000001</v>
      </c>
      <c r="D490" s="8">
        <v>0.33731045900000001</v>
      </c>
    </row>
    <row r="491" spans="1:4" x14ac:dyDescent="0.3">
      <c r="A491" s="6">
        <v>43584</v>
      </c>
      <c r="B491" s="8">
        <v>0.41133428300000002</v>
      </c>
      <c r="C491" s="8">
        <v>0.291622029</v>
      </c>
      <c r="D491" s="8">
        <v>0.33975896</v>
      </c>
    </row>
    <row r="492" spans="1:4" x14ac:dyDescent="0.3">
      <c r="A492" s="6">
        <v>43585</v>
      </c>
      <c r="B492" s="8">
        <v>0.41133428300000002</v>
      </c>
      <c r="C492" s="8">
        <v>0.29158303600000002</v>
      </c>
      <c r="D492" s="8">
        <v>0.35949608500000002</v>
      </c>
    </row>
    <row r="493" spans="1:4" x14ac:dyDescent="0.3">
      <c r="A493" s="6">
        <v>43586</v>
      </c>
      <c r="B493" s="8">
        <v>0.41133428300000002</v>
      </c>
      <c r="C493" s="8">
        <v>0.29168431299999997</v>
      </c>
      <c r="D493" s="8">
        <v>0.36875882700000001</v>
      </c>
    </row>
    <row r="494" spans="1:4" x14ac:dyDescent="0.3">
      <c r="A494" s="6">
        <v>43587</v>
      </c>
      <c r="B494" s="8">
        <v>0.41133428300000002</v>
      </c>
      <c r="C494" s="8">
        <v>0.29358123200000003</v>
      </c>
      <c r="D494" s="8">
        <v>0.37568629199999998</v>
      </c>
    </row>
    <row r="495" spans="1:4" x14ac:dyDescent="0.3">
      <c r="A495" s="6">
        <v>43588</v>
      </c>
      <c r="B495" s="8">
        <v>0.41133428300000002</v>
      </c>
      <c r="C495" s="8">
        <v>0.29289832399999999</v>
      </c>
      <c r="D495" s="8">
        <v>0.38790944100000002</v>
      </c>
    </row>
    <row r="496" spans="1:4" x14ac:dyDescent="0.3">
      <c r="A496" s="6">
        <v>43589</v>
      </c>
      <c r="B496" s="8">
        <v>0.41133428300000002</v>
      </c>
      <c r="C496" s="8">
        <v>0.29546217499999999</v>
      </c>
      <c r="D496" s="8">
        <v>0.39899800000000002</v>
      </c>
    </row>
    <row r="497" spans="1:4" x14ac:dyDescent="0.3">
      <c r="A497" s="6">
        <v>43590</v>
      </c>
      <c r="B497" s="8">
        <v>0.41133428300000002</v>
      </c>
      <c r="C497" s="8">
        <v>0.29867912899999999</v>
      </c>
      <c r="D497" s="8">
        <v>0.40210083200000002</v>
      </c>
    </row>
    <row r="498" spans="1:4" x14ac:dyDescent="0.3">
      <c r="A498" s="6">
        <v>43591</v>
      </c>
      <c r="B498" s="8">
        <v>0.41133428300000002</v>
      </c>
      <c r="C498" s="8">
        <v>0.29945230299999998</v>
      </c>
      <c r="D498" s="8">
        <v>0.40460867499999997</v>
      </c>
    </row>
    <row r="499" spans="1:4" x14ac:dyDescent="0.3">
      <c r="A499" s="6">
        <v>43592</v>
      </c>
      <c r="B499" s="8">
        <v>0.41133428300000002</v>
      </c>
      <c r="C499" s="8">
        <v>0.30172512600000001</v>
      </c>
      <c r="D499" s="8">
        <v>0.40863175400000001</v>
      </c>
    </row>
    <row r="500" spans="1:4" x14ac:dyDescent="0.3">
      <c r="A500" s="6">
        <v>43593</v>
      </c>
      <c r="B500" s="8">
        <v>0.41133428300000002</v>
      </c>
      <c r="C500" s="8">
        <v>0.30639002999999998</v>
      </c>
      <c r="D500" s="8">
        <v>0.40806205499999998</v>
      </c>
    </row>
    <row r="501" spans="1:4" x14ac:dyDescent="0.3">
      <c r="A501" s="6">
        <v>43594</v>
      </c>
      <c r="B501" s="8">
        <v>0.41133428300000002</v>
      </c>
      <c r="C501" s="8">
        <v>0.31330489299999997</v>
      </c>
      <c r="D501" s="8">
        <v>0.41049897600000002</v>
      </c>
    </row>
    <row r="502" spans="1:4" x14ac:dyDescent="0.3">
      <c r="A502" s="6">
        <v>43595</v>
      </c>
      <c r="B502" s="8">
        <v>0.33733428300000001</v>
      </c>
      <c r="C502" s="8">
        <v>0.32422200200000001</v>
      </c>
      <c r="D502" s="8">
        <v>0.41476299100000003</v>
      </c>
    </row>
    <row r="503" spans="1:4" x14ac:dyDescent="0.3">
      <c r="A503" s="6">
        <v>43596</v>
      </c>
      <c r="B503" s="8">
        <v>0.33733428300000001</v>
      </c>
      <c r="C503" s="8">
        <v>0.32641735700000002</v>
      </c>
      <c r="D503" s="8">
        <v>0.42512261499999998</v>
      </c>
    </row>
    <row r="504" spans="1:4" x14ac:dyDescent="0.3">
      <c r="A504" s="6">
        <v>43597</v>
      </c>
      <c r="B504" s="8">
        <v>0.33733428300000001</v>
      </c>
      <c r="C504" s="8">
        <v>0.32710885099999998</v>
      </c>
      <c r="D504" s="8">
        <v>0.42512261499999998</v>
      </c>
    </row>
    <row r="505" spans="1:4" x14ac:dyDescent="0.3">
      <c r="A505" s="6">
        <v>43598</v>
      </c>
      <c r="B505" s="8">
        <v>0.33733428300000001</v>
      </c>
      <c r="C505" s="8">
        <v>0.32710422900000002</v>
      </c>
      <c r="D505" s="8">
        <v>0.42757270000000003</v>
      </c>
    </row>
    <row r="506" spans="1:4" x14ac:dyDescent="0.3">
      <c r="A506" s="6">
        <v>43599</v>
      </c>
      <c r="B506" s="8">
        <v>0.349022583</v>
      </c>
      <c r="C506" s="8">
        <v>0.33719331000000002</v>
      </c>
      <c r="D506" s="8">
        <v>0.42752875099999998</v>
      </c>
    </row>
    <row r="507" spans="1:4" x14ac:dyDescent="0.3">
      <c r="A507" s="6">
        <v>43600</v>
      </c>
      <c r="B507" s="8">
        <v>0.33024845000000003</v>
      </c>
      <c r="C507" s="8">
        <v>0.34749723599999999</v>
      </c>
      <c r="D507" s="8">
        <v>0.43375551899999998</v>
      </c>
    </row>
    <row r="508" spans="1:4" x14ac:dyDescent="0.3">
      <c r="A508" s="6">
        <v>43601</v>
      </c>
      <c r="B508" s="8">
        <v>0.33890813600000003</v>
      </c>
      <c r="C508" s="8">
        <v>0.35162387000000001</v>
      </c>
      <c r="D508" s="8">
        <v>0.43114503300000001</v>
      </c>
    </row>
    <row r="509" spans="1:4" x14ac:dyDescent="0.3">
      <c r="A509" s="6">
        <v>43602</v>
      </c>
      <c r="B509" s="8">
        <v>0.347219683</v>
      </c>
      <c r="C509" s="8">
        <v>0.35624605599999998</v>
      </c>
      <c r="D509" s="8">
        <v>0.42466685799999998</v>
      </c>
    </row>
    <row r="510" spans="1:4" x14ac:dyDescent="0.3">
      <c r="A510" s="6">
        <v>43603</v>
      </c>
      <c r="B510" s="8">
        <v>0.347950127</v>
      </c>
      <c r="C510" s="8">
        <v>0.35849984699999998</v>
      </c>
      <c r="D510" s="8">
        <v>0.42466044400000003</v>
      </c>
    </row>
    <row r="511" spans="1:4" x14ac:dyDescent="0.3">
      <c r="A511" s="6">
        <v>43604</v>
      </c>
      <c r="B511" s="8">
        <v>0.347950127</v>
      </c>
      <c r="C511" s="8">
        <v>0.35838782499999999</v>
      </c>
      <c r="D511" s="8">
        <v>0.42805021799999998</v>
      </c>
    </row>
    <row r="512" spans="1:4" x14ac:dyDescent="0.3">
      <c r="A512" s="6">
        <v>43605</v>
      </c>
      <c r="B512" s="8">
        <v>0.347950127</v>
      </c>
      <c r="C512" s="8">
        <v>0.35767090400000001</v>
      </c>
      <c r="D512" s="8">
        <v>0.433237808</v>
      </c>
    </row>
    <row r="513" spans="1:4" x14ac:dyDescent="0.3">
      <c r="A513" s="6">
        <v>43606</v>
      </c>
      <c r="B513" s="8">
        <v>0.37303530600000001</v>
      </c>
      <c r="C513" s="8">
        <v>0.35784317399999999</v>
      </c>
      <c r="D513" s="8">
        <v>0.42771994000000002</v>
      </c>
    </row>
    <row r="514" spans="1:4" x14ac:dyDescent="0.3">
      <c r="A514" s="6">
        <v>43607</v>
      </c>
      <c r="B514" s="8">
        <v>0.40275254700000002</v>
      </c>
      <c r="C514" s="8">
        <v>0.35843532900000002</v>
      </c>
      <c r="D514" s="8">
        <v>0.42285262499999998</v>
      </c>
    </row>
    <row r="515" spans="1:4" x14ac:dyDescent="0.3">
      <c r="A515" s="6">
        <v>43608</v>
      </c>
      <c r="B515" s="8">
        <v>0.42004481300000002</v>
      </c>
      <c r="C515" s="8">
        <v>0.35962247800000002</v>
      </c>
      <c r="D515" s="8">
        <v>0.41994499800000001</v>
      </c>
    </row>
    <row r="516" spans="1:4" x14ac:dyDescent="0.3">
      <c r="A516" s="6">
        <v>43609</v>
      </c>
      <c r="B516" s="8">
        <v>0.436808682</v>
      </c>
      <c r="C516" s="8">
        <v>0.35955036699999998</v>
      </c>
      <c r="D516" s="8">
        <v>0.419936011</v>
      </c>
    </row>
    <row r="517" spans="1:4" x14ac:dyDescent="0.3">
      <c r="A517" s="6">
        <v>43610</v>
      </c>
      <c r="B517" s="8">
        <v>0.47758468900000001</v>
      </c>
      <c r="C517" s="8">
        <v>0.359751443</v>
      </c>
      <c r="D517" s="8">
        <v>0.41966356399999999</v>
      </c>
    </row>
    <row r="518" spans="1:4" x14ac:dyDescent="0.3">
      <c r="A518" s="6">
        <v>43611</v>
      </c>
      <c r="B518" s="8">
        <v>0.495566689</v>
      </c>
      <c r="C518" s="8">
        <v>0.36158956599999997</v>
      </c>
      <c r="D518" s="8">
        <v>0.41918515699999997</v>
      </c>
    </row>
    <row r="519" spans="1:4" x14ac:dyDescent="0.3">
      <c r="A519" s="6">
        <v>43612</v>
      </c>
      <c r="B519" s="8">
        <v>0.50455768899999998</v>
      </c>
      <c r="C519" s="8">
        <v>0.36210678099999999</v>
      </c>
      <c r="D519" s="8">
        <v>0.41929105700000002</v>
      </c>
    </row>
    <row r="520" spans="1:4" x14ac:dyDescent="0.3">
      <c r="A520" s="6">
        <v>43613</v>
      </c>
      <c r="B520" s="8">
        <v>0.52581141399999998</v>
      </c>
      <c r="C520" s="8">
        <v>0.36151716699999997</v>
      </c>
      <c r="D520" s="8">
        <v>0.40481363599999998</v>
      </c>
    </row>
    <row r="521" spans="1:4" x14ac:dyDescent="0.3">
      <c r="A521" s="6">
        <v>43614</v>
      </c>
      <c r="B521" s="8">
        <v>0.53689609000000005</v>
      </c>
      <c r="C521" s="8">
        <v>0.36025804700000003</v>
      </c>
      <c r="D521" s="8">
        <v>0.40624257800000002</v>
      </c>
    </row>
    <row r="522" spans="1:4" x14ac:dyDescent="0.3">
      <c r="A522" s="6">
        <v>43615</v>
      </c>
      <c r="B522" s="8">
        <v>0.55843822600000004</v>
      </c>
      <c r="C522" s="8">
        <v>0.35884335899999997</v>
      </c>
      <c r="D522" s="8">
        <v>0.40994755799999999</v>
      </c>
    </row>
    <row r="523" spans="1:4" x14ac:dyDescent="0.3">
      <c r="A523" s="6">
        <v>43616</v>
      </c>
      <c r="B523" s="8">
        <v>0.56163272799999997</v>
      </c>
      <c r="C523" s="8">
        <v>0.32972860799999998</v>
      </c>
      <c r="D523" s="8">
        <v>0.40778299499999998</v>
      </c>
    </row>
    <row r="524" spans="1:4" x14ac:dyDescent="0.3">
      <c r="A524" s="6">
        <v>43617</v>
      </c>
      <c r="B524" s="8">
        <v>0.571990895</v>
      </c>
      <c r="C524" s="8">
        <v>0.33287723299999999</v>
      </c>
      <c r="D524" s="8">
        <v>0.40859663200000002</v>
      </c>
    </row>
    <row r="525" spans="1:4" x14ac:dyDescent="0.3">
      <c r="A525" s="6">
        <v>43618</v>
      </c>
      <c r="B525" s="8">
        <v>0.57343639800000001</v>
      </c>
      <c r="C525" s="8">
        <v>0.33375296500000001</v>
      </c>
      <c r="D525" s="8">
        <v>0.40981422899999997</v>
      </c>
    </row>
    <row r="526" spans="1:4" x14ac:dyDescent="0.3">
      <c r="A526" s="6">
        <v>43619</v>
      </c>
      <c r="B526" s="8">
        <v>0.57343639800000001</v>
      </c>
      <c r="C526" s="8">
        <v>0.33371542100000001</v>
      </c>
      <c r="D526" s="8">
        <v>0.40969772999999998</v>
      </c>
    </row>
    <row r="527" spans="1:4" x14ac:dyDescent="0.3">
      <c r="A527" s="6">
        <v>43620</v>
      </c>
      <c r="B527" s="8">
        <v>0.58451008800000004</v>
      </c>
      <c r="C527" s="8">
        <v>0.334367197</v>
      </c>
      <c r="D527" s="8">
        <v>0.40681416100000001</v>
      </c>
    </row>
    <row r="528" spans="1:4" x14ac:dyDescent="0.3">
      <c r="A528" s="6">
        <v>43621</v>
      </c>
      <c r="B528" s="8">
        <v>0.59379434399999997</v>
      </c>
      <c r="C528" s="8">
        <v>0.33507817600000001</v>
      </c>
      <c r="D528" s="8">
        <v>0.40802714099999998</v>
      </c>
    </row>
    <row r="529" spans="1:4" x14ac:dyDescent="0.3">
      <c r="A529" s="6">
        <v>43622</v>
      </c>
      <c r="B529" s="8">
        <v>0.61667401700000002</v>
      </c>
      <c r="C529" s="8">
        <v>0.33623223000000002</v>
      </c>
      <c r="D529" s="8">
        <v>0.41317262100000002</v>
      </c>
    </row>
    <row r="530" spans="1:4" x14ac:dyDescent="0.3">
      <c r="A530" s="6">
        <v>43623</v>
      </c>
      <c r="B530" s="8">
        <v>0.63609676500000001</v>
      </c>
      <c r="C530" s="8">
        <v>0.33753343600000002</v>
      </c>
      <c r="D530" s="8">
        <v>0.42321893300000002</v>
      </c>
    </row>
    <row r="531" spans="1:4" x14ac:dyDescent="0.3">
      <c r="A531" s="6">
        <v>43624</v>
      </c>
      <c r="B531" s="8">
        <v>0.64204111500000005</v>
      </c>
      <c r="C531" s="8">
        <v>0.33749586999999998</v>
      </c>
      <c r="D531" s="8">
        <v>0.431537962</v>
      </c>
    </row>
    <row r="532" spans="1:4" x14ac:dyDescent="0.3">
      <c r="A532" s="6">
        <v>43625</v>
      </c>
      <c r="B532" s="8">
        <v>0.64204111500000005</v>
      </c>
      <c r="C532" s="8">
        <v>0.337493404</v>
      </c>
      <c r="D532" s="8">
        <v>0.431537962</v>
      </c>
    </row>
    <row r="533" spans="1:4" x14ac:dyDescent="0.3">
      <c r="A533" s="6">
        <v>43626</v>
      </c>
      <c r="B533" s="8">
        <v>0.644039115</v>
      </c>
      <c r="C533" s="8">
        <v>0.33751013200000002</v>
      </c>
      <c r="D533" s="8">
        <v>0.43153186900000001</v>
      </c>
    </row>
    <row r="534" spans="1:4" x14ac:dyDescent="0.3">
      <c r="A534" s="6">
        <v>43627</v>
      </c>
      <c r="B534" s="8">
        <v>0.686777623</v>
      </c>
      <c r="C534" s="8">
        <v>0.34012087899999999</v>
      </c>
      <c r="D534" s="8">
        <v>0.42541531599999999</v>
      </c>
    </row>
    <row r="535" spans="1:4" x14ac:dyDescent="0.3">
      <c r="A535" s="6">
        <v>43628</v>
      </c>
      <c r="B535" s="8">
        <v>0.72478615000000002</v>
      </c>
      <c r="C535" s="8">
        <v>0.34001266099999999</v>
      </c>
      <c r="D535" s="8">
        <v>0.41933237699999998</v>
      </c>
    </row>
    <row r="536" spans="1:4" x14ac:dyDescent="0.3">
      <c r="A536" s="6">
        <v>43629</v>
      </c>
      <c r="B536" s="8">
        <v>0.76138291199999997</v>
      </c>
      <c r="C536" s="8">
        <v>0.34118665799999998</v>
      </c>
      <c r="D536" s="8">
        <v>0.42670244699999998</v>
      </c>
    </row>
    <row r="537" spans="1:4" x14ac:dyDescent="0.3">
      <c r="A537" s="6">
        <v>43630</v>
      </c>
      <c r="B537" s="8">
        <v>0.78834028899999997</v>
      </c>
      <c r="C537" s="8">
        <v>0.34347094</v>
      </c>
      <c r="D537" s="8">
        <v>0.41802178099999998</v>
      </c>
    </row>
    <row r="538" spans="1:4" x14ac:dyDescent="0.3">
      <c r="A538" s="6">
        <v>43631</v>
      </c>
      <c r="B538" s="8">
        <v>0.80627878100000006</v>
      </c>
      <c r="C538" s="8">
        <v>0.343664635</v>
      </c>
      <c r="D538" s="8">
        <v>0.420954995</v>
      </c>
    </row>
    <row r="539" spans="1:4" x14ac:dyDescent="0.3">
      <c r="A539" s="6">
        <v>43632</v>
      </c>
      <c r="B539" s="8">
        <v>0.81427078100000005</v>
      </c>
      <c r="C539" s="8">
        <v>0.34415282400000002</v>
      </c>
      <c r="D539" s="8">
        <v>0.42356039699999998</v>
      </c>
    </row>
    <row r="540" spans="1:4" x14ac:dyDescent="0.3">
      <c r="A540" s="6">
        <v>43633</v>
      </c>
      <c r="B540" s="8">
        <v>0.83824678100000005</v>
      </c>
      <c r="C540" s="8">
        <v>0.34367600300000001</v>
      </c>
      <c r="D540" s="8">
        <v>0.42176603899999998</v>
      </c>
    </row>
    <row r="541" spans="1:4" x14ac:dyDescent="0.3">
      <c r="A541" s="6">
        <v>43634</v>
      </c>
      <c r="B541" s="8">
        <v>0.88326459800000001</v>
      </c>
      <c r="C541" s="8">
        <v>0.34216356199999998</v>
      </c>
      <c r="D541" s="8">
        <v>0.40040649499999997</v>
      </c>
    </row>
    <row r="542" spans="1:4" x14ac:dyDescent="0.3">
      <c r="A542" s="6">
        <v>43635</v>
      </c>
      <c r="B542" s="8">
        <v>0.88985949799999997</v>
      </c>
      <c r="C542" s="8">
        <v>0.341838639</v>
      </c>
      <c r="D542" s="8">
        <v>0.40017674399999997</v>
      </c>
    </row>
    <row r="543" spans="1:4" x14ac:dyDescent="0.3">
      <c r="A543" s="6">
        <v>43636</v>
      </c>
      <c r="B543" s="8">
        <v>0.89374261200000005</v>
      </c>
      <c r="C543" s="8">
        <v>0.34620847599999999</v>
      </c>
      <c r="D543" s="8">
        <v>0.38863941000000002</v>
      </c>
    </row>
    <row r="544" spans="1:4" x14ac:dyDescent="0.3">
      <c r="A544" s="6">
        <v>43637</v>
      </c>
      <c r="B544" s="8">
        <v>0.910779962</v>
      </c>
      <c r="C544" s="8">
        <v>0.34687937699999999</v>
      </c>
      <c r="D544" s="8">
        <v>0.38647467400000002</v>
      </c>
    </row>
    <row r="545" spans="1:4" x14ac:dyDescent="0.3">
      <c r="A545" s="6">
        <v>43638</v>
      </c>
      <c r="B545" s="8">
        <v>0.93013799200000002</v>
      </c>
      <c r="C545" s="8">
        <v>0.34330640099999998</v>
      </c>
      <c r="D545" s="8">
        <v>0.383523012</v>
      </c>
    </row>
    <row r="546" spans="1:4" x14ac:dyDescent="0.3">
      <c r="A546" s="6">
        <v>43639</v>
      </c>
      <c r="B546" s="8">
        <v>0.93313499200000005</v>
      </c>
      <c r="C546" s="8">
        <v>0.34259896200000001</v>
      </c>
      <c r="D546" s="8">
        <v>0.38252191299999999</v>
      </c>
    </row>
    <row r="547" spans="1:4" x14ac:dyDescent="0.3">
      <c r="A547" s="6">
        <v>43640</v>
      </c>
      <c r="B547" s="8">
        <v>0.94613499199999995</v>
      </c>
      <c r="C547" s="8">
        <v>0.34407901000000002</v>
      </c>
      <c r="D547" s="8">
        <v>0.38252191299999999</v>
      </c>
    </row>
    <row r="548" spans="1:4" x14ac:dyDescent="0.3">
      <c r="A548" s="6">
        <v>43641</v>
      </c>
      <c r="B548" s="8">
        <v>0.95058499200000002</v>
      </c>
      <c r="C548" s="8">
        <v>0.34611686800000002</v>
      </c>
      <c r="D548" s="8">
        <v>0.36667076599999998</v>
      </c>
    </row>
    <row r="549" spans="1:4" x14ac:dyDescent="0.3">
      <c r="A549" s="6">
        <v>43642</v>
      </c>
      <c r="B549" s="8">
        <v>0.97134495200000004</v>
      </c>
      <c r="C549" s="8">
        <v>0.34498530700000002</v>
      </c>
      <c r="D549" s="8">
        <v>0.36515830500000002</v>
      </c>
    </row>
    <row r="550" spans="1:4" x14ac:dyDescent="0.3">
      <c r="A550" s="6">
        <v>43643</v>
      </c>
      <c r="B550" s="8">
        <v>0.97385523399999996</v>
      </c>
      <c r="C550" s="8">
        <v>0.35393389800000002</v>
      </c>
      <c r="D550" s="8">
        <v>0.35427230399999998</v>
      </c>
    </row>
    <row r="551" spans="1:4" x14ac:dyDescent="0.3">
      <c r="A551" s="6">
        <v>43644</v>
      </c>
      <c r="B551" s="8">
        <v>0.97697171900000002</v>
      </c>
      <c r="C551" s="8">
        <v>0.360296756</v>
      </c>
      <c r="D551" s="8">
        <v>0.36442777100000001</v>
      </c>
    </row>
    <row r="552" spans="1:4" x14ac:dyDescent="0.3">
      <c r="A552" s="6">
        <v>43645</v>
      </c>
      <c r="B552" s="8">
        <v>0.99168677100000002</v>
      </c>
      <c r="C552" s="8">
        <v>0.36328830499999998</v>
      </c>
      <c r="D552" s="8">
        <v>0.37831155999999999</v>
      </c>
    </row>
    <row r="553" spans="1:4" x14ac:dyDescent="0.3">
      <c r="A553" s="6">
        <v>43646</v>
      </c>
      <c r="B553" s="8">
        <v>1.018686771</v>
      </c>
      <c r="C553" s="8">
        <v>0.36598876899999999</v>
      </c>
      <c r="D553" s="8">
        <v>0.37851156000000002</v>
      </c>
    </row>
    <row r="554" spans="1:4" x14ac:dyDescent="0.3">
      <c r="A554" s="6">
        <v>43647</v>
      </c>
      <c r="B554" s="8">
        <v>1.018686771</v>
      </c>
      <c r="C554" s="8">
        <v>0.36581734100000002</v>
      </c>
      <c r="D554" s="8">
        <v>0.37851156000000002</v>
      </c>
    </row>
    <row r="555" spans="1:4" x14ac:dyDescent="0.3">
      <c r="A555" s="6">
        <v>43648</v>
      </c>
      <c r="B555" s="8">
        <v>1.0528865709999999</v>
      </c>
      <c r="C555" s="8">
        <v>0.36730491700000001</v>
      </c>
      <c r="D555" s="8">
        <v>0.36309297499999998</v>
      </c>
    </row>
    <row r="556" spans="1:4" x14ac:dyDescent="0.3">
      <c r="A556" s="6">
        <v>43649</v>
      </c>
      <c r="B556" s="8">
        <v>1.064700516</v>
      </c>
      <c r="C556" s="8">
        <v>0.36948093700000001</v>
      </c>
      <c r="D556" s="8">
        <v>0.36866895900000002</v>
      </c>
    </row>
    <row r="557" spans="1:4" x14ac:dyDescent="0.3">
      <c r="A557" s="6">
        <v>43650</v>
      </c>
      <c r="B557" s="8">
        <v>1.1177637140000001</v>
      </c>
      <c r="C557" s="8">
        <v>0.36653195799999999</v>
      </c>
      <c r="D557" s="8">
        <v>0.37578161799999998</v>
      </c>
    </row>
    <row r="558" spans="1:4" x14ac:dyDescent="0.3">
      <c r="A558" s="6">
        <v>43651</v>
      </c>
      <c r="B558" s="8">
        <v>1.1547986640000001</v>
      </c>
      <c r="C558" s="8">
        <v>0.36657327000000001</v>
      </c>
      <c r="D558" s="8">
        <v>0.37450779499999998</v>
      </c>
    </row>
    <row r="559" spans="1:4" x14ac:dyDescent="0.3">
      <c r="A559" s="6">
        <v>43652</v>
      </c>
      <c r="B559" s="8">
        <v>1.198996258</v>
      </c>
      <c r="C559" s="8">
        <v>0.36709648499999997</v>
      </c>
      <c r="D559" s="8">
        <v>0.38033723899999999</v>
      </c>
    </row>
    <row r="560" spans="1:4" x14ac:dyDescent="0.3">
      <c r="A560" s="6">
        <v>43653</v>
      </c>
      <c r="B560" s="8">
        <v>1.214489258</v>
      </c>
      <c r="C560" s="8">
        <v>0.36928772599999998</v>
      </c>
      <c r="D560" s="8">
        <v>0.38033235799999998</v>
      </c>
    </row>
    <row r="561" spans="1:4" x14ac:dyDescent="0.3">
      <c r="A561" s="6">
        <v>43654</v>
      </c>
      <c r="B561" s="8">
        <v>1.2244792579999999</v>
      </c>
      <c r="C561" s="8">
        <v>0.36926968100000002</v>
      </c>
      <c r="D561" s="8">
        <v>0.380131355</v>
      </c>
    </row>
    <row r="562" spans="1:4" x14ac:dyDescent="0.3">
      <c r="A562" s="6">
        <v>43655</v>
      </c>
      <c r="B562" s="8">
        <v>1.2922201069999999</v>
      </c>
      <c r="C562" s="8">
        <v>0.37562461400000002</v>
      </c>
      <c r="D562" s="8">
        <v>0.36285377099999999</v>
      </c>
    </row>
    <row r="563" spans="1:4" x14ac:dyDescent="0.3">
      <c r="A563" s="6">
        <v>43656</v>
      </c>
      <c r="B563" s="8">
        <v>1.3386827610000001</v>
      </c>
      <c r="C563" s="8">
        <v>0.37511855300000002</v>
      </c>
      <c r="D563" s="8">
        <v>0.35158612900000002</v>
      </c>
    </row>
    <row r="564" spans="1:4" x14ac:dyDescent="0.3">
      <c r="A564" s="6">
        <v>43657</v>
      </c>
      <c r="B564" s="8">
        <v>1.3399764830000001</v>
      </c>
      <c r="C564" s="8">
        <v>0.37735579400000002</v>
      </c>
      <c r="D564" s="8">
        <v>0.35078946300000002</v>
      </c>
    </row>
    <row r="565" spans="1:4" x14ac:dyDescent="0.3">
      <c r="A565" s="6">
        <v>43658</v>
      </c>
      <c r="B565" s="8">
        <v>1.3699591310000001</v>
      </c>
      <c r="C565" s="8">
        <v>0.37731932200000001</v>
      </c>
      <c r="D565" s="8">
        <v>0.36250525500000003</v>
      </c>
    </row>
    <row r="566" spans="1:4" x14ac:dyDescent="0.3">
      <c r="A566" s="6">
        <v>43659</v>
      </c>
      <c r="B566" s="8">
        <v>1.445671546</v>
      </c>
      <c r="C566" s="8">
        <v>0.38124120500000003</v>
      </c>
      <c r="D566" s="8">
        <v>0.37538708700000001</v>
      </c>
    </row>
    <row r="567" spans="1:4" x14ac:dyDescent="0.3">
      <c r="A567" s="6">
        <v>43660</v>
      </c>
      <c r="B567" s="8">
        <v>1.445671546</v>
      </c>
      <c r="C567" s="8">
        <v>0.38173232699999998</v>
      </c>
      <c r="D567" s="8">
        <v>0.38240802099999999</v>
      </c>
    </row>
    <row r="568" spans="1:4" x14ac:dyDescent="0.3">
      <c r="A568" s="6">
        <v>43661</v>
      </c>
      <c r="B568" s="8">
        <v>1.4506715459999999</v>
      </c>
      <c r="C568" s="8">
        <v>0.381897453</v>
      </c>
      <c r="D568" s="8">
        <v>0.38240802099999999</v>
      </c>
    </row>
    <row r="569" spans="1:4" x14ac:dyDescent="0.3">
      <c r="A569" s="6">
        <v>43662</v>
      </c>
      <c r="B569" s="8">
        <v>1.47054124</v>
      </c>
      <c r="C569" s="8">
        <v>0.38269318600000002</v>
      </c>
      <c r="D569" s="8">
        <v>0.389101007</v>
      </c>
    </row>
    <row r="570" spans="1:4" x14ac:dyDescent="0.3">
      <c r="A570" s="6">
        <v>43663</v>
      </c>
      <c r="B570" s="8">
        <v>1.482675948</v>
      </c>
      <c r="C570" s="8">
        <v>0.40272943999999999</v>
      </c>
      <c r="D570" s="8">
        <v>0.39346730899999999</v>
      </c>
    </row>
    <row r="571" spans="1:4" x14ac:dyDescent="0.3">
      <c r="A571" s="6">
        <v>43664</v>
      </c>
      <c r="B571" s="8">
        <v>1.4964599789999999</v>
      </c>
      <c r="C571" s="8">
        <v>0.42347372599999999</v>
      </c>
      <c r="D571" s="8">
        <v>0.405123925</v>
      </c>
    </row>
    <row r="572" spans="1:4" x14ac:dyDescent="0.3">
      <c r="A572" s="6">
        <v>43665</v>
      </c>
      <c r="B572" s="8">
        <v>1.5209657190000001</v>
      </c>
      <c r="C572" s="8">
        <v>0.42236349400000001</v>
      </c>
      <c r="D572" s="8">
        <v>0.416804868</v>
      </c>
    </row>
    <row r="573" spans="1:4" x14ac:dyDescent="0.3">
      <c r="A573" s="6">
        <v>43666</v>
      </c>
      <c r="B573" s="8">
        <v>1.5366736809999999</v>
      </c>
      <c r="C573" s="8">
        <v>0.40452121099999999</v>
      </c>
      <c r="D573" s="8">
        <v>0.37812134400000003</v>
      </c>
    </row>
    <row r="574" spans="1:4" x14ac:dyDescent="0.3">
      <c r="A574" s="6">
        <v>43667</v>
      </c>
      <c r="B574" s="8">
        <v>1.5378236810000001</v>
      </c>
      <c r="C574" s="8">
        <v>0.40465558499999998</v>
      </c>
      <c r="D574" s="8">
        <v>0.378114644</v>
      </c>
    </row>
    <row r="575" spans="1:4" x14ac:dyDescent="0.3">
      <c r="A575" s="6">
        <v>43668</v>
      </c>
      <c r="B575" s="8">
        <v>1.5378236810000001</v>
      </c>
      <c r="C575" s="8">
        <v>0.40421632800000001</v>
      </c>
      <c r="D575" s="8">
        <v>0.38673069300000001</v>
      </c>
    </row>
    <row r="576" spans="1:4" x14ac:dyDescent="0.3">
      <c r="A576" s="6">
        <v>43669</v>
      </c>
      <c r="B576" s="8">
        <v>1.5395453569999999</v>
      </c>
      <c r="C576" s="8">
        <v>0.40497006899999999</v>
      </c>
      <c r="D576" s="8">
        <v>0.38981746499999997</v>
      </c>
    </row>
    <row r="577" spans="1:4" x14ac:dyDescent="0.3">
      <c r="A577" s="6">
        <v>43670</v>
      </c>
      <c r="B577" s="8">
        <v>1.5353288570000001</v>
      </c>
      <c r="C577" s="8">
        <v>0.40336621099999997</v>
      </c>
      <c r="D577" s="8">
        <v>0.39298963999999997</v>
      </c>
    </row>
    <row r="578" spans="1:4" x14ac:dyDescent="0.3">
      <c r="A578" s="6">
        <v>43671</v>
      </c>
      <c r="B578" s="8">
        <v>1.5346253569999999</v>
      </c>
      <c r="C578" s="8">
        <v>0.42109244699999998</v>
      </c>
      <c r="D578" s="8">
        <v>0.39695157199999997</v>
      </c>
    </row>
    <row r="579" spans="1:4" x14ac:dyDescent="0.3">
      <c r="A579" s="6">
        <v>43672</v>
      </c>
      <c r="B579" s="8">
        <v>1.535399357</v>
      </c>
      <c r="C579" s="8">
        <v>0.42016533099999998</v>
      </c>
      <c r="D579" s="8">
        <v>0.40357524500000003</v>
      </c>
    </row>
    <row r="580" spans="1:4" x14ac:dyDescent="0.3">
      <c r="A580" s="6">
        <v>43673</v>
      </c>
      <c r="B580" s="8">
        <v>1.525400257</v>
      </c>
      <c r="C580" s="8">
        <v>0.42307233999999999</v>
      </c>
      <c r="D580" s="8">
        <v>0.41014524699999999</v>
      </c>
    </row>
    <row r="581" spans="1:4" x14ac:dyDescent="0.3">
      <c r="A581" s="6">
        <v>43674</v>
      </c>
      <c r="B581" s="8">
        <v>1.528397257</v>
      </c>
      <c r="C581" s="8">
        <v>0.42302019800000001</v>
      </c>
      <c r="D581" s="8">
        <v>0.41655456099999999</v>
      </c>
    </row>
    <row r="582" spans="1:4" x14ac:dyDescent="0.3">
      <c r="A582" s="6">
        <v>43675</v>
      </c>
      <c r="B582" s="8">
        <v>1.528397257</v>
      </c>
      <c r="C582" s="8">
        <v>0.42300544200000001</v>
      </c>
      <c r="D582" s="8">
        <v>0.422073056</v>
      </c>
    </row>
    <row r="583" spans="1:4" x14ac:dyDescent="0.3">
      <c r="A583" s="6">
        <v>43676</v>
      </c>
      <c r="B583" s="8">
        <v>1.528397257</v>
      </c>
      <c r="C583" s="8">
        <v>0.43628375200000002</v>
      </c>
      <c r="D583" s="8">
        <v>0.43692651300000002</v>
      </c>
    </row>
    <row r="584" spans="1:4" x14ac:dyDescent="0.3">
      <c r="A584" s="6">
        <v>43677</v>
      </c>
      <c r="B584" s="8">
        <v>1.5311491150000001</v>
      </c>
      <c r="C584" s="8">
        <v>0.436404605</v>
      </c>
      <c r="D584" s="8">
        <v>0.43857249599999998</v>
      </c>
    </row>
    <row r="585" spans="1:4" x14ac:dyDescent="0.3">
      <c r="A585" s="6">
        <v>43678</v>
      </c>
      <c r="B585" s="8">
        <v>1.531097715</v>
      </c>
      <c r="C585" s="8">
        <v>0.435311473</v>
      </c>
      <c r="D585" s="8">
        <v>0.44889573100000002</v>
      </c>
    </row>
    <row r="586" spans="1:4" x14ac:dyDescent="0.3">
      <c r="A586" s="6">
        <v>43679</v>
      </c>
      <c r="B586" s="8">
        <v>1.531097715</v>
      </c>
      <c r="C586" s="8">
        <v>0.42832698499999999</v>
      </c>
      <c r="D586" s="8">
        <v>0.45342461899999997</v>
      </c>
    </row>
    <row r="587" spans="1:4" x14ac:dyDescent="0.3">
      <c r="A587" s="6">
        <v>43680</v>
      </c>
      <c r="B587" s="8">
        <v>1.531097715</v>
      </c>
      <c r="C587" s="8">
        <v>0.42182276699999999</v>
      </c>
      <c r="D587" s="8">
        <v>0.44390440599999997</v>
      </c>
    </row>
    <row r="588" spans="1:4" x14ac:dyDescent="0.3">
      <c r="A588" s="6">
        <v>43681</v>
      </c>
      <c r="B588" s="8">
        <v>1.531097715</v>
      </c>
      <c r="C588" s="8">
        <v>0.42293475000000003</v>
      </c>
      <c r="D588" s="8">
        <v>0.451741167</v>
      </c>
    </row>
    <row r="589" spans="1:4" x14ac:dyDescent="0.3">
      <c r="A589" s="6">
        <v>43682</v>
      </c>
      <c r="B589" s="8">
        <v>1.537092715</v>
      </c>
      <c r="C589" s="8">
        <v>0.42197302199999998</v>
      </c>
      <c r="D589" s="8">
        <v>0.454741167</v>
      </c>
    </row>
    <row r="590" spans="1:4" x14ac:dyDescent="0.3">
      <c r="A590" s="6">
        <v>43683</v>
      </c>
      <c r="B590" s="8">
        <v>1.6247667109999999</v>
      </c>
      <c r="C590" s="8">
        <v>0.42973122400000002</v>
      </c>
      <c r="D590" s="8">
        <v>0.43859701200000001</v>
      </c>
    </row>
    <row r="591" spans="1:4" x14ac:dyDescent="0.3">
      <c r="A591" s="6">
        <v>43684</v>
      </c>
      <c r="B591" s="8">
        <v>1.6247667109999999</v>
      </c>
      <c r="C591" s="8">
        <v>0.432496414</v>
      </c>
      <c r="D591" s="8">
        <v>0.43543310000000002</v>
      </c>
    </row>
    <row r="592" spans="1:4" x14ac:dyDescent="0.3">
      <c r="A592" s="6">
        <v>43685</v>
      </c>
      <c r="B592" s="8">
        <v>1.6336167109999999</v>
      </c>
      <c r="C592" s="8">
        <v>0.43197238100000002</v>
      </c>
      <c r="D592" s="8">
        <v>0.41891905899999998</v>
      </c>
    </row>
    <row r="593" spans="1:4" x14ac:dyDescent="0.3">
      <c r="A593" s="6">
        <v>43686</v>
      </c>
      <c r="B593" s="8">
        <v>1.632797211</v>
      </c>
      <c r="C593" s="8">
        <v>0.43184577299999999</v>
      </c>
      <c r="D593" s="8">
        <v>0.41188302999999998</v>
      </c>
    </row>
    <row r="594" spans="1:4" x14ac:dyDescent="0.3">
      <c r="A594" s="6">
        <v>43687</v>
      </c>
      <c r="B594" s="8">
        <v>1.633299804</v>
      </c>
      <c r="C594" s="8">
        <v>0.42115715500000001</v>
      </c>
      <c r="D594" s="8">
        <v>0.39832962599999999</v>
      </c>
    </row>
    <row r="595" spans="1:4" x14ac:dyDescent="0.3">
      <c r="A595" s="6">
        <v>43688</v>
      </c>
      <c r="B595" s="8">
        <v>1.633299804</v>
      </c>
      <c r="C595" s="8">
        <v>0.42318616599999997</v>
      </c>
      <c r="D595" s="8">
        <v>0.40044857700000003</v>
      </c>
    </row>
    <row r="596" spans="1:4" x14ac:dyDescent="0.3">
      <c r="A596" s="6">
        <v>43689</v>
      </c>
      <c r="B596" s="8">
        <v>1.633299804</v>
      </c>
      <c r="C596" s="8">
        <v>0.422866515</v>
      </c>
      <c r="D596" s="8">
        <v>0.40626529500000003</v>
      </c>
    </row>
    <row r="597" spans="1:4" x14ac:dyDescent="0.3">
      <c r="A597" s="6">
        <v>43690</v>
      </c>
      <c r="B597" s="8">
        <v>1.6326308039999999</v>
      </c>
      <c r="C597" s="8">
        <v>0.42226000200000002</v>
      </c>
      <c r="D597" s="8">
        <v>0.40177742599999999</v>
      </c>
    </row>
    <row r="598" spans="1:4" x14ac:dyDescent="0.3">
      <c r="A598" s="6">
        <v>43691</v>
      </c>
      <c r="B598" s="8">
        <v>1.6326308039999999</v>
      </c>
      <c r="C598" s="8">
        <v>0.421214437</v>
      </c>
      <c r="D598" s="8">
        <v>0.38616552599999998</v>
      </c>
    </row>
    <row r="599" spans="1:4" x14ac:dyDescent="0.3">
      <c r="A599" s="6">
        <v>43692</v>
      </c>
      <c r="B599" s="8">
        <v>1.6326308039999999</v>
      </c>
      <c r="C599" s="8">
        <v>0.418415908</v>
      </c>
      <c r="D599" s="8">
        <v>0.39045860300000002</v>
      </c>
    </row>
    <row r="600" spans="1:4" x14ac:dyDescent="0.3">
      <c r="A600" s="6">
        <v>43693</v>
      </c>
      <c r="B600" s="8">
        <v>1.6332343090000001</v>
      </c>
      <c r="C600" s="8">
        <v>0.41846007499999999</v>
      </c>
      <c r="D600" s="8">
        <v>0.38089397699999999</v>
      </c>
    </row>
    <row r="601" spans="1:4" x14ac:dyDescent="0.3">
      <c r="A601" s="6">
        <v>43694</v>
      </c>
      <c r="B601" s="8">
        <v>1.6336831890000001</v>
      </c>
      <c r="C601" s="8">
        <v>0.420045322</v>
      </c>
      <c r="D601" s="8">
        <v>0.38694325899999998</v>
      </c>
    </row>
    <row r="602" spans="1:4" x14ac:dyDescent="0.3">
      <c r="A602" s="6">
        <v>43695</v>
      </c>
      <c r="B602" s="8">
        <v>1.6336831890000001</v>
      </c>
      <c r="C602" s="8">
        <v>0.419038831</v>
      </c>
      <c r="D602" s="8">
        <v>0.38772766199999997</v>
      </c>
    </row>
    <row r="603" spans="1:4" x14ac:dyDescent="0.3">
      <c r="A603" s="6">
        <v>43696</v>
      </c>
      <c r="B603" s="8">
        <v>1.6336831890000001</v>
      </c>
      <c r="C603" s="8">
        <v>0.41986841899999999</v>
      </c>
      <c r="D603" s="8">
        <v>0.38772766199999997</v>
      </c>
    </row>
    <row r="604" spans="1:4" x14ac:dyDescent="0.3">
      <c r="A604" s="6">
        <v>43697</v>
      </c>
      <c r="B604" s="8">
        <v>1.633982869</v>
      </c>
      <c r="C604" s="8">
        <v>0.41751566600000001</v>
      </c>
      <c r="D604" s="8">
        <v>0.39346028500000002</v>
      </c>
    </row>
    <row r="605" spans="1:4" x14ac:dyDescent="0.3">
      <c r="A605" s="6">
        <v>43698</v>
      </c>
      <c r="B605" s="8">
        <v>1.633982869</v>
      </c>
      <c r="C605" s="8">
        <v>0.41602353399999997</v>
      </c>
      <c r="D605" s="8">
        <v>0.38985507800000002</v>
      </c>
    </row>
    <row r="606" spans="1:4" x14ac:dyDescent="0.3">
      <c r="A606" s="6">
        <v>43699</v>
      </c>
      <c r="B606" s="8">
        <v>1.633982869</v>
      </c>
      <c r="C606" s="8">
        <v>0.43821946699999997</v>
      </c>
      <c r="D606" s="8">
        <v>0.39000053099999998</v>
      </c>
    </row>
    <row r="607" spans="1:4" x14ac:dyDescent="0.3">
      <c r="A607" s="6">
        <v>43700</v>
      </c>
      <c r="B607" s="8">
        <v>1.6341848590000001</v>
      </c>
      <c r="C607" s="8">
        <v>0.43871312499999998</v>
      </c>
      <c r="D607" s="8">
        <v>0.391336183</v>
      </c>
    </row>
    <row r="608" spans="1:4" x14ac:dyDescent="0.3">
      <c r="A608" s="6">
        <v>43701</v>
      </c>
      <c r="B608" s="8">
        <v>1.6391828589999999</v>
      </c>
      <c r="C608" s="8">
        <v>0.43794122600000002</v>
      </c>
      <c r="D608" s="8">
        <v>0.39487319199999998</v>
      </c>
    </row>
    <row r="609" spans="1:4" x14ac:dyDescent="0.3">
      <c r="A609" s="6">
        <v>43702</v>
      </c>
      <c r="B609" s="8">
        <v>1.6391828589999999</v>
      </c>
      <c r="C609" s="8">
        <v>0.436859997</v>
      </c>
      <c r="D609" s="8">
        <v>0.39477737200000002</v>
      </c>
    </row>
    <row r="610" spans="1:4" x14ac:dyDescent="0.3">
      <c r="A610" s="6">
        <v>43703</v>
      </c>
      <c r="B610" s="8">
        <v>1.6411808590000001</v>
      </c>
      <c r="C610" s="8">
        <v>0.43619530000000001</v>
      </c>
      <c r="D610" s="8">
        <v>0.39531117199999999</v>
      </c>
    </row>
    <row r="611" spans="1:4" x14ac:dyDescent="0.3">
      <c r="A611" s="6">
        <v>43704</v>
      </c>
      <c r="B611" s="8">
        <v>1.646180859</v>
      </c>
      <c r="C611" s="8">
        <v>0.42851979699999998</v>
      </c>
      <c r="D611" s="8">
        <v>0.394646791</v>
      </c>
    </row>
    <row r="612" spans="1:4" x14ac:dyDescent="0.3">
      <c r="A612" s="6">
        <v>43705</v>
      </c>
      <c r="B612" s="8">
        <v>1.6455208589999999</v>
      </c>
      <c r="C612" s="8">
        <v>0.42436980099999999</v>
      </c>
      <c r="D612" s="8">
        <v>0.39268943099999998</v>
      </c>
    </row>
    <row r="613" spans="1:4" x14ac:dyDescent="0.3">
      <c r="A613" s="6">
        <v>43706</v>
      </c>
      <c r="B613" s="8">
        <v>1.6515499739999999</v>
      </c>
      <c r="C613" s="8">
        <v>0.42468398400000001</v>
      </c>
      <c r="D613" s="8">
        <v>0.391782452</v>
      </c>
    </row>
    <row r="614" spans="1:4" x14ac:dyDescent="0.3">
      <c r="A614" s="6">
        <v>43707</v>
      </c>
      <c r="B614" s="8">
        <v>1.6541343669999999</v>
      </c>
      <c r="C614" s="8">
        <v>0.44845259300000001</v>
      </c>
      <c r="D614" s="8">
        <v>0.39480922200000002</v>
      </c>
    </row>
    <row r="615" spans="1:4" x14ac:dyDescent="0.3">
      <c r="A615" s="6">
        <v>43708</v>
      </c>
      <c r="B615" s="8">
        <v>1.6544912839999999</v>
      </c>
      <c r="C615" s="8">
        <v>0.45241948700000001</v>
      </c>
      <c r="D615" s="8">
        <v>0.39982122799999997</v>
      </c>
    </row>
    <row r="616" spans="1:4" x14ac:dyDescent="0.3">
      <c r="A616" s="6">
        <v>43709</v>
      </c>
      <c r="B616" s="8">
        <v>1.653734684</v>
      </c>
      <c r="C616" s="8">
        <v>0.45242807200000001</v>
      </c>
      <c r="D616" s="8">
        <v>0.39980822700000002</v>
      </c>
    </row>
    <row r="617" spans="1:4" x14ac:dyDescent="0.3">
      <c r="A617" s="6">
        <v>43710</v>
      </c>
      <c r="B617" s="8">
        <v>1.6525346839999999</v>
      </c>
      <c r="C617" s="8">
        <v>0.45241394600000001</v>
      </c>
      <c r="D617" s="8">
        <v>0.39978322700000002</v>
      </c>
    </row>
    <row r="618" spans="1:4" x14ac:dyDescent="0.3">
      <c r="A618" s="6">
        <v>43711</v>
      </c>
      <c r="B618" s="8">
        <v>1.6625326840000001</v>
      </c>
      <c r="C618" s="8">
        <v>0.443452758</v>
      </c>
      <c r="D618" s="8">
        <v>0.40388057199999999</v>
      </c>
    </row>
    <row r="619" spans="1:4" x14ac:dyDescent="0.3">
      <c r="A619" s="6">
        <v>43712</v>
      </c>
      <c r="B619" s="8">
        <v>1.673481641</v>
      </c>
      <c r="C619" s="8">
        <v>0.442171906</v>
      </c>
      <c r="D619" s="8">
        <v>0.42052714699999999</v>
      </c>
    </row>
    <row r="620" spans="1:4" x14ac:dyDescent="0.3">
      <c r="A620" s="6">
        <v>43713</v>
      </c>
      <c r="B620" s="8">
        <v>1.6812615559999999</v>
      </c>
      <c r="C620" s="8">
        <v>0.42845081899999998</v>
      </c>
      <c r="D620" s="8">
        <v>0.41908693499999999</v>
      </c>
    </row>
    <row r="621" spans="1:4" x14ac:dyDescent="0.3">
      <c r="A621" s="6">
        <v>43714</v>
      </c>
      <c r="B621" s="8">
        <v>1.686256556</v>
      </c>
      <c r="C621" s="8">
        <v>0.45179100999999999</v>
      </c>
      <c r="D621" s="8">
        <v>0.43081129499999998</v>
      </c>
    </row>
    <row r="622" spans="1:4" x14ac:dyDescent="0.3">
      <c r="A622" s="6">
        <v>43715</v>
      </c>
      <c r="B622" s="8">
        <v>1.7150605240000001</v>
      </c>
      <c r="C622" s="8">
        <v>0.44523202899999997</v>
      </c>
      <c r="D622" s="8">
        <v>0.43616360599999998</v>
      </c>
    </row>
    <row r="623" spans="1:4" x14ac:dyDescent="0.3">
      <c r="A623" s="6">
        <v>43716</v>
      </c>
      <c r="B623" s="8">
        <v>1.717058524</v>
      </c>
      <c r="C623" s="8">
        <v>0.44550931599999999</v>
      </c>
      <c r="D623" s="8">
        <v>0.43645250099999999</v>
      </c>
    </row>
    <row r="624" spans="1:4" x14ac:dyDescent="0.3">
      <c r="A624" s="6">
        <v>43717</v>
      </c>
      <c r="B624" s="8">
        <v>1.717058524</v>
      </c>
      <c r="C624" s="8">
        <v>0.44237663199999999</v>
      </c>
      <c r="D624" s="8">
        <v>0.43651899199999999</v>
      </c>
    </row>
    <row r="625" spans="1:4" x14ac:dyDescent="0.3">
      <c r="A625" s="6">
        <v>43718</v>
      </c>
      <c r="B625" s="8">
        <v>1.7220585239999999</v>
      </c>
      <c r="C625" s="8">
        <v>0.43869781099999999</v>
      </c>
      <c r="D625" s="8">
        <v>0.43077882000000001</v>
      </c>
    </row>
    <row r="626" spans="1:4" x14ac:dyDescent="0.3">
      <c r="A626" s="6">
        <v>43719</v>
      </c>
      <c r="B626" s="8">
        <v>1.7340585340000001</v>
      </c>
      <c r="C626" s="8">
        <v>0.437711128</v>
      </c>
      <c r="D626" s="8">
        <v>0.42831480500000002</v>
      </c>
    </row>
    <row r="627" spans="1:4" x14ac:dyDescent="0.3">
      <c r="A627" s="6">
        <v>43720</v>
      </c>
      <c r="B627" s="8">
        <v>1.733435434</v>
      </c>
      <c r="C627" s="8">
        <v>0.43497242600000002</v>
      </c>
      <c r="D627" s="8">
        <v>0.43063484400000002</v>
      </c>
    </row>
    <row r="628" spans="1:4" x14ac:dyDescent="0.3">
      <c r="A628" s="6">
        <v>43721</v>
      </c>
      <c r="B628" s="8">
        <v>2.0377094439999999</v>
      </c>
      <c r="C628" s="8">
        <v>0.43383661099999998</v>
      </c>
      <c r="D628" s="8">
        <v>0.43451480100000001</v>
      </c>
    </row>
    <row r="629" spans="1:4" x14ac:dyDescent="0.3">
      <c r="A629" s="6">
        <v>43722</v>
      </c>
      <c r="B629" s="8">
        <v>2.050911932</v>
      </c>
      <c r="C629" s="8">
        <v>0.42686992400000001</v>
      </c>
      <c r="D629" s="8">
        <v>0.43453667400000001</v>
      </c>
    </row>
    <row r="630" spans="1:4" x14ac:dyDescent="0.3">
      <c r="A630" s="6">
        <v>43723</v>
      </c>
      <c r="B630" s="8">
        <v>2.053409432</v>
      </c>
      <c r="C630" s="8">
        <v>0.42640167800000001</v>
      </c>
      <c r="D630" s="8">
        <v>0.43497274699999999</v>
      </c>
    </row>
    <row r="631" spans="1:4" x14ac:dyDescent="0.3">
      <c r="A631" s="6">
        <v>43724</v>
      </c>
      <c r="B631" s="8">
        <v>2.053409432</v>
      </c>
      <c r="C631" s="8">
        <v>0.42584756699999998</v>
      </c>
      <c r="D631" s="8">
        <v>0.43496273499999999</v>
      </c>
    </row>
    <row r="632" spans="1:4" x14ac:dyDescent="0.3">
      <c r="A632" s="6">
        <v>43725</v>
      </c>
      <c r="B632" s="8">
        <v>2.053409432</v>
      </c>
      <c r="C632" s="8">
        <v>0.42141366200000002</v>
      </c>
      <c r="D632" s="8">
        <v>0.42851261099999999</v>
      </c>
    </row>
    <row r="633" spans="1:4" x14ac:dyDescent="0.3">
      <c r="A633" s="6">
        <v>43726</v>
      </c>
      <c r="B633" s="8">
        <v>2.053409432</v>
      </c>
      <c r="C633" s="8">
        <v>0.41291401999999999</v>
      </c>
      <c r="D633" s="8">
        <v>0.42378305700000002</v>
      </c>
    </row>
    <row r="634" spans="1:4" x14ac:dyDescent="0.3">
      <c r="A634" s="6">
        <v>43727</v>
      </c>
      <c r="B634" s="8">
        <v>2.051764232</v>
      </c>
      <c r="C634" s="8">
        <v>0.40299202299999998</v>
      </c>
      <c r="D634" s="8">
        <v>0.41890547099999997</v>
      </c>
    </row>
    <row r="635" spans="1:4" x14ac:dyDescent="0.3">
      <c r="A635" s="6">
        <v>43728</v>
      </c>
      <c r="B635" s="8">
        <v>2.0567592320000001</v>
      </c>
      <c r="C635" s="8">
        <v>0.39994246300000003</v>
      </c>
      <c r="D635" s="8">
        <v>0.41578308800000002</v>
      </c>
    </row>
    <row r="636" spans="1:4" x14ac:dyDescent="0.3">
      <c r="A636" s="6">
        <v>43729</v>
      </c>
      <c r="B636" s="8">
        <v>2.0567592320000001</v>
      </c>
      <c r="C636" s="8">
        <v>0.393136351</v>
      </c>
      <c r="D636" s="8">
        <v>0.41285370700000001</v>
      </c>
    </row>
    <row r="637" spans="1:4" x14ac:dyDescent="0.3">
      <c r="A637" s="6">
        <v>43730</v>
      </c>
      <c r="B637" s="8">
        <v>2.0567592320000001</v>
      </c>
      <c r="C637" s="8">
        <v>0.39255020200000001</v>
      </c>
      <c r="D637" s="8">
        <v>0.41315171099999998</v>
      </c>
    </row>
    <row r="638" spans="1:4" x14ac:dyDescent="0.3">
      <c r="A638" s="6">
        <v>43731</v>
      </c>
      <c r="B638" s="8">
        <v>2.0571836870000002</v>
      </c>
      <c r="C638" s="8">
        <v>0.39216380499999998</v>
      </c>
      <c r="D638" s="8">
        <v>0.41510171099999998</v>
      </c>
    </row>
    <row r="639" spans="1:4" x14ac:dyDescent="0.3">
      <c r="A639" s="6">
        <v>43732</v>
      </c>
      <c r="B639" s="8">
        <v>2.0571836870000002</v>
      </c>
      <c r="C639" s="8">
        <v>0.38869780900000001</v>
      </c>
      <c r="D639" s="8">
        <v>0.42458120500000002</v>
      </c>
    </row>
    <row r="640" spans="1:4" x14ac:dyDescent="0.3">
      <c r="A640" s="6">
        <v>43733</v>
      </c>
      <c r="B640" s="8">
        <v>2.067411602</v>
      </c>
      <c r="C640" s="8">
        <v>0.38762167199999997</v>
      </c>
      <c r="D640" s="8">
        <v>0.43561599499999998</v>
      </c>
    </row>
    <row r="641" spans="1:4" x14ac:dyDescent="0.3">
      <c r="A641" s="6">
        <v>43734</v>
      </c>
      <c r="B641" s="8">
        <v>2.062166022</v>
      </c>
      <c r="C641" s="8">
        <v>0.41568347100000003</v>
      </c>
      <c r="D641" s="8">
        <v>0.44548098400000002</v>
      </c>
    </row>
    <row r="642" spans="1:4" x14ac:dyDescent="0.3">
      <c r="A642" s="6">
        <v>43735</v>
      </c>
      <c r="B642" s="8">
        <v>2.061376256</v>
      </c>
      <c r="C642" s="8">
        <v>0.41758195999999997</v>
      </c>
      <c r="D642" s="8">
        <v>0.44157951499999998</v>
      </c>
    </row>
    <row r="643" spans="1:4" x14ac:dyDescent="0.3">
      <c r="A643" s="6">
        <v>43736</v>
      </c>
      <c r="B643" s="8">
        <v>2.0642480430000001</v>
      </c>
      <c r="C643" s="8">
        <v>0.42435603</v>
      </c>
      <c r="D643" s="8">
        <v>0.44337883300000003</v>
      </c>
    </row>
    <row r="644" spans="1:4" x14ac:dyDescent="0.3">
      <c r="A644" s="6">
        <v>43737</v>
      </c>
      <c r="B644" s="8">
        <v>2.066246043</v>
      </c>
      <c r="C644" s="8">
        <v>0.42846534400000003</v>
      </c>
      <c r="D644" s="8">
        <v>0.444103833</v>
      </c>
    </row>
    <row r="645" spans="1:4" x14ac:dyDescent="0.3">
      <c r="A645" s="6">
        <v>43738</v>
      </c>
      <c r="B645" s="8">
        <v>2.0722460429999998</v>
      </c>
      <c r="C645" s="8">
        <v>0.427689979</v>
      </c>
      <c r="D645" s="8">
        <v>0.443902833</v>
      </c>
    </row>
    <row r="646" spans="1:4" x14ac:dyDescent="0.3">
      <c r="A646" s="6">
        <v>43739</v>
      </c>
      <c r="B646" s="8">
        <v>2.0845018789999998</v>
      </c>
      <c r="C646" s="8">
        <v>0.42678347599999999</v>
      </c>
      <c r="D646" s="8">
        <v>0.44541360899999999</v>
      </c>
    </row>
    <row r="647" spans="1:4" x14ac:dyDescent="0.3">
      <c r="A647" s="6">
        <v>43740</v>
      </c>
      <c r="B647" s="8">
        <v>2.102686979</v>
      </c>
      <c r="C647" s="8">
        <v>0.42507874000000001</v>
      </c>
      <c r="D647" s="8">
        <v>0.45378423800000001</v>
      </c>
    </row>
    <row r="648" spans="1:4" x14ac:dyDescent="0.3">
      <c r="A648" s="6">
        <v>43741</v>
      </c>
      <c r="B648" s="8">
        <v>2.1046869789999998</v>
      </c>
      <c r="C648" s="8">
        <v>0.45572685200000002</v>
      </c>
      <c r="D648" s="8">
        <v>0.45013497000000002</v>
      </c>
    </row>
    <row r="649" spans="1:4" x14ac:dyDescent="0.3">
      <c r="A649" s="6">
        <v>43742</v>
      </c>
      <c r="B649" s="8">
        <v>2.1172869790000002</v>
      </c>
      <c r="C649" s="8">
        <v>0.47356186700000003</v>
      </c>
      <c r="D649" s="8">
        <v>0.45136568399999999</v>
      </c>
    </row>
    <row r="650" spans="1:4" x14ac:dyDescent="0.3">
      <c r="A650" s="6">
        <v>43743</v>
      </c>
      <c r="B650" s="8">
        <v>2.1218694729999998</v>
      </c>
      <c r="C650" s="8">
        <v>0.47422818900000002</v>
      </c>
      <c r="D650" s="8">
        <v>0.45060894800000001</v>
      </c>
    </row>
    <row r="651" spans="1:4" x14ac:dyDescent="0.3">
      <c r="A651" s="6">
        <v>43744</v>
      </c>
      <c r="B651" s="8">
        <v>2.1233694729999999</v>
      </c>
      <c r="C651" s="8">
        <v>0.47403294800000001</v>
      </c>
      <c r="D651" s="8">
        <v>0.44963160899999999</v>
      </c>
    </row>
    <row r="652" spans="1:4" x14ac:dyDescent="0.3">
      <c r="A652" s="6">
        <v>43745</v>
      </c>
      <c r="B652" s="8">
        <v>2.1447570730000001</v>
      </c>
      <c r="C652" s="8">
        <v>0.473614439</v>
      </c>
      <c r="D652" s="8">
        <v>0.450773865</v>
      </c>
    </row>
    <row r="653" spans="1:4" x14ac:dyDescent="0.3">
      <c r="A653" s="6">
        <v>43746</v>
      </c>
      <c r="B653" s="8">
        <v>2.1567490729999998</v>
      </c>
      <c r="C653" s="8">
        <v>0.46935993100000001</v>
      </c>
      <c r="D653" s="8">
        <v>0.44763926900000001</v>
      </c>
    </row>
    <row r="654" spans="1:4" x14ac:dyDescent="0.3">
      <c r="A654" s="6">
        <v>43747</v>
      </c>
      <c r="B654" s="8">
        <v>2.1600487730000002</v>
      </c>
      <c r="C654" s="8">
        <v>0.46578285200000002</v>
      </c>
      <c r="D654" s="8">
        <v>0.447253189</v>
      </c>
    </row>
    <row r="655" spans="1:4" x14ac:dyDescent="0.3">
      <c r="A655" s="6">
        <v>43748</v>
      </c>
      <c r="B655" s="8">
        <v>2.1655487729999998</v>
      </c>
      <c r="C655" s="8">
        <v>0.46122065899999998</v>
      </c>
      <c r="D655" s="8">
        <v>0.45071134899999998</v>
      </c>
    </row>
    <row r="656" spans="1:4" x14ac:dyDescent="0.3">
      <c r="A656" s="6">
        <v>43749</v>
      </c>
      <c r="B656" s="8">
        <v>2.1957362730000001</v>
      </c>
      <c r="C656" s="8">
        <v>0.45179688499999998</v>
      </c>
      <c r="D656" s="8">
        <v>0.440101731</v>
      </c>
    </row>
    <row r="657" spans="1:4" x14ac:dyDescent="0.3">
      <c r="A657" s="6">
        <v>43750</v>
      </c>
      <c r="B657" s="8">
        <v>2.190897439</v>
      </c>
      <c r="C657" s="8">
        <v>0.46708170300000001</v>
      </c>
      <c r="D657" s="8">
        <v>0.44529139099999998</v>
      </c>
    </row>
    <row r="658" spans="1:4" x14ac:dyDescent="0.3">
      <c r="A658" s="6">
        <v>43751</v>
      </c>
      <c r="B658" s="8">
        <v>2.190897439</v>
      </c>
      <c r="C658" s="8">
        <v>0.46706750800000002</v>
      </c>
      <c r="D658" s="8">
        <v>0.44525569799999998</v>
      </c>
    </row>
    <row r="659" spans="1:4" x14ac:dyDescent="0.3">
      <c r="A659" s="6">
        <v>43752</v>
      </c>
      <c r="B659" s="8">
        <v>2.1933974389999999</v>
      </c>
      <c r="C659" s="8">
        <v>0.46706134799999999</v>
      </c>
      <c r="D659" s="8">
        <v>0.44515569900000002</v>
      </c>
    </row>
    <row r="660" spans="1:4" x14ac:dyDescent="0.3">
      <c r="A660" s="6">
        <v>43753</v>
      </c>
      <c r="B660" s="8">
        <v>2.1913974390000002</v>
      </c>
      <c r="C660" s="8">
        <v>0.46693501199999998</v>
      </c>
      <c r="D660" s="8">
        <v>0.44356193399999999</v>
      </c>
    </row>
    <row r="661" spans="1:4" x14ac:dyDescent="0.3">
      <c r="A661" s="6">
        <v>43754</v>
      </c>
      <c r="B661" s="8">
        <v>2.1929458679999998</v>
      </c>
      <c r="C661" s="8">
        <v>0.46906802800000003</v>
      </c>
      <c r="D661" s="8">
        <v>0.44249031900000002</v>
      </c>
    </row>
    <row r="662" spans="1:4" x14ac:dyDescent="0.3">
      <c r="A662" s="6">
        <v>43755</v>
      </c>
      <c r="B662" s="8">
        <v>2.1930657039999999</v>
      </c>
      <c r="C662" s="8">
        <v>0.47338086600000001</v>
      </c>
      <c r="D662" s="8">
        <v>0.43759314500000002</v>
      </c>
    </row>
    <row r="663" spans="1:4" x14ac:dyDescent="0.3">
      <c r="A663" s="6">
        <v>43756</v>
      </c>
      <c r="B663" s="8">
        <v>2.2137657040000001</v>
      </c>
      <c r="C663" s="8">
        <v>0.47309965900000001</v>
      </c>
      <c r="D663" s="8">
        <v>0.43549460200000001</v>
      </c>
    </row>
    <row r="664" spans="1:4" x14ac:dyDescent="0.3">
      <c r="A664" s="6">
        <v>43757</v>
      </c>
      <c r="B664" s="8">
        <v>2.2237657039999998</v>
      </c>
      <c r="C664" s="8">
        <v>0.473920654</v>
      </c>
      <c r="D664" s="8">
        <v>0.43630139000000001</v>
      </c>
    </row>
    <row r="665" spans="1:4" x14ac:dyDescent="0.3">
      <c r="A665" s="6">
        <v>43758</v>
      </c>
      <c r="B665" s="8">
        <v>2.2317657039999999</v>
      </c>
      <c r="C665" s="8">
        <v>0.47426937299999999</v>
      </c>
      <c r="D665" s="8">
        <v>0.43645018000000002</v>
      </c>
    </row>
    <row r="666" spans="1:4" x14ac:dyDescent="0.3">
      <c r="A666" s="6">
        <v>43759</v>
      </c>
      <c r="B666" s="8">
        <v>2.2617607039999998</v>
      </c>
      <c r="C666" s="8">
        <v>0.474220641</v>
      </c>
      <c r="D666" s="8">
        <v>0.436763181</v>
      </c>
    </row>
    <row r="667" spans="1:4" x14ac:dyDescent="0.3">
      <c r="A667" s="6">
        <v>43760</v>
      </c>
      <c r="B667" s="8">
        <v>2.2686587989999998</v>
      </c>
      <c r="C667" s="8">
        <v>0.476325471</v>
      </c>
      <c r="D667" s="8">
        <v>0.43422244700000001</v>
      </c>
    </row>
    <row r="668" spans="1:4" x14ac:dyDescent="0.3">
      <c r="A668" s="6">
        <v>43761</v>
      </c>
      <c r="B668" s="8">
        <v>2.282400049</v>
      </c>
      <c r="C668" s="8">
        <v>0.46092587499999998</v>
      </c>
      <c r="D668" s="8">
        <v>0.43850118900000001</v>
      </c>
    </row>
    <row r="669" spans="1:4" x14ac:dyDescent="0.3">
      <c r="A669" s="6">
        <v>43762</v>
      </c>
      <c r="B669" s="8">
        <v>2.3684000489999999</v>
      </c>
      <c r="C669" s="8">
        <v>0.462962812</v>
      </c>
      <c r="D669" s="8">
        <v>0.43993090899999998</v>
      </c>
    </row>
    <row r="670" spans="1:4" x14ac:dyDescent="0.3">
      <c r="A670" s="6">
        <v>43763</v>
      </c>
      <c r="B670" s="8">
        <v>2.4544645360000001</v>
      </c>
      <c r="C670" s="8">
        <v>0.47741456999999998</v>
      </c>
      <c r="D670" s="8">
        <v>0.439649554</v>
      </c>
    </row>
    <row r="671" spans="1:4" x14ac:dyDescent="0.3">
      <c r="A671" s="6">
        <v>43764</v>
      </c>
      <c r="B671" s="8">
        <v>2.3937046820000001</v>
      </c>
      <c r="C671" s="8">
        <v>0.48148856800000001</v>
      </c>
      <c r="D671" s="8">
        <v>0.44167720999999999</v>
      </c>
    </row>
    <row r="672" spans="1:4" x14ac:dyDescent="0.3">
      <c r="A672" s="6">
        <v>43765</v>
      </c>
      <c r="B672" s="8">
        <v>2.3988736820000001</v>
      </c>
      <c r="C672" s="8">
        <v>0.48094515100000002</v>
      </c>
      <c r="D672" s="8">
        <v>0.44295964900000001</v>
      </c>
    </row>
    <row r="673" spans="1:4" x14ac:dyDescent="0.3">
      <c r="A673" s="6">
        <v>43766</v>
      </c>
      <c r="B673" s="8">
        <v>2.3998596820000002</v>
      </c>
      <c r="C673" s="8">
        <v>0.47518065700000001</v>
      </c>
      <c r="D673" s="8">
        <v>0.44564695500000001</v>
      </c>
    </row>
    <row r="674" spans="1:4" x14ac:dyDescent="0.3">
      <c r="A674" s="6">
        <v>43767</v>
      </c>
      <c r="B674" s="8">
        <v>2.4006343710000002</v>
      </c>
      <c r="C674" s="8">
        <v>0.47319030299999998</v>
      </c>
      <c r="D674" s="8">
        <v>0.44188286500000001</v>
      </c>
    </row>
    <row r="675" spans="1:4" x14ac:dyDescent="0.3">
      <c r="A675" s="6">
        <v>43768</v>
      </c>
      <c r="B675" s="8">
        <v>2.7347405770000002</v>
      </c>
      <c r="C675" s="8">
        <v>0.47071712999999998</v>
      </c>
      <c r="D675" s="8">
        <v>0.43515553899999998</v>
      </c>
    </row>
    <row r="676" spans="1:4" x14ac:dyDescent="0.3">
      <c r="A676" s="6">
        <v>43769</v>
      </c>
      <c r="B676" s="8">
        <v>2.7509574799999998</v>
      </c>
      <c r="C676" s="8">
        <v>0.46627208999999997</v>
      </c>
      <c r="D676" s="8">
        <v>0.433220889</v>
      </c>
    </row>
    <row r="677" spans="1:4" x14ac:dyDescent="0.3">
      <c r="A677" s="6">
        <v>43770</v>
      </c>
      <c r="B677" s="8">
        <v>2.7291742800000001</v>
      </c>
      <c r="C677" s="8">
        <v>0.46201584299999998</v>
      </c>
      <c r="D677" s="8">
        <v>0.42868578899999998</v>
      </c>
    </row>
    <row r="678" spans="1:4" x14ac:dyDescent="0.3">
      <c r="A678" s="6">
        <v>43771</v>
      </c>
      <c r="B678" s="8">
        <v>2.741469913</v>
      </c>
      <c r="C678" s="8">
        <v>0.45451356500000001</v>
      </c>
      <c r="D678" s="8">
        <v>0.42235240000000002</v>
      </c>
    </row>
    <row r="679" spans="1:4" x14ac:dyDescent="0.3">
      <c r="A679" s="6">
        <v>43772</v>
      </c>
      <c r="B679" s="8">
        <v>2.741519963</v>
      </c>
      <c r="C679" s="8">
        <v>0.46860575199999999</v>
      </c>
      <c r="D679" s="8">
        <v>0.42260240100000002</v>
      </c>
    </row>
    <row r="680" spans="1:4" x14ac:dyDescent="0.3">
      <c r="A680" s="6">
        <v>43773</v>
      </c>
      <c r="B680" s="8">
        <v>2.744019963</v>
      </c>
      <c r="C680" s="8">
        <v>0.46703451699999998</v>
      </c>
      <c r="D680" s="8">
        <v>0.42214640199999998</v>
      </c>
    </row>
    <row r="681" spans="1:4" x14ac:dyDescent="0.3">
      <c r="A681" s="6">
        <v>43774</v>
      </c>
      <c r="B681" s="8">
        <v>2.7469038029999999</v>
      </c>
      <c r="C681" s="8">
        <v>0.44644612299999997</v>
      </c>
      <c r="D681" s="8">
        <v>0.428550875</v>
      </c>
    </row>
    <row r="682" spans="1:4" x14ac:dyDescent="0.3">
      <c r="A682" s="6">
        <v>43775</v>
      </c>
      <c r="B682" s="8">
        <v>2.751005283</v>
      </c>
      <c r="C682" s="8">
        <v>0.46800530800000001</v>
      </c>
      <c r="D682" s="8">
        <v>0.42432240100000002</v>
      </c>
    </row>
    <row r="683" spans="1:4" x14ac:dyDescent="0.3">
      <c r="A683" s="6">
        <v>43776</v>
      </c>
      <c r="B683" s="8">
        <v>2.7520402829999999</v>
      </c>
      <c r="C683" s="8">
        <v>0.45830237299999999</v>
      </c>
      <c r="D683" s="8">
        <v>0.41947656100000003</v>
      </c>
    </row>
    <row r="684" spans="1:4" x14ac:dyDescent="0.3">
      <c r="A684" s="6">
        <v>43777</v>
      </c>
      <c r="B684" s="8">
        <v>2.7536052830000002</v>
      </c>
      <c r="C684" s="8">
        <v>0.45593545600000002</v>
      </c>
      <c r="D684" s="8">
        <v>0.41604865000000002</v>
      </c>
    </row>
    <row r="685" spans="1:4" x14ac:dyDescent="0.3">
      <c r="A685" s="6">
        <v>43778</v>
      </c>
      <c r="B685" s="8">
        <v>2.7549354699999999</v>
      </c>
      <c r="C685" s="8">
        <v>0.452704893</v>
      </c>
      <c r="D685" s="8">
        <v>0.40476265299999997</v>
      </c>
    </row>
    <row r="686" spans="1:4" x14ac:dyDescent="0.3">
      <c r="A686" s="6">
        <v>43779</v>
      </c>
      <c r="B686" s="8">
        <v>2.7549354699999999</v>
      </c>
      <c r="C686" s="8">
        <v>0.45217259900000001</v>
      </c>
      <c r="D686" s="8">
        <v>0.405062741</v>
      </c>
    </row>
    <row r="687" spans="1:4" x14ac:dyDescent="0.3">
      <c r="A687" s="6">
        <v>43780</v>
      </c>
      <c r="B687" s="8">
        <v>2.7549354699999999</v>
      </c>
      <c r="C687" s="8">
        <v>0.45166205700000001</v>
      </c>
      <c r="D687" s="8">
        <v>0.40499673899999999</v>
      </c>
    </row>
    <row r="688" spans="1:4" x14ac:dyDescent="0.3">
      <c r="A688" s="6">
        <v>43781</v>
      </c>
      <c r="B688" s="8">
        <v>2.7549354699999999</v>
      </c>
      <c r="C688" s="8">
        <v>0.45039590099999999</v>
      </c>
      <c r="D688" s="8">
        <v>0.405139468</v>
      </c>
    </row>
    <row r="689" spans="1:4" x14ac:dyDescent="0.3">
      <c r="A689" s="6">
        <v>43782</v>
      </c>
      <c r="B689" s="8">
        <v>2.75511047</v>
      </c>
      <c r="C689" s="8">
        <v>0.44956626799999999</v>
      </c>
      <c r="D689" s="8">
        <v>0.39980822500000002</v>
      </c>
    </row>
    <row r="690" spans="1:4" x14ac:dyDescent="0.3">
      <c r="A690" s="6">
        <v>43783</v>
      </c>
      <c r="B690" s="8">
        <v>2.7552932870000002</v>
      </c>
      <c r="C690" s="8">
        <v>0.44720586600000001</v>
      </c>
      <c r="D690" s="8">
        <v>0.40073515500000001</v>
      </c>
    </row>
    <row r="691" spans="1:4" x14ac:dyDescent="0.3">
      <c r="A691" s="6">
        <v>43784</v>
      </c>
      <c r="B691" s="8">
        <v>2.7553493910000002</v>
      </c>
      <c r="C691" s="8">
        <v>0.439137903</v>
      </c>
      <c r="D691" s="8">
        <v>0.39943485000000001</v>
      </c>
    </row>
    <row r="692" spans="1:4" x14ac:dyDescent="0.3">
      <c r="A692" s="6">
        <v>43785</v>
      </c>
      <c r="B692" s="8">
        <v>2.7554892510000002</v>
      </c>
      <c r="C692" s="8">
        <v>0.43871284199999999</v>
      </c>
      <c r="D692" s="8">
        <v>0.393950405</v>
      </c>
    </row>
    <row r="693" spans="1:4" x14ac:dyDescent="0.3">
      <c r="A693" s="6">
        <v>43786</v>
      </c>
      <c r="B693" s="8">
        <v>2.7554892510000002</v>
      </c>
      <c r="C693" s="8">
        <v>0.44143823599999998</v>
      </c>
      <c r="D693" s="8">
        <v>0.39415755099999999</v>
      </c>
    </row>
    <row r="694" spans="1:4" x14ac:dyDescent="0.3">
      <c r="A694" s="6">
        <v>43787</v>
      </c>
      <c r="B694" s="8">
        <v>2.7556602510000001</v>
      </c>
      <c r="C694" s="8">
        <v>0.44138771799999998</v>
      </c>
      <c r="D694" s="8">
        <v>0.39329668600000001</v>
      </c>
    </row>
    <row r="695" spans="1:4" x14ac:dyDescent="0.3">
      <c r="A695" s="6">
        <v>43788</v>
      </c>
      <c r="B695" s="8">
        <v>2.7561334510000002</v>
      </c>
      <c r="C695" s="8">
        <v>0.44175779500000001</v>
      </c>
      <c r="D695" s="8">
        <v>0.38679521</v>
      </c>
    </row>
    <row r="696" spans="1:4" x14ac:dyDescent="0.3">
      <c r="A696" s="6">
        <v>43789</v>
      </c>
      <c r="B696" s="8">
        <v>2.7571334510000001</v>
      </c>
      <c r="C696" s="8">
        <v>0.439684403</v>
      </c>
      <c r="D696" s="8">
        <v>0.39420275399999999</v>
      </c>
    </row>
    <row r="697" spans="1:4" x14ac:dyDescent="0.3">
      <c r="A697" s="6">
        <v>43790</v>
      </c>
      <c r="B697" s="8">
        <v>2.7592414509999998</v>
      </c>
      <c r="C697" s="8">
        <v>0.43063752399999999</v>
      </c>
      <c r="D697" s="8">
        <v>0.39802295799999998</v>
      </c>
    </row>
    <row r="698" spans="1:4" x14ac:dyDescent="0.3">
      <c r="A698" s="6">
        <v>43791</v>
      </c>
      <c r="B698" s="8">
        <v>2.7767254509999999</v>
      </c>
      <c r="C698" s="8">
        <v>0.44181262500000001</v>
      </c>
      <c r="D698" s="8">
        <v>0.39951260399999999</v>
      </c>
    </row>
    <row r="699" spans="1:4" x14ac:dyDescent="0.3">
      <c r="A699" s="6">
        <v>43792</v>
      </c>
      <c r="B699" s="8">
        <v>2.807725451</v>
      </c>
      <c r="C699" s="8">
        <v>0.44142313</v>
      </c>
      <c r="D699" s="8">
        <v>0.39063688200000002</v>
      </c>
    </row>
    <row r="700" spans="1:4" x14ac:dyDescent="0.3">
      <c r="A700" s="6">
        <v>43793</v>
      </c>
      <c r="B700" s="8">
        <v>2.7777254509999998</v>
      </c>
      <c r="C700" s="8">
        <v>0.44351386100000001</v>
      </c>
      <c r="D700" s="8">
        <v>0.39402556900000002</v>
      </c>
    </row>
    <row r="701" spans="1:4" x14ac:dyDescent="0.3">
      <c r="A701" s="6">
        <v>43794</v>
      </c>
      <c r="B701" s="8">
        <v>2.7827204509999999</v>
      </c>
      <c r="C701" s="8">
        <v>0.44348096300000001</v>
      </c>
      <c r="D701" s="8">
        <v>0.39552743400000001</v>
      </c>
    </row>
    <row r="702" spans="1:4" x14ac:dyDescent="0.3">
      <c r="A702" s="6">
        <v>43795</v>
      </c>
      <c r="B702" s="8">
        <v>2.8120517810000001</v>
      </c>
      <c r="C702" s="8">
        <v>0.45778576700000001</v>
      </c>
      <c r="D702" s="8">
        <v>0.39503131000000002</v>
      </c>
    </row>
    <row r="703" spans="1:4" x14ac:dyDescent="0.3">
      <c r="A703" s="6">
        <v>43796</v>
      </c>
      <c r="B703" s="8">
        <v>2.8120517810000001</v>
      </c>
      <c r="C703" s="8">
        <v>0.45889397100000001</v>
      </c>
      <c r="D703" s="8">
        <v>0.39416669399999998</v>
      </c>
    </row>
    <row r="704" spans="1:4" x14ac:dyDescent="0.3">
      <c r="A704" s="6">
        <v>43797</v>
      </c>
      <c r="B704" s="8">
        <v>2.8232757899999998</v>
      </c>
      <c r="C704" s="8">
        <v>0.46447871000000002</v>
      </c>
      <c r="D704" s="8">
        <v>0.39365845399999999</v>
      </c>
    </row>
    <row r="705" spans="1:4" x14ac:dyDescent="0.3">
      <c r="A705" s="6">
        <v>43798</v>
      </c>
      <c r="B705" s="8">
        <v>2.82817374</v>
      </c>
      <c r="C705" s="8">
        <v>0.45520159999999998</v>
      </c>
      <c r="D705" s="8">
        <v>0.392944289</v>
      </c>
    </row>
    <row r="706" spans="1:4" x14ac:dyDescent="0.3">
      <c r="A706" s="6">
        <v>43799</v>
      </c>
      <c r="B706" s="8">
        <v>2.8301657439999999</v>
      </c>
      <c r="C706" s="8">
        <v>0.45285402000000002</v>
      </c>
      <c r="D706" s="8">
        <v>0.40453413799999999</v>
      </c>
    </row>
    <row r="707" spans="1:4" x14ac:dyDescent="0.3">
      <c r="A707" s="6">
        <v>43800</v>
      </c>
      <c r="B707" s="8">
        <v>2.8301607440000001</v>
      </c>
      <c r="C707" s="8">
        <v>0.455125432</v>
      </c>
      <c r="D707" s="8">
        <v>0.40505731099999998</v>
      </c>
    </row>
    <row r="708" spans="1:4" x14ac:dyDescent="0.3">
      <c r="A708" s="6">
        <v>43801</v>
      </c>
      <c r="B708" s="8">
        <v>2.8301607440000001</v>
      </c>
      <c r="C708" s="8">
        <v>0.45634813299999999</v>
      </c>
      <c r="D708" s="8">
        <v>0.40676883600000002</v>
      </c>
    </row>
    <row r="709" spans="1:4" x14ac:dyDescent="0.3">
      <c r="A709" s="6">
        <v>43802</v>
      </c>
      <c r="B709" s="8">
        <v>2.8334790619999999</v>
      </c>
      <c r="C709" s="8">
        <v>0.45707608</v>
      </c>
      <c r="D709" s="8">
        <v>0.44155193799999998</v>
      </c>
    </row>
    <row r="710" spans="1:4" x14ac:dyDescent="0.3">
      <c r="A710" s="6">
        <v>43803</v>
      </c>
      <c r="B710" s="8">
        <v>2.8334977189999999</v>
      </c>
      <c r="C710" s="8">
        <v>0.44507064899999998</v>
      </c>
      <c r="D710" s="8">
        <v>0.448761089</v>
      </c>
    </row>
    <row r="711" spans="1:4" x14ac:dyDescent="0.3">
      <c r="A711" s="6">
        <v>43804</v>
      </c>
      <c r="B711" s="8">
        <v>2.844272906</v>
      </c>
      <c r="C711" s="8">
        <v>0.46275366699999998</v>
      </c>
      <c r="D711" s="8">
        <v>0.44790133799999998</v>
      </c>
    </row>
    <row r="712" spans="1:4" x14ac:dyDescent="0.3">
      <c r="A712" s="6">
        <v>43805</v>
      </c>
      <c r="B712" s="8">
        <v>2.8442741649999999</v>
      </c>
      <c r="C712" s="8">
        <v>0.463201009</v>
      </c>
      <c r="D712" s="8">
        <v>0.44385214099999998</v>
      </c>
    </row>
    <row r="713" spans="1:4" x14ac:dyDescent="0.3">
      <c r="A713" s="6">
        <v>43806</v>
      </c>
      <c r="B713" s="8">
        <v>2.8487681660000002</v>
      </c>
      <c r="C713" s="8">
        <v>0.46343073200000001</v>
      </c>
      <c r="D713" s="8">
        <v>0.450507449</v>
      </c>
    </row>
    <row r="714" spans="1:4" x14ac:dyDescent="0.3">
      <c r="A714" s="6">
        <v>43807</v>
      </c>
      <c r="B714" s="8">
        <v>2.8581181660000001</v>
      </c>
      <c r="C714" s="8">
        <v>0.462910608</v>
      </c>
      <c r="D714" s="8">
        <v>0.45027550399999999</v>
      </c>
    </row>
    <row r="715" spans="1:4" x14ac:dyDescent="0.3">
      <c r="A715" s="6">
        <v>43808</v>
      </c>
      <c r="B715" s="8">
        <v>2.8582181659999999</v>
      </c>
      <c r="C715" s="8">
        <v>0.46222734999999998</v>
      </c>
      <c r="D715" s="8">
        <v>0.45293002199999999</v>
      </c>
    </row>
    <row r="716" spans="1:4" x14ac:dyDescent="0.3">
      <c r="A716" s="6">
        <v>43809</v>
      </c>
      <c r="B716" s="8">
        <v>2.8719662499999998</v>
      </c>
      <c r="C716" s="8">
        <v>0.48293775999999999</v>
      </c>
      <c r="D716" s="8">
        <v>0.45551342500000003</v>
      </c>
    </row>
    <row r="717" spans="1:4" x14ac:dyDescent="0.3">
      <c r="A717" s="6">
        <v>43810</v>
      </c>
      <c r="B717" s="8">
        <v>3.125666807</v>
      </c>
      <c r="C717" s="8">
        <v>0.478938906</v>
      </c>
      <c r="D717" s="8">
        <v>0.457224042</v>
      </c>
    </row>
    <row r="718" spans="1:4" x14ac:dyDescent="0.3">
      <c r="A718" s="6">
        <v>43811</v>
      </c>
      <c r="B718" s="8">
        <v>3.110477709</v>
      </c>
      <c r="C718" s="8">
        <v>0.47473068800000001</v>
      </c>
      <c r="D718" s="8">
        <v>0.45467583700000003</v>
      </c>
    </row>
    <row r="719" spans="1:4" x14ac:dyDescent="0.3">
      <c r="A719" s="6">
        <v>43812</v>
      </c>
      <c r="B719" s="8">
        <v>3.1166589569999998</v>
      </c>
      <c r="C719" s="8">
        <v>0.47413789899999997</v>
      </c>
      <c r="D719" s="8">
        <v>0.45444530599999999</v>
      </c>
    </row>
    <row r="720" spans="1:4" x14ac:dyDescent="0.3">
      <c r="A720" s="6">
        <v>43813</v>
      </c>
      <c r="B720" s="8">
        <v>3.1168147529999999</v>
      </c>
      <c r="C720" s="8">
        <v>0.472241784</v>
      </c>
      <c r="D720" s="8">
        <v>0.450628321</v>
      </c>
    </row>
    <row r="721" spans="1:4" x14ac:dyDescent="0.3">
      <c r="A721" s="6">
        <v>43814</v>
      </c>
      <c r="B721" s="8">
        <v>3.1168147529999999</v>
      </c>
      <c r="C721" s="8">
        <v>0.472322413</v>
      </c>
      <c r="D721" s="8">
        <v>0.45123584300000003</v>
      </c>
    </row>
    <row r="722" spans="1:4" x14ac:dyDescent="0.3">
      <c r="A722" s="6">
        <v>43815</v>
      </c>
      <c r="B722" s="8">
        <v>3.1168147529999999</v>
      </c>
      <c r="C722" s="8">
        <v>0.47353301399999997</v>
      </c>
      <c r="D722" s="8">
        <v>0.45174212200000002</v>
      </c>
    </row>
    <row r="723" spans="1:4" x14ac:dyDescent="0.3">
      <c r="A723" s="6">
        <v>43816</v>
      </c>
      <c r="B723" s="8">
        <v>3.1290312199999999</v>
      </c>
      <c r="C723" s="8">
        <v>0.46532980200000001</v>
      </c>
      <c r="D723" s="8">
        <v>0.45740232400000003</v>
      </c>
    </row>
    <row r="724" spans="1:4" x14ac:dyDescent="0.3">
      <c r="A724" s="6">
        <v>43817</v>
      </c>
      <c r="B724" s="8">
        <v>3.1363922390000001</v>
      </c>
      <c r="C724" s="8">
        <v>0.46019106500000001</v>
      </c>
      <c r="D724" s="8">
        <v>0.45746708400000002</v>
      </c>
    </row>
    <row r="725" spans="1:4" x14ac:dyDescent="0.3">
      <c r="A725" s="6">
        <v>43818</v>
      </c>
      <c r="B725" s="8">
        <v>3.152192758</v>
      </c>
      <c r="C725" s="8">
        <v>0.47223726599999999</v>
      </c>
      <c r="D725" s="8">
        <v>0.46268305799999998</v>
      </c>
    </row>
    <row r="726" spans="1:4" x14ac:dyDescent="0.3">
      <c r="A726" s="6">
        <v>43819</v>
      </c>
      <c r="B726" s="8">
        <v>3.1652491519999999</v>
      </c>
      <c r="C726" s="8">
        <v>0.50829230700000005</v>
      </c>
      <c r="D726" s="8">
        <v>0.46191546500000003</v>
      </c>
    </row>
    <row r="727" spans="1:4" x14ac:dyDescent="0.3">
      <c r="A727" s="6">
        <v>43820</v>
      </c>
      <c r="B727" s="8">
        <v>3.1788083220000001</v>
      </c>
      <c r="C727" s="8">
        <v>0.52135434199999997</v>
      </c>
      <c r="D727" s="8">
        <v>0.46283445499999998</v>
      </c>
    </row>
    <row r="728" spans="1:4" x14ac:dyDescent="0.3">
      <c r="A728" s="6">
        <v>43821</v>
      </c>
      <c r="B728" s="8">
        <v>3.1721083220000001</v>
      </c>
      <c r="C728" s="8">
        <v>0.52086996399999996</v>
      </c>
      <c r="D728" s="8">
        <v>0.46353829099999999</v>
      </c>
    </row>
    <row r="729" spans="1:4" x14ac:dyDescent="0.3">
      <c r="A729" s="6">
        <v>43822</v>
      </c>
      <c r="B729" s="8">
        <v>3.1721083220000001</v>
      </c>
      <c r="C729" s="8">
        <v>0.52129009199999998</v>
      </c>
      <c r="D729" s="8">
        <v>0.464136047</v>
      </c>
    </row>
    <row r="730" spans="1:4" x14ac:dyDescent="0.3">
      <c r="A730" s="6">
        <v>43823</v>
      </c>
      <c r="B730" s="8">
        <v>3.186217122</v>
      </c>
      <c r="C730" s="8">
        <v>0.52003665200000004</v>
      </c>
      <c r="D730" s="8">
        <v>0.46212047899999997</v>
      </c>
    </row>
    <row r="731" spans="1:4" x14ac:dyDescent="0.3">
      <c r="A731" s="6">
        <v>43824</v>
      </c>
      <c r="B731" s="8">
        <v>3.190033772</v>
      </c>
      <c r="C731" s="8">
        <v>0.51656707999999996</v>
      </c>
      <c r="D731" s="8">
        <v>0.45686441900000002</v>
      </c>
    </row>
    <row r="732" spans="1:4" x14ac:dyDescent="0.3">
      <c r="A732" s="6">
        <v>43825</v>
      </c>
      <c r="B732" s="8">
        <v>3.1930976389999999</v>
      </c>
      <c r="C732" s="8">
        <v>0.51596243500000005</v>
      </c>
      <c r="D732" s="8">
        <v>0.45737891899999999</v>
      </c>
    </row>
    <row r="733" spans="1:4" x14ac:dyDescent="0.3">
      <c r="A733" s="6">
        <v>43826</v>
      </c>
      <c r="B733" s="8">
        <v>3.1930976389999999</v>
      </c>
      <c r="C733" s="8">
        <v>0.51568319100000004</v>
      </c>
      <c r="D733" s="8">
        <v>0.45006246900000002</v>
      </c>
    </row>
    <row r="734" spans="1:4" x14ac:dyDescent="0.3">
      <c r="A734" s="6">
        <v>43827</v>
      </c>
      <c r="B734" s="8">
        <v>3.1983038779999999</v>
      </c>
      <c r="C734" s="8">
        <v>0.51788640399999997</v>
      </c>
      <c r="D734" s="8">
        <v>0.44663733500000002</v>
      </c>
    </row>
    <row r="735" spans="1:4" x14ac:dyDescent="0.3">
      <c r="A735" s="6">
        <v>43828</v>
      </c>
      <c r="B735" s="8">
        <v>3.193874144</v>
      </c>
      <c r="C735" s="8">
        <v>0.51742357699999997</v>
      </c>
      <c r="D735" s="8">
        <v>0.446919917</v>
      </c>
    </row>
    <row r="736" spans="1:4" x14ac:dyDescent="0.3">
      <c r="A736" s="6">
        <v>43829</v>
      </c>
      <c r="B736" s="8">
        <v>3.1952705880000001</v>
      </c>
      <c r="C736" s="8">
        <v>0.51820196399999996</v>
      </c>
      <c r="D736" s="8">
        <v>0.44729522999999999</v>
      </c>
    </row>
    <row r="737" spans="1:4" x14ac:dyDescent="0.3">
      <c r="A737" s="6">
        <v>43830</v>
      </c>
      <c r="B737" s="8">
        <v>3.198834653</v>
      </c>
      <c r="C737" s="8">
        <v>0.516519795</v>
      </c>
      <c r="D737" s="8">
        <v>0.45002092300000002</v>
      </c>
    </row>
    <row r="738" spans="1:4" x14ac:dyDescent="0.3">
      <c r="A738" s="6">
        <v>43831</v>
      </c>
      <c r="B738" s="8">
        <v>3.198834653</v>
      </c>
      <c r="C738" s="8">
        <v>0.51659771200000004</v>
      </c>
      <c r="D738" s="8">
        <v>0.44873010400000002</v>
      </c>
    </row>
    <row r="739" spans="1:4" x14ac:dyDescent="0.3">
      <c r="A739" s="6">
        <v>43832</v>
      </c>
      <c r="B739" s="8">
        <v>3.200978653</v>
      </c>
      <c r="C739" s="8">
        <v>0.51489205000000005</v>
      </c>
      <c r="D739" s="8">
        <v>0.449446974</v>
      </c>
    </row>
    <row r="740" spans="1:4" x14ac:dyDescent="0.3">
      <c r="A740" s="6">
        <v>43833</v>
      </c>
      <c r="B740" s="8">
        <v>4.2888985750000002</v>
      </c>
      <c r="C740" s="8">
        <v>0.51991552600000002</v>
      </c>
      <c r="D740" s="8">
        <v>0.44585457899999997</v>
      </c>
    </row>
    <row r="741" spans="1:4" x14ac:dyDescent="0.3">
      <c r="A741" s="6">
        <v>43834</v>
      </c>
      <c r="B741" s="8">
        <v>4.2830230279999997</v>
      </c>
      <c r="C741" s="8">
        <v>0.518840356</v>
      </c>
      <c r="D741" s="8">
        <v>0.50758205300000003</v>
      </c>
    </row>
    <row r="742" spans="1:4" x14ac:dyDescent="0.3">
      <c r="A742" s="6">
        <v>43835</v>
      </c>
      <c r="B742" s="8">
        <v>4.2872208409999999</v>
      </c>
      <c r="C742" s="8">
        <v>0.518952466</v>
      </c>
      <c r="D742" s="8">
        <v>0.50746569600000002</v>
      </c>
    </row>
    <row r="743" spans="1:4" x14ac:dyDescent="0.3">
      <c r="A743" s="6">
        <v>43836</v>
      </c>
      <c r="B743" s="8">
        <v>4.2813917010000004</v>
      </c>
      <c r="C743" s="8">
        <v>0.51797327199999998</v>
      </c>
      <c r="D743" s="8">
        <v>0.50830092699999996</v>
      </c>
    </row>
    <row r="744" spans="1:4" x14ac:dyDescent="0.3">
      <c r="A744" s="6">
        <v>43837</v>
      </c>
      <c r="B744" s="8">
        <v>4.2853441290000003</v>
      </c>
      <c r="C744" s="8">
        <v>0.51396483100000001</v>
      </c>
      <c r="D744" s="8">
        <v>0.51735342399999995</v>
      </c>
    </row>
    <row r="745" spans="1:4" x14ac:dyDescent="0.3">
      <c r="A745" s="6">
        <v>43838</v>
      </c>
      <c r="B745" s="8">
        <v>4.2793093170000001</v>
      </c>
      <c r="C745" s="8">
        <v>0.49031728899999999</v>
      </c>
      <c r="D745" s="8">
        <v>0.52628662299999995</v>
      </c>
    </row>
    <row r="746" spans="1:4" x14ac:dyDescent="0.3">
      <c r="A746" s="6">
        <v>43839</v>
      </c>
      <c r="B746" s="8">
        <v>4.2739844810000003</v>
      </c>
      <c r="C746" s="8">
        <v>0.46978428999999999</v>
      </c>
      <c r="D746" s="8">
        <v>0.52333277899999997</v>
      </c>
    </row>
    <row r="747" spans="1:4" x14ac:dyDescent="0.3">
      <c r="A747" s="6">
        <v>43840</v>
      </c>
      <c r="B747" s="8">
        <v>4.2869420720000004</v>
      </c>
      <c r="C747" s="8">
        <v>0.46173241500000001</v>
      </c>
      <c r="D747" s="8">
        <v>0.51694433900000003</v>
      </c>
    </row>
    <row r="748" spans="1:4" x14ac:dyDescent="0.3">
      <c r="A748" s="6">
        <v>43841</v>
      </c>
      <c r="B748" s="8">
        <v>4.2883411430000002</v>
      </c>
      <c r="C748" s="8">
        <v>0.45852066499999999</v>
      </c>
      <c r="D748" s="8">
        <v>0.50461667499999996</v>
      </c>
    </row>
    <row r="749" spans="1:4" x14ac:dyDescent="0.3">
      <c r="A749" s="6">
        <v>43842</v>
      </c>
      <c r="B749" s="8">
        <v>4.2733193399999996</v>
      </c>
      <c r="C749" s="8">
        <v>0.44889263000000001</v>
      </c>
      <c r="D749" s="8">
        <v>0.50450067700000001</v>
      </c>
    </row>
    <row r="750" spans="1:4" x14ac:dyDescent="0.3">
      <c r="A750" s="6">
        <v>43843</v>
      </c>
      <c r="B750" s="8">
        <v>4.2813478500000004</v>
      </c>
      <c r="C750" s="8">
        <v>0.449197501</v>
      </c>
      <c r="D750" s="8">
        <v>0.50699231</v>
      </c>
    </row>
    <row r="751" spans="1:4" x14ac:dyDescent="0.3">
      <c r="A751" s="6">
        <v>43844</v>
      </c>
      <c r="B751" s="8">
        <v>4.2823603300000004</v>
      </c>
      <c r="C751" s="8">
        <v>0.44717171</v>
      </c>
      <c r="D751" s="8">
        <v>0.49364501</v>
      </c>
    </row>
    <row r="752" spans="1:4" x14ac:dyDescent="0.3">
      <c r="A752" s="6">
        <v>43845</v>
      </c>
      <c r="B752" s="8">
        <v>4.2785269479999997</v>
      </c>
      <c r="C752" s="8">
        <v>0.43202088399999999</v>
      </c>
      <c r="D752" s="8">
        <v>0.49795318199999999</v>
      </c>
    </row>
    <row r="753" spans="1:4" x14ac:dyDescent="0.3">
      <c r="A753" s="6">
        <v>43846</v>
      </c>
      <c r="B753" s="8">
        <v>4.2861334329999998</v>
      </c>
      <c r="C753" s="8">
        <v>0.45213410999999998</v>
      </c>
      <c r="D753" s="8">
        <v>0.48852490500000001</v>
      </c>
    </row>
    <row r="754" spans="1:4" x14ac:dyDescent="0.3">
      <c r="A754" s="6">
        <v>43847</v>
      </c>
      <c r="B754" s="8">
        <v>4.2778207579999998</v>
      </c>
      <c r="C754" s="8">
        <v>0.44845680100000002</v>
      </c>
      <c r="D754" s="8">
        <v>0.49791540000000001</v>
      </c>
    </row>
    <row r="755" spans="1:4" x14ac:dyDescent="0.3">
      <c r="A755" s="6">
        <v>43848</v>
      </c>
      <c r="B755" s="8">
        <v>4.2798608099999997</v>
      </c>
      <c r="C755" s="8">
        <v>0.44475730299999999</v>
      </c>
      <c r="D755" s="8">
        <v>0.49179159300000003</v>
      </c>
    </row>
    <row r="756" spans="1:4" x14ac:dyDescent="0.3">
      <c r="A756" s="6">
        <v>43849</v>
      </c>
      <c r="B756" s="8">
        <v>4.2778176419999996</v>
      </c>
      <c r="C756" s="8">
        <v>0.444284972</v>
      </c>
      <c r="D756" s="8">
        <v>0.49157913399999997</v>
      </c>
    </row>
    <row r="757" spans="1:4" x14ac:dyDescent="0.3">
      <c r="A757" s="6">
        <v>43850</v>
      </c>
      <c r="B757" s="8">
        <v>4.282607058</v>
      </c>
      <c r="C757" s="8">
        <v>0.44463858899999997</v>
      </c>
      <c r="D757" s="8">
        <v>0.49170008500000001</v>
      </c>
    </row>
    <row r="758" spans="1:4" x14ac:dyDescent="0.3">
      <c r="A758" s="6">
        <v>43851</v>
      </c>
      <c r="B758" s="8">
        <v>4.2813277730000001</v>
      </c>
      <c r="C758" s="8">
        <v>0.44469413099999999</v>
      </c>
      <c r="D758" s="8">
        <v>0.48711891800000001</v>
      </c>
    </row>
    <row r="759" spans="1:4" x14ac:dyDescent="0.3">
      <c r="A759" s="6">
        <v>43852</v>
      </c>
      <c r="B759" s="8">
        <v>4.2834734279999997</v>
      </c>
      <c r="C759" s="8">
        <v>0.44747188900000001</v>
      </c>
      <c r="D759" s="8">
        <v>0.48083517100000001</v>
      </c>
    </row>
    <row r="760" spans="1:4" x14ac:dyDescent="0.3">
      <c r="A760" s="6">
        <v>43853</v>
      </c>
      <c r="B760" s="8">
        <v>4.2828864040000001</v>
      </c>
      <c r="C760" s="8">
        <v>0.45824397700000002</v>
      </c>
      <c r="D760" s="8">
        <v>0.478376737</v>
      </c>
    </row>
    <row r="761" spans="1:4" x14ac:dyDescent="0.3">
      <c r="A761" s="6">
        <v>43854</v>
      </c>
      <c r="B761" s="8">
        <v>4.2795829799999998</v>
      </c>
      <c r="C761" s="8">
        <v>0.44916637999999998</v>
      </c>
      <c r="D761" s="8">
        <v>0.47871240799999998</v>
      </c>
    </row>
    <row r="762" spans="1:4" x14ac:dyDescent="0.3">
      <c r="A762" s="6">
        <v>43855</v>
      </c>
      <c r="B762" s="8">
        <v>4.2897502010000004</v>
      </c>
      <c r="C762" s="8">
        <v>0.44960026600000003</v>
      </c>
      <c r="D762" s="8">
        <v>0.47902704499999998</v>
      </c>
    </row>
    <row r="763" spans="1:4" x14ac:dyDescent="0.3">
      <c r="A763" s="6">
        <v>43856</v>
      </c>
      <c r="B763" s="8">
        <v>4.2836479909999996</v>
      </c>
      <c r="C763" s="8">
        <v>0.44947688400000002</v>
      </c>
      <c r="D763" s="8">
        <v>0.47962301499999999</v>
      </c>
    </row>
    <row r="764" spans="1:4" x14ac:dyDescent="0.3">
      <c r="A764" s="6">
        <v>43857</v>
      </c>
      <c r="B764" s="8">
        <v>4.2857282940000001</v>
      </c>
      <c r="C764" s="8">
        <v>0.44913916700000001</v>
      </c>
      <c r="D764" s="8">
        <v>0.48023342899999999</v>
      </c>
    </row>
    <row r="765" spans="1:4" x14ac:dyDescent="0.3">
      <c r="A765" s="6">
        <v>43858</v>
      </c>
      <c r="B765" s="8">
        <v>4.2774247540000001</v>
      </c>
      <c r="C765" s="8">
        <v>0.44597755500000003</v>
      </c>
      <c r="D765" s="8">
        <v>0.48221065899999999</v>
      </c>
    </row>
    <row r="766" spans="1:4" x14ac:dyDescent="0.3">
      <c r="A766" s="6">
        <v>43859</v>
      </c>
      <c r="B766" s="8">
        <v>4.2951592190000003</v>
      </c>
      <c r="C766" s="8">
        <v>0.446882008</v>
      </c>
      <c r="D766" s="8">
        <v>0.49099994899999999</v>
      </c>
    </row>
    <row r="767" spans="1:4" x14ac:dyDescent="0.3">
      <c r="A767" s="6">
        <v>43860</v>
      </c>
      <c r="B767" s="8">
        <v>4.2767142939999996</v>
      </c>
      <c r="C767" s="8">
        <v>0.44785072100000001</v>
      </c>
      <c r="D767" s="8">
        <v>0.492524933</v>
      </c>
    </row>
    <row r="768" spans="1:4" x14ac:dyDescent="0.3">
      <c r="A768" s="6">
        <v>43861</v>
      </c>
      <c r="B768" s="8">
        <v>4.2778996630000004</v>
      </c>
      <c r="C768" s="8">
        <v>0.44246692100000001</v>
      </c>
      <c r="D768" s="8">
        <v>0.49913019800000002</v>
      </c>
    </row>
    <row r="769" spans="1:4" x14ac:dyDescent="0.3">
      <c r="A769" s="6">
        <v>43862</v>
      </c>
      <c r="B769" s="8">
        <v>4.2772783079999996</v>
      </c>
      <c r="C769" s="8">
        <v>0.440802894</v>
      </c>
      <c r="D769" s="8">
        <v>0.49741202000000001</v>
      </c>
    </row>
    <row r="770" spans="1:4" x14ac:dyDescent="0.3">
      <c r="A770" s="6">
        <v>43863</v>
      </c>
      <c r="B770" s="8">
        <v>4.2792977920000004</v>
      </c>
      <c r="C770" s="8">
        <v>0.43855861499999998</v>
      </c>
      <c r="D770" s="8">
        <v>0.49926870200000001</v>
      </c>
    </row>
    <row r="771" spans="1:4" x14ac:dyDescent="0.3">
      <c r="A771" s="6">
        <v>43864</v>
      </c>
      <c r="B771" s="8">
        <v>4.285631682</v>
      </c>
      <c r="C771" s="8">
        <v>0.43833050499999998</v>
      </c>
      <c r="D771" s="8">
        <v>0.49761462200000001</v>
      </c>
    </row>
    <row r="772" spans="1:4" x14ac:dyDescent="0.3">
      <c r="A772" s="6">
        <v>43865</v>
      </c>
      <c r="B772" s="8">
        <v>4.2916517829999998</v>
      </c>
      <c r="C772" s="8">
        <v>0.43755712600000002</v>
      </c>
      <c r="D772" s="8">
        <v>0.49829417999999998</v>
      </c>
    </row>
    <row r="773" spans="1:4" x14ac:dyDescent="0.3">
      <c r="A773" s="6">
        <v>43866</v>
      </c>
      <c r="B773" s="8">
        <v>4.2796878700000001</v>
      </c>
      <c r="C773" s="8">
        <v>0.43582963200000002</v>
      </c>
      <c r="D773" s="8">
        <v>0.49816074799999999</v>
      </c>
    </row>
    <row r="774" spans="1:4" x14ac:dyDescent="0.3">
      <c r="A774" s="6">
        <v>43867</v>
      </c>
      <c r="B774" s="8">
        <v>4.2812867260000003</v>
      </c>
      <c r="C774" s="8">
        <v>0.426708639</v>
      </c>
      <c r="D774" s="8">
        <v>0.49912553799999998</v>
      </c>
    </row>
    <row r="775" spans="1:4" x14ac:dyDescent="0.3">
      <c r="A775" s="6">
        <v>43868</v>
      </c>
      <c r="B775" s="8">
        <v>4.2801650059999998</v>
      </c>
      <c r="C775" s="8">
        <v>0.42667137399999999</v>
      </c>
      <c r="D775" s="8">
        <v>0.50660955500000004</v>
      </c>
    </row>
    <row r="776" spans="1:4" x14ac:dyDescent="0.3">
      <c r="A776" s="6">
        <v>43869</v>
      </c>
      <c r="B776" s="8">
        <v>4.2834341289999998</v>
      </c>
      <c r="C776" s="8">
        <v>0.42389968099999997</v>
      </c>
      <c r="D776" s="8">
        <v>0.49594482600000001</v>
      </c>
    </row>
    <row r="777" spans="1:4" x14ac:dyDescent="0.3">
      <c r="A777" s="6">
        <v>43870</v>
      </c>
      <c r="B777" s="8">
        <v>4.2834453640000003</v>
      </c>
      <c r="C777" s="8">
        <v>0.42147043499999998</v>
      </c>
      <c r="D777" s="8">
        <v>0.50272933099999995</v>
      </c>
    </row>
    <row r="778" spans="1:4" x14ac:dyDescent="0.3">
      <c r="A778" s="6">
        <v>43871</v>
      </c>
      <c r="B778" s="8">
        <v>4.3042468789999999</v>
      </c>
      <c r="C778" s="8">
        <v>0.42648498299999998</v>
      </c>
      <c r="D778" s="8">
        <v>0.50420527699999995</v>
      </c>
    </row>
    <row r="779" spans="1:4" x14ac:dyDescent="0.3">
      <c r="A779" s="6">
        <v>43872</v>
      </c>
      <c r="B779" s="8">
        <v>4.2939576720000003</v>
      </c>
      <c r="C779" s="8">
        <v>0.42214469599999999</v>
      </c>
      <c r="D779" s="8">
        <v>0.50017964599999998</v>
      </c>
    </row>
    <row r="780" spans="1:4" x14ac:dyDescent="0.3">
      <c r="A780" s="6">
        <v>43873</v>
      </c>
      <c r="B780" s="8">
        <v>4.288414306</v>
      </c>
      <c r="C780" s="8">
        <v>0.42042961000000001</v>
      </c>
      <c r="D780" s="8">
        <v>0.50544968999999995</v>
      </c>
    </row>
    <row r="781" spans="1:4" x14ac:dyDescent="0.3">
      <c r="A781" s="6">
        <v>43874</v>
      </c>
      <c r="B781" s="8">
        <v>4.2769824779999999</v>
      </c>
      <c r="C781" s="8">
        <v>0.43056581500000002</v>
      </c>
      <c r="D781" s="8">
        <v>0.50167558599999995</v>
      </c>
    </row>
    <row r="782" spans="1:4" x14ac:dyDescent="0.3">
      <c r="A782" s="6">
        <v>43875</v>
      </c>
      <c r="B782" s="8">
        <v>4.2792519130000004</v>
      </c>
      <c r="C782" s="8">
        <v>0.429206851</v>
      </c>
      <c r="D782" s="8">
        <v>0.50934704500000005</v>
      </c>
    </row>
    <row r="783" spans="1:4" x14ac:dyDescent="0.3">
      <c r="A783" s="6">
        <v>43876</v>
      </c>
      <c r="B783" s="8">
        <v>4.2835626170000003</v>
      </c>
      <c r="C783" s="8">
        <v>0.42953897800000002</v>
      </c>
      <c r="D783" s="8">
        <v>0.50363497899999998</v>
      </c>
    </row>
    <row r="784" spans="1:4" x14ac:dyDescent="0.3">
      <c r="A784" s="6">
        <v>43877</v>
      </c>
      <c r="B784" s="8">
        <v>4.2821266759999999</v>
      </c>
      <c r="C784" s="8">
        <v>0.429266918</v>
      </c>
      <c r="D784" s="8">
        <v>0.50487160799999997</v>
      </c>
    </row>
    <row r="785" spans="1:4" x14ac:dyDescent="0.3">
      <c r="A785" s="6">
        <v>43878</v>
      </c>
      <c r="B785" s="8">
        <v>4.287194543</v>
      </c>
      <c r="C785" s="8">
        <v>0.43085099199999999</v>
      </c>
      <c r="D785" s="8">
        <v>0.50737286100000001</v>
      </c>
    </row>
    <row r="786" spans="1:4" x14ac:dyDescent="0.3">
      <c r="A786" s="6">
        <v>43879</v>
      </c>
      <c r="B786" s="8">
        <v>4.2965531119999998</v>
      </c>
      <c r="C786" s="8">
        <v>0.43031829500000002</v>
      </c>
      <c r="D786" s="8">
        <v>0.50759659899999998</v>
      </c>
    </row>
    <row r="787" spans="1:4" x14ac:dyDescent="0.3">
      <c r="A787" s="6">
        <v>43880</v>
      </c>
      <c r="B787" s="8">
        <v>4.2853261710000004</v>
      </c>
      <c r="C787" s="8">
        <v>0.432640417</v>
      </c>
      <c r="D787" s="8">
        <v>0.50202132099999996</v>
      </c>
    </row>
    <row r="788" spans="1:4" x14ac:dyDescent="0.3">
      <c r="A788" s="6">
        <v>43881</v>
      </c>
      <c r="B788" s="8">
        <v>4.2828765999999998</v>
      </c>
      <c r="C788" s="8">
        <v>0.43441669300000002</v>
      </c>
      <c r="D788" s="8">
        <v>0.50248395099999998</v>
      </c>
    </row>
    <row r="789" spans="1:4" x14ac:dyDescent="0.3">
      <c r="A789" s="6">
        <v>43882</v>
      </c>
      <c r="B789" s="8">
        <v>4.2876598350000004</v>
      </c>
      <c r="C789" s="8">
        <v>0.42518073899999997</v>
      </c>
      <c r="D789" s="8">
        <v>0.50498348400000004</v>
      </c>
    </row>
    <row r="790" spans="1:4" x14ac:dyDescent="0.3">
      <c r="A790" s="6">
        <v>43883</v>
      </c>
      <c r="B790" s="8">
        <v>4.28618991</v>
      </c>
      <c r="C790" s="8">
        <v>0.42440712800000002</v>
      </c>
      <c r="D790" s="8">
        <v>0.51318971400000002</v>
      </c>
    </row>
    <row r="791" spans="1:4" x14ac:dyDescent="0.3">
      <c r="A791" s="6">
        <v>43884</v>
      </c>
      <c r="B791" s="8">
        <v>4.2851307089999997</v>
      </c>
      <c r="C791" s="8">
        <v>0.42593449500000002</v>
      </c>
      <c r="D791" s="8">
        <v>0.51216828599999997</v>
      </c>
    </row>
    <row r="792" spans="1:4" x14ac:dyDescent="0.3">
      <c r="A792" s="6">
        <v>43885</v>
      </c>
      <c r="B792" s="8">
        <v>4.2944561270000001</v>
      </c>
      <c r="C792" s="8">
        <v>0.42452323800000002</v>
      </c>
      <c r="D792" s="8">
        <v>0.51389258500000001</v>
      </c>
    </row>
    <row r="793" spans="1:4" x14ac:dyDescent="0.3">
      <c r="A793" s="6">
        <v>43886</v>
      </c>
      <c r="B793" s="8">
        <v>4.2892282450000003</v>
      </c>
      <c r="C793" s="8">
        <v>0.42714113300000001</v>
      </c>
      <c r="D793" s="8">
        <v>0.49512054300000002</v>
      </c>
    </row>
    <row r="794" spans="1:4" x14ac:dyDescent="0.3">
      <c r="A794" s="6">
        <v>43887</v>
      </c>
      <c r="B794" s="8">
        <v>4.2842675669999997</v>
      </c>
      <c r="C794" s="8">
        <v>0.42815215499999998</v>
      </c>
      <c r="D794" s="8">
        <v>0.49662338700000003</v>
      </c>
    </row>
    <row r="795" spans="1:4" x14ac:dyDescent="0.3">
      <c r="A795" s="6">
        <v>43888</v>
      </c>
      <c r="B795" s="8">
        <v>4.2793578510000003</v>
      </c>
      <c r="C795" s="8">
        <v>0.430280212</v>
      </c>
      <c r="D795" s="8">
        <v>0.49437794099999999</v>
      </c>
    </row>
    <row r="796" spans="1:4" x14ac:dyDescent="0.3">
      <c r="A796" s="6">
        <v>43889</v>
      </c>
      <c r="B796" s="8">
        <v>4.2905014770000003</v>
      </c>
      <c r="C796" s="8">
        <v>0.44268307099999998</v>
      </c>
      <c r="D796" s="8">
        <v>0.49429424900000002</v>
      </c>
    </row>
    <row r="797" spans="1:4" x14ac:dyDescent="0.3">
      <c r="A797" s="6">
        <v>43890</v>
      </c>
      <c r="B797" s="8">
        <v>4.2845835259999996</v>
      </c>
      <c r="C797" s="8">
        <v>0.44473727499999999</v>
      </c>
      <c r="D797" s="8">
        <v>0.49068214700000001</v>
      </c>
    </row>
    <row r="798" spans="1:4" x14ac:dyDescent="0.3">
      <c r="A798" s="6">
        <v>43891</v>
      </c>
      <c r="B798" s="8">
        <v>4.2817076780000001</v>
      </c>
      <c r="C798" s="8">
        <v>0.44453891800000001</v>
      </c>
      <c r="D798" s="8">
        <v>0.48939208000000001</v>
      </c>
    </row>
    <row r="799" spans="1:4" x14ac:dyDescent="0.3">
      <c r="A799" s="6">
        <v>43892</v>
      </c>
      <c r="B799" s="8">
        <v>4.2875860579999996</v>
      </c>
      <c r="C799" s="8">
        <v>0.44566765200000003</v>
      </c>
      <c r="D799" s="8">
        <v>0.488141626</v>
      </c>
    </row>
    <row r="800" spans="1:4" x14ac:dyDescent="0.3">
      <c r="A800" s="6">
        <v>43893</v>
      </c>
      <c r="B800" s="8">
        <v>4.2876126790000004</v>
      </c>
      <c r="C800" s="8">
        <v>0.45724482999999999</v>
      </c>
      <c r="D800" s="8">
        <v>0.47811941200000002</v>
      </c>
    </row>
    <row r="801" spans="1:4" x14ac:dyDescent="0.3">
      <c r="A801" s="6">
        <v>43894</v>
      </c>
      <c r="B801" s="8">
        <v>4.2908488970000001</v>
      </c>
      <c r="C801" s="8">
        <v>0.468968353</v>
      </c>
      <c r="D801" s="8">
        <v>0.47657917500000002</v>
      </c>
    </row>
    <row r="802" spans="1:4" x14ac:dyDescent="0.3">
      <c r="A802" s="6">
        <v>43895</v>
      </c>
      <c r="B802" s="8">
        <v>4.2941580689999999</v>
      </c>
      <c r="C802" s="8">
        <v>0.46892730799999999</v>
      </c>
      <c r="D802" s="8">
        <v>0.47277377900000001</v>
      </c>
    </row>
    <row r="803" spans="1:4" x14ac:dyDescent="0.3">
      <c r="A803" s="6">
        <v>43896</v>
      </c>
      <c r="B803" s="8">
        <v>4.283452585</v>
      </c>
      <c r="C803" s="8">
        <v>0.46257169300000001</v>
      </c>
      <c r="D803" s="8">
        <v>0.47386826399999998</v>
      </c>
    </row>
    <row r="804" spans="1:4" x14ac:dyDescent="0.3">
      <c r="A804" s="6">
        <v>43897</v>
      </c>
      <c r="B804" s="8">
        <v>4.2921956899999998</v>
      </c>
      <c r="C804" s="8">
        <v>0.46271379200000001</v>
      </c>
      <c r="D804" s="8">
        <v>0.47985597600000002</v>
      </c>
    </row>
    <row r="805" spans="1:4" x14ac:dyDescent="0.3">
      <c r="A805" s="6">
        <v>43898</v>
      </c>
      <c r="B805" s="8">
        <v>4.2880825070000004</v>
      </c>
      <c r="C805" s="8">
        <v>0.464653647</v>
      </c>
      <c r="D805" s="8">
        <v>0.48040550700000001</v>
      </c>
    </row>
    <row r="806" spans="1:4" x14ac:dyDescent="0.3">
      <c r="A806" s="6">
        <v>43899</v>
      </c>
      <c r="B806" s="8">
        <v>4.2627964150000004</v>
      </c>
      <c r="C806" s="8">
        <v>0.46068105100000001</v>
      </c>
      <c r="D806" s="8">
        <v>0.48022444800000003</v>
      </c>
    </row>
    <row r="807" spans="1:4" x14ac:dyDescent="0.3">
      <c r="A807" s="6">
        <v>43900</v>
      </c>
      <c r="B807" s="8">
        <v>4.2998401529999999</v>
      </c>
      <c r="C807" s="8">
        <v>0.460225304</v>
      </c>
      <c r="D807" s="8">
        <v>0.479003073</v>
      </c>
    </row>
    <row r="808" spans="1:4" x14ac:dyDescent="0.3">
      <c r="A808" s="6">
        <v>43901</v>
      </c>
      <c r="B808" s="8">
        <v>4.3011306170000001</v>
      </c>
      <c r="C808" s="8">
        <v>0.45758394899999999</v>
      </c>
      <c r="D808" s="8">
        <v>0.48129038400000002</v>
      </c>
    </row>
    <row r="809" spans="1:4" x14ac:dyDescent="0.3">
      <c r="A809" s="6">
        <v>43902</v>
      </c>
      <c r="B809" s="8">
        <v>4.3114566490000001</v>
      </c>
      <c r="C809" s="8">
        <v>0.467915568</v>
      </c>
      <c r="D809" s="8">
        <v>0.48741261899999999</v>
      </c>
    </row>
    <row r="810" spans="1:4" x14ac:dyDescent="0.3">
      <c r="A810" s="6">
        <v>43903</v>
      </c>
      <c r="B810" s="8">
        <v>4.3083816519999996</v>
      </c>
      <c r="C810" s="8">
        <v>0.51879578800000004</v>
      </c>
      <c r="D810" s="8">
        <v>0.46445362699999998</v>
      </c>
    </row>
    <row r="811" spans="1:4" x14ac:dyDescent="0.3">
      <c r="A811" s="6">
        <v>43904</v>
      </c>
      <c r="B811" s="8">
        <v>4.3408128399999999</v>
      </c>
      <c r="C811" s="8">
        <v>0.56382175199999995</v>
      </c>
      <c r="D811" s="8">
        <v>0.47503303699999999</v>
      </c>
    </row>
    <row r="812" spans="1:4" x14ac:dyDescent="0.3">
      <c r="A812" s="6">
        <v>43905</v>
      </c>
      <c r="B812" s="8">
        <v>4.2710794649999997</v>
      </c>
      <c r="C812" s="8">
        <v>0.56459930599999997</v>
      </c>
      <c r="D812" s="8">
        <v>0.48175989400000002</v>
      </c>
    </row>
    <row r="813" spans="1:4" x14ac:dyDescent="0.3">
      <c r="A813" s="6">
        <v>43906</v>
      </c>
      <c r="B813" s="8">
        <v>4.2938325539999997</v>
      </c>
      <c r="C813" s="8">
        <v>0.60461063500000001</v>
      </c>
      <c r="D813" s="8">
        <v>0.48411109200000002</v>
      </c>
    </row>
    <row r="814" spans="1:4" x14ac:dyDescent="0.3">
      <c r="A814" s="6">
        <v>43907</v>
      </c>
      <c r="B814" s="8">
        <v>4.3175994199999996</v>
      </c>
      <c r="C814" s="8">
        <v>0.60627114599999998</v>
      </c>
      <c r="D814" s="8">
        <v>0.47636891599999998</v>
      </c>
    </row>
    <row r="815" spans="1:4" x14ac:dyDescent="0.3">
      <c r="A815" s="6">
        <v>43908</v>
      </c>
      <c r="B815" s="8">
        <v>4.3065831450000003</v>
      </c>
      <c r="C815" s="8">
        <v>0.62658711700000003</v>
      </c>
      <c r="D815" s="8">
        <v>0.48272008100000002</v>
      </c>
    </row>
    <row r="816" spans="1:4" x14ac:dyDescent="0.3">
      <c r="A816" s="6">
        <v>43909</v>
      </c>
      <c r="B816" s="8">
        <v>4.2317219259999996</v>
      </c>
      <c r="C816" s="8">
        <v>0.62814065299999999</v>
      </c>
      <c r="D816" s="8">
        <v>0.48946181599999999</v>
      </c>
    </row>
    <row r="817" spans="1:4" x14ac:dyDescent="0.3">
      <c r="A817" s="6">
        <v>43910</v>
      </c>
      <c r="B817" s="8">
        <v>4.2948939810000004</v>
      </c>
      <c r="C817" s="8">
        <v>0.65171252700000004</v>
      </c>
      <c r="D817" s="8">
        <v>0.48534049299999998</v>
      </c>
    </row>
    <row r="818" spans="1:4" x14ac:dyDescent="0.3">
      <c r="A818" s="6">
        <v>43911</v>
      </c>
      <c r="B818" s="8">
        <v>4.3420661520000001</v>
      </c>
      <c r="C818" s="8">
        <v>0.64662434700000004</v>
      </c>
      <c r="D818" s="8">
        <v>0.48341729300000003</v>
      </c>
    </row>
    <row r="819" spans="1:4" x14ac:dyDescent="0.3">
      <c r="A819" s="6">
        <v>43912</v>
      </c>
      <c r="B819" s="8">
        <v>4.2747594229999999</v>
      </c>
      <c r="C819" s="8">
        <v>0.66818833700000002</v>
      </c>
      <c r="D819" s="8">
        <v>0.48323391500000001</v>
      </c>
    </row>
    <row r="820" spans="1:4" x14ac:dyDescent="0.3">
      <c r="A820" s="6">
        <v>43913</v>
      </c>
      <c r="B820" s="8">
        <v>4.2988790100000003</v>
      </c>
      <c r="C820" s="8">
        <v>0.66965876099999999</v>
      </c>
      <c r="D820" s="8">
        <v>0.482901525</v>
      </c>
    </row>
    <row r="821" spans="1:4" x14ac:dyDescent="0.3">
      <c r="A821" s="6">
        <v>43914</v>
      </c>
      <c r="B821" s="8">
        <v>4.2985429130000004</v>
      </c>
      <c r="C821" s="8">
        <v>0.67075314399999997</v>
      </c>
      <c r="D821" s="8">
        <v>0.50130475600000002</v>
      </c>
    </row>
    <row r="822" spans="1:4" x14ac:dyDescent="0.3">
      <c r="A822" s="6">
        <v>43915</v>
      </c>
      <c r="B822" s="8">
        <v>4.287070634</v>
      </c>
      <c r="C822" s="8">
        <v>0.68931385199999995</v>
      </c>
      <c r="D822" s="8">
        <v>0.51352337299999995</v>
      </c>
    </row>
    <row r="823" spans="1:4" x14ac:dyDescent="0.3">
      <c r="A823" s="6">
        <v>43916</v>
      </c>
      <c r="B823" s="8">
        <v>4.3043559509999998</v>
      </c>
      <c r="C823" s="8">
        <v>0.68899844799999999</v>
      </c>
      <c r="D823" s="8">
        <v>0.52103721999999997</v>
      </c>
    </row>
    <row r="824" spans="1:4" x14ac:dyDescent="0.3">
      <c r="A824" s="6">
        <v>43917</v>
      </c>
      <c r="B824" s="8">
        <v>4.3001961089999998</v>
      </c>
      <c r="C824" s="8">
        <v>0.68611134399999996</v>
      </c>
      <c r="D824" s="8">
        <v>0.51387939199999999</v>
      </c>
    </row>
    <row r="825" spans="1:4" x14ac:dyDescent="0.3">
      <c r="A825" s="6">
        <v>43918</v>
      </c>
      <c r="B825" s="8">
        <v>4.2852591420000001</v>
      </c>
      <c r="C825" s="8">
        <v>0.68537808300000003</v>
      </c>
      <c r="D825" s="8">
        <v>0.50658350100000005</v>
      </c>
    </row>
    <row r="826" spans="1:4" x14ac:dyDescent="0.3">
      <c r="A826" s="6">
        <v>43919</v>
      </c>
      <c r="B826" s="8">
        <v>4.2916512850000004</v>
      </c>
      <c r="C826" s="8">
        <v>0.68913398100000001</v>
      </c>
      <c r="D826" s="8">
        <v>0.50762166399999997</v>
      </c>
    </row>
    <row r="827" spans="1:4" x14ac:dyDescent="0.3">
      <c r="A827" s="6">
        <v>43920</v>
      </c>
      <c r="B827" s="8">
        <v>4.2988973880000003</v>
      </c>
      <c r="C827" s="8">
        <v>0.69387695599999999</v>
      </c>
      <c r="D827" s="8">
        <v>0.50276251599999999</v>
      </c>
    </row>
    <row r="828" spans="1:4" x14ac:dyDescent="0.3">
      <c r="A828" s="6">
        <v>43921</v>
      </c>
      <c r="B828" s="8">
        <v>4.3035672619999996</v>
      </c>
      <c r="C828" s="8">
        <v>0.69123791800000001</v>
      </c>
      <c r="D828" s="8">
        <v>0.49429601000000001</v>
      </c>
    </row>
    <row r="829" spans="1:4" x14ac:dyDescent="0.3">
      <c r="A829" s="6">
        <v>43922</v>
      </c>
      <c r="B829" s="8">
        <v>4.2824552389999999</v>
      </c>
      <c r="C829" s="8">
        <v>0.69322068100000001</v>
      </c>
      <c r="D829" s="8">
        <v>0.49954582600000003</v>
      </c>
    </row>
    <row r="830" spans="1:4" x14ac:dyDescent="0.3">
      <c r="A830" s="6">
        <v>43923</v>
      </c>
      <c r="B830" s="8">
        <v>4.2984645720000003</v>
      </c>
      <c r="C830" s="8">
        <v>0.695999747</v>
      </c>
      <c r="D830" s="8">
        <v>0.50335175499999996</v>
      </c>
    </row>
    <row r="831" spans="1:4" x14ac:dyDescent="0.3">
      <c r="A831" s="6">
        <v>43924</v>
      </c>
      <c r="B831" s="8">
        <v>6.3088980140000004</v>
      </c>
      <c r="C831" s="8">
        <v>0.69382597800000001</v>
      </c>
      <c r="D831" s="8">
        <v>0.50611292100000005</v>
      </c>
    </row>
    <row r="832" spans="1:4" x14ac:dyDescent="0.3">
      <c r="A832" s="6">
        <v>43925</v>
      </c>
      <c r="B832" s="8">
        <v>6.3455865500000002</v>
      </c>
      <c r="C832" s="8">
        <v>0.70299545900000004</v>
      </c>
      <c r="D832" s="8">
        <v>0.50227047400000002</v>
      </c>
    </row>
    <row r="833" spans="1:4" x14ac:dyDescent="0.3">
      <c r="A833" s="6">
        <v>43926</v>
      </c>
      <c r="B833" s="8">
        <v>6.3411755579999998</v>
      </c>
      <c r="C833" s="8">
        <v>0.70218376199999999</v>
      </c>
      <c r="D833" s="8">
        <v>0.50252865599999996</v>
      </c>
    </row>
    <row r="834" spans="1:4" x14ac:dyDescent="0.3">
      <c r="A834" s="6">
        <v>43927</v>
      </c>
      <c r="B834" s="8">
        <v>6.357859575</v>
      </c>
      <c r="C834" s="8">
        <v>0.70035178600000003</v>
      </c>
      <c r="D834" s="8">
        <v>0.50255587800000001</v>
      </c>
    </row>
    <row r="835" spans="1:4" x14ac:dyDescent="0.3">
      <c r="A835" s="6">
        <v>43928</v>
      </c>
      <c r="B835" s="8">
        <v>6.3489968169999997</v>
      </c>
      <c r="C835" s="8">
        <v>0.68622011900000002</v>
      </c>
      <c r="D835" s="8">
        <v>0.504279009</v>
      </c>
    </row>
    <row r="836" spans="1:4" x14ac:dyDescent="0.3">
      <c r="A836" s="6">
        <v>43929</v>
      </c>
      <c r="B836" s="8">
        <v>6.3375408950000001</v>
      </c>
      <c r="C836" s="8">
        <v>0.69712922799999999</v>
      </c>
      <c r="D836" s="8">
        <v>0.50193151700000005</v>
      </c>
    </row>
    <row r="837" spans="1:4" x14ac:dyDescent="0.3">
      <c r="A837" s="6">
        <v>43930</v>
      </c>
      <c r="B837" s="8">
        <v>6.3427891729999999</v>
      </c>
      <c r="C837" s="8">
        <v>0.71302541200000003</v>
      </c>
      <c r="D837" s="8">
        <v>0.50079405899999996</v>
      </c>
    </row>
    <row r="838" spans="1:4" x14ac:dyDescent="0.3">
      <c r="A838" s="6">
        <v>43931</v>
      </c>
      <c r="B838" s="8">
        <v>6.3517492439999996</v>
      </c>
      <c r="C838" s="8">
        <v>0.71174967700000003</v>
      </c>
      <c r="D838" s="8">
        <v>0.50431717899999995</v>
      </c>
    </row>
    <row r="839" spans="1:4" x14ac:dyDescent="0.3">
      <c r="A839" s="6">
        <v>43932</v>
      </c>
      <c r="B839" s="8">
        <v>6.3602862460000003</v>
      </c>
      <c r="C839" s="8">
        <v>0.710557997</v>
      </c>
      <c r="D839" s="8">
        <v>0.50319444199999996</v>
      </c>
    </row>
    <row r="840" spans="1:4" x14ac:dyDescent="0.3">
      <c r="A840" s="6">
        <v>43933</v>
      </c>
      <c r="B840" s="8">
        <v>6.3581369260000002</v>
      </c>
      <c r="C840" s="8">
        <v>0.71060512600000003</v>
      </c>
      <c r="D840" s="8">
        <v>0.50480806</v>
      </c>
    </row>
    <row r="841" spans="1:4" x14ac:dyDescent="0.3">
      <c r="A841" s="6">
        <v>43934</v>
      </c>
      <c r="B841" s="8">
        <v>6.3607122939999998</v>
      </c>
      <c r="C841" s="8">
        <v>0.71742022400000005</v>
      </c>
      <c r="D841" s="8">
        <v>0.507715111</v>
      </c>
    </row>
    <row r="842" spans="1:4" x14ac:dyDescent="0.3">
      <c r="A842" s="6">
        <v>43935</v>
      </c>
      <c r="B842" s="8">
        <v>6.3426323389999997</v>
      </c>
      <c r="C842" s="8">
        <v>0.72568067400000003</v>
      </c>
      <c r="D842" s="8">
        <v>0.50895381200000001</v>
      </c>
    </row>
    <row r="843" spans="1:4" x14ac:dyDescent="0.3">
      <c r="A843" s="6">
        <v>43936</v>
      </c>
      <c r="B843" s="8">
        <v>6.3531070850000004</v>
      </c>
      <c r="C843" s="8">
        <v>0.73520308599999995</v>
      </c>
      <c r="D843" s="8">
        <v>0.51333888100000002</v>
      </c>
    </row>
    <row r="844" spans="1:4" x14ac:dyDescent="0.3">
      <c r="A844" s="6">
        <v>43937</v>
      </c>
      <c r="B844" s="8">
        <v>6.3383686460000002</v>
      </c>
      <c r="C844" s="8">
        <v>0.73598849700000002</v>
      </c>
      <c r="D844" s="8">
        <v>0.50874391399999996</v>
      </c>
    </row>
    <row r="845" spans="1:4" x14ac:dyDescent="0.3">
      <c r="A845" s="6">
        <v>43938</v>
      </c>
      <c r="B845" s="8">
        <v>6.3673209359999996</v>
      </c>
      <c r="C845" s="8">
        <v>0.73185021299999997</v>
      </c>
      <c r="D845" s="8">
        <v>0.70762914499999996</v>
      </c>
    </row>
    <row r="846" spans="1:4" x14ac:dyDescent="0.3">
      <c r="A846" s="6">
        <v>43939</v>
      </c>
      <c r="B846" s="8">
        <v>6.3549436479999999</v>
      </c>
      <c r="C846" s="8">
        <v>0.72592663599999996</v>
      </c>
      <c r="D846" s="8">
        <v>0.70840339299999999</v>
      </c>
    </row>
    <row r="847" spans="1:4" x14ac:dyDescent="0.3">
      <c r="A847" s="6">
        <v>43940</v>
      </c>
      <c r="B847" s="8">
        <v>6.3482807130000003</v>
      </c>
      <c r="C847" s="8">
        <v>0.72880296499999997</v>
      </c>
      <c r="D847" s="8">
        <v>0.71100763600000005</v>
      </c>
    </row>
    <row r="848" spans="1:4" x14ac:dyDescent="0.3">
      <c r="A848" s="6">
        <v>43941</v>
      </c>
      <c r="B848" s="8">
        <v>6.3701764289999998</v>
      </c>
      <c r="C848" s="8">
        <v>0.72684732200000002</v>
      </c>
      <c r="D848" s="8">
        <v>0.71411351300000003</v>
      </c>
    </row>
    <row r="849" spans="1:4" x14ac:dyDescent="0.3">
      <c r="A849" s="6">
        <v>43942</v>
      </c>
      <c r="B849" s="8">
        <v>6.3692015380000004</v>
      </c>
      <c r="C849" s="8">
        <v>0.73599965099999998</v>
      </c>
      <c r="D849" s="8">
        <v>0.71313950599999998</v>
      </c>
    </row>
    <row r="850" spans="1:4" x14ac:dyDescent="0.3">
      <c r="A850" s="6">
        <v>43943</v>
      </c>
      <c r="B850" s="8">
        <v>6.3558458529999999</v>
      </c>
      <c r="C850" s="8">
        <v>0.725055954</v>
      </c>
      <c r="D850" s="8">
        <v>0.71747572599999998</v>
      </c>
    </row>
    <row r="851" spans="1:4" x14ac:dyDescent="0.3">
      <c r="A851" s="6">
        <v>43944</v>
      </c>
      <c r="B851" s="8">
        <v>7.1332343079999996</v>
      </c>
      <c r="C851" s="8">
        <v>0.72623499300000005</v>
      </c>
      <c r="D851" s="8">
        <v>0.71465220799999996</v>
      </c>
    </row>
    <row r="852" spans="1:4" x14ac:dyDescent="0.3">
      <c r="A852" s="6">
        <v>43945</v>
      </c>
      <c r="B852" s="8">
        <v>7.1019693339999996</v>
      </c>
      <c r="C852" s="8">
        <v>0.73197451099999999</v>
      </c>
      <c r="D852" s="8">
        <v>0.70586648699999999</v>
      </c>
    </row>
    <row r="853" spans="1:4" x14ac:dyDescent="0.3">
      <c r="A853" s="6">
        <v>43946</v>
      </c>
      <c r="B853" s="8">
        <v>7.1094260159999996</v>
      </c>
      <c r="C853" s="8">
        <v>0.75382881999999996</v>
      </c>
      <c r="D853" s="8">
        <v>0.69601509900000003</v>
      </c>
    </row>
    <row r="854" spans="1:4" x14ac:dyDescent="0.3">
      <c r="A854" s="6">
        <v>43947</v>
      </c>
      <c r="B854" s="8">
        <v>7.12531435</v>
      </c>
      <c r="C854" s="8">
        <v>0.75606277399999999</v>
      </c>
      <c r="D854" s="8">
        <v>0.70962049900000002</v>
      </c>
    </row>
    <row r="855" spans="1:4" x14ac:dyDescent="0.3">
      <c r="A855" s="6">
        <v>43948</v>
      </c>
      <c r="B855" s="8">
        <v>7.1398578769999999</v>
      </c>
      <c r="C855" s="8">
        <v>0.75511187099999999</v>
      </c>
      <c r="D855" s="8">
        <v>0.71701274599999998</v>
      </c>
    </row>
    <row r="856" spans="1:4" x14ac:dyDescent="0.3">
      <c r="A856" s="6">
        <v>43949</v>
      </c>
      <c r="B856" s="8">
        <v>7.1493227309999998</v>
      </c>
      <c r="C856" s="8">
        <v>0.75228185400000003</v>
      </c>
      <c r="D856" s="8">
        <v>0.71803268399999998</v>
      </c>
    </row>
    <row r="857" spans="1:4" x14ac:dyDescent="0.3">
      <c r="A857" s="6">
        <v>43950</v>
      </c>
      <c r="B857" s="8">
        <v>7.1344232400000003</v>
      </c>
      <c r="C857" s="8">
        <v>0.73136647799999999</v>
      </c>
      <c r="D857" s="8">
        <v>0.72158455700000002</v>
      </c>
    </row>
    <row r="858" spans="1:4" x14ac:dyDescent="0.3">
      <c r="A858" s="6">
        <v>43951</v>
      </c>
      <c r="B858" s="8">
        <v>7.6920686370000002</v>
      </c>
      <c r="C858" s="8">
        <v>0.72600138800000003</v>
      </c>
      <c r="D858" s="8">
        <v>0.71557389699999996</v>
      </c>
    </row>
    <row r="859" spans="1:4" x14ac:dyDescent="0.3">
      <c r="A859" s="6">
        <v>43952</v>
      </c>
      <c r="B859" s="8">
        <v>7.6995853219999999</v>
      </c>
      <c r="C859" s="8">
        <v>0.72633984200000001</v>
      </c>
      <c r="D859" s="8">
        <v>0.70069105099999995</v>
      </c>
    </row>
    <row r="860" spans="1:4" x14ac:dyDescent="0.3">
      <c r="A860" s="6">
        <v>43953</v>
      </c>
      <c r="B860" s="8">
        <v>7.7927298729999999</v>
      </c>
      <c r="C860" s="8">
        <v>0.71260389700000004</v>
      </c>
      <c r="D860" s="8">
        <v>0.68815335899999996</v>
      </c>
    </row>
    <row r="861" spans="1:4" x14ac:dyDescent="0.3">
      <c r="A861" s="6">
        <v>43954</v>
      </c>
      <c r="B861" s="8">
        <v>7.8017518040000002</v>
      </c>
      <c r="C861" s="8">
        <v>0.71146108200000002</v>
      </c>
      <c r="D861" s="8">
        <v>0.70111560100000003</v>
      </c>
    </row>
    <row r="862" spans="1:4" x14ac:dyDescent="0.3">
      <c r="A862" s="6">
        <v>43955</v>
      </c>
      <c r="B862" s="8">
        <v>7.8208654199999996</v>
      </c>
      <c r="C862" s="8">
        <v>0.71034651900000001</v>
      </c>
      <c r="D862" s="8">
        <v>0.71000753900000002</v>
      </c>
    </row>
    <row r="863" spans="1:4" x14ac:dyDescent="0.3">
      <c r="A863" s="6">
        <v>43956</v>
      </c>
      <c r="B863" s="8">
        <v>7.7909561079999996</v>
      </c>
      <c r="C863" s="8">
        <v>0.71079306200000003</v>
      </c>
      <c r="D863" s="8">
        <v>0.714620327</v>
      </c>
    </row>
    <row r="864" spans="1:4" x14ac:dyDescent="0.3">
      <c r="A864" s="6">
        <v>43957</v>
      </c>
      <c r="B864" s="8">
        <v>7.8612060430000001</v>
      </c>
      <c r="C864" s="8">
        <v>0.71413909799999997</v>
      </c>
      <c r="D864" s="8">
        <v>0.72492254300000003</v>
      </c>
    </row>
    <row r="865" spans="1:4" x14ac:dyDescent="0.3">
      <c r="A865" s="6">
        <v>43958</v>
      </c>
      <c r="B865" s="8">
        <v>7.9309353170000003</v>
      </c>
      <c r="C865" s="8">
        <v>0.71177860900000001</v>
      </c>
      <c r="D865" s="8">
        <v>0.72813265299999996</v>
      </c>
    </row>
    <row r="866" spans="1:4" x14ac:dyDescent="0.3">
      <c r="A866" s="6">
        <v>43959</v>
      </c>
      <c r="B866" s="8">
        <v>8.0790540259999997</v>
      </c>
      <c r="C866" s="8">
        <v>0.72202364699999999</v>
      </c>
      <c r="D866" s="8">
        <v>0.73375173199999999</v>
      </c>
    </row>
    <row r="867" spans="1:4" x14ac:dyDescent="0.3">
      <c r="A867" s="6">
        <v>43960</v>
      </c>
      <c r="B867" s="8">
        <v>8.1558333520000001</v>
      </c>
      <c r="C867" s="8">
        <v>0.72126134600000003</v>
      </c>
      <c r="D867" s="8">
        <v>0.73300854199999999</v>
      </c>
    </row>
    <row r="868" spans="1:4" x14ac:dyDescent="0.3">
      <c r="A868" s="6">
        <v>43961</v>
      </c>
      <c r="B868" s="8">
        <v>8.3134225740000005</v>
      </c>
      <c r="C868" s="8">
        <v>0.72226868</v>
      </c>
      <c r="D868" s="8">
        <v>0.73628313400000001</v>
      </c>
    </row>
    <row r="869" spans="1:4" x14ac:dyDescent="0.3">
      <c r="A869" s="6">
        <v>43962</v>
      </c>
      <c r="B869" s="8">
        <v>8.4732158589999997</v>
      </c>
      <c r="C869" s="8">
        <v>0.74698629500000002</v>
      </c>
      <c r="D869" s="8">
        <v>0.71463901399999996</v>
      </c>
    </row>
    <row r="870" spans="1:4" x14ac:dyDescent="0.3">
      <c r="A870" s="6">
        <v>43963</v>
      </c>
      <c r="B870" s="8">
        <v>8.4916862309999992</v>
      </c>
      <c r="C870" s="8">
        <v>0.74502610800000002</v>
      </c>
      <c r="D870" s="8">
        <v>0.71157074300000001</v>
      </c>
    </row>
    <row r="871" spans="1:4" x14ac:dyDescent="0.3">
      <c r="A871" s="6">
        <v>43964</v>
      </c>
      <c r="B871" s="8">
        <v>8.6401727420000007</v>
      </c>
      <c r="C871" s="8">
        <v>0.74833800800000005</v>
      </c>
      <c r="D871" s="8">
        <v>0.713002939</v>
      </c>
    </row>
    <row r="872" spans="1:4" x14ac:dyDescent="0.3">
      <c r="A872" s="6">
        <v>43965</v>
      </c>
      <c r="B872" s="8">
        <v>8.6344236700000003</v>
      </c>
      <c r="C872" s="8">
        <v>0.76969823400000004</v>
      </c>
      <c r="D872" s="8">
        <v>0.71741959700000002</v>
      </c>
    </row>
    <row r="873" spans="1:4" x14ac:dyDescent="0.3">
      <c r="A873" s="6">
        <v>43966</v>
      </c>
      <c r="B873" s="8">
        <v>8.8077910569999993</v>
      </c>
      <c r="C873" s="8">
        <v>0.726205938</v>
      </c>
      <c r="D873" s="8">
        <v>0.71530185999999996</v>
      </c>
    </row>
    <row r="874" spans="1:4" x14ac:dyDescent="0.3">
      <c r="A874" s="6">
        <v>43967</v>
      </c>
      <c r="B874" s="8">
        <v>8.8648476850000009</v>
      </c>
      <c r="C874" s="8">
        <v>0.72713046299999995</v>
      </c>
      <c r="D874" s="8">
        <v>0.71306899899999998</v>
      </c>
    </row>
    <row r="875" spans="1:4" x14ac:dyDescent="0.3">
      <c r="A875" s="6">
        <v>43968</v>
      </c>
      <c r="B875" s="8">
        <v>8.8873293330000003</v>
      </c>
      <c r="C875" s="8">
        <v>0.72466141900000003</v>
      </c>
      <c r="D875" s="8">
        <v>0.71417527999999997</v>
      </c>
    </row>
    <row r="876" spans="1:4" x14ac:dyDescent="0.3">
      <c r="A876" s="6">
        <v>43969</v>
      </c>
      <c r="B876" s="8">
        <v>8.9757965280000001</v>
      </c>
      <c r="C876" s="8">
        <v>0.72627946099999996</v>
      </c>
      <c r="D876" s="8">
        <v>0.71659135200000001</v>
      </c>
    </row>
    <row r="877" spans="1:4" x14ac:dyDescent="0.3">
      <c r="A877" s="6">
        <v>43970</v>
      </c>
      <c r="B877" s="8">
        <v>8.9463983159999998</v>
      </c>
      <c r="C877" s="8">
        <v>0.72499474100000005</v>
      </c>
      <c r="D877" s="8">
        <v>0.71975397200000002</v>
      </c>
    </row>
    <row r="878" spans="1:4" x14ac:dyDescent="0.3">
      <c r="A878" s="6">
        <v>43971</v>
      </c>
      <c r="B878" s="8">
        <v>8.9251413490000004</v>
      </c>
      <c r="C878" s="8">
        <v>0.726086024</v>
      </c>
      <c r="D878" s="8">
        <v>0.70942817400000002</v>
      </c>
    </row>
    <row r="879" spans="1:4" x14ac:dyDescent="0.3">
      <c r="A879" s="6">
        <v>43972</v>
      </c>
      <c r="B879" s="8">
        <v>8.9497637680000004</v>
      </c>
      <c r="C879" s="8">
        <v>0.73347351599999999</v>
      </c>
      <c r="D879" s="8">
        <v>0.70855062400000002</v>
      </c>
    </row>
    <row r="880" spans="1:4" x14ac:dyDescent="0.3">
      <c r="A880" s="6">
        <v>43973</v>
      </c>
      <c r="B880" s="8">
        <v>8.9370316869999993</v>
      </c>
      <c r="C880" s="8">
        <v>0.73084588299999997</v>
      </c>
      <c r="D880" s="8">
        <v>0.702492212</v>
      </c>
    </row>
    <row r="881" spans="1:4" x14ac:dyDescent="0.3">
      <c r="A881" s="6">
        <v>43974</v>
      </c>
      <c r="B881" s="8">
        <v>8.9048350430000003</v>
      </c>
      <c r="C881" s="8">
        <v>0.73000140300000005</v>
      </c>
      <c r="D881" s="8">
        <v>0.71305663600000002</v>
      </c>
    </row>
    <row r="882" spans="1:4" x14ac:dyDescent="0.3">
      <c r="A882" s="6">
        <v>43975</v>
      </c>
      <c r="B882" s="8">
        <v>8.9128938439999992</v>
      </c>
      <c r="C882" s="8">
        <v>0.73088048500000002</v>
      </c>
      <c r="D882" s="8">
        <v>0.71065253799999994</v>
      </c>
    </row>
    <row r="883" spans="1:4" x14ac:dyDescent="0.3">
      <c r="A883" s="6">
        <v>43976</v>
      </c>
      <c r="B883" s="8">
        <v>8.9730701760000002</v>
      </c>
      <c r="C883" s="8">
        <v>0.72815616000000005</v>
      </c>
      <c r="D883" s="8">
        <v>0.72574133100000005</v>
      </c>
    </row>
    <row r="884" spans="1:4" x14ac:dyDescent="0.3">
      <c r="A884" s="6">
        <v>43977</v>
      </c>
      <c r="B884" s="8">
        <v>9.0051489399999998</v>
      </c>
      <c r="C884" s="8">
        <v>0.73817406100000005</v>
      </c>
      <c r="D884" s="8">
        <v>0.72578154299999997</v>
      </c>
    </row>
    <row r="885" spans="1:4" x14ac:dyDescent="0.3">
      <c r="A885" s="6">
        <v>43978</v>
      </c>
      <c r="B885" s="8">
        <v>9.0009915639999996</v>
      </c>
      <c r="C885" s="8">
        <v>0.73844627699999998</v>
      </c>
      <c r="D885" s="8">
        <v>0.72052044800000004</v>
      </c>
    </row>
    <row r="886" spans="1:4" x14ac:dyDescent="0.3">
      <c r="A886" s="6">
        <v>43979</v>
      </c>
      <c r="B886" s="8">
        <v>9.0150717779999994</v>
      </c>
      <c r="C886" s="8">
        <v>0.74010762299999999</v>
      </c>
      <c r="D886" s="8">
        <v>0.73314160299999998</v>
      </c>
    </row>
    <row r="887" spans="1:4" x14ac:dyDescent="0.3">
      <c r="A887" s="6">
        <v>43980</v>
      </c>
      <c r="B887" s="8">
        <v>9.0348803130000004</v>
      </c>
      <c r="C887" s="8">
        <v>0.74429397500000005</v>
      </c>
      <c r="D887" s="8">
        <v>0.72679998199999996</v>
      </c>
    </row>
    <row r="888" spans="1:4" x14ac:dyDescent="0.3">
      <c r="A888" s="6">
        <v>43981</v>
      </c>
      <c r="B888" s="8">
        <v>9.0467437410000002</v>
      </c>
      <c r="C888" s="8">
        <v>0.74602019799999997</v>
      </c>
      <c r="D888" s="8">
        <v>0.71047124100000003</v>
      </c>
    </row>
    <row r="889" spans="1:4" x14ac:dyDescent="0.3">
      <c r="A889" s="6">
        <v>43982</v>
      </c>
      <c r="B889" s="8">
        <v>9.1078460250000006</v>
      </c>
      <c r="C889" s="8">
        <v>0.74712438699999995</v>
      </c>
      <c r="D889" s="8">
        <v>0.71424433799999998</v>
      </c>
    </row>
    <row r="890" spans="1:4" x14ac:dyDescent="0.3">
      <c r="A890" s="6">
        <v>43983</v>
      </c>
      <c r="B890" s="8">
        <v>9.0870034959999995</v>
      </c>
      <c r="C890" s="8">
        <v>0.73215021700000005</v>
      </c>
      <c r="D890" s="8">
        <v>0.71899877800000001</v>
      </c>
    </row>
    <row r="891" spans="1:4" x14ac:dyDescent="0.3">
      <c r="A891" s="6">
        <v>43984</v>
      </c>
      <c r="B891" s="8">
        <v>9.1312064310000007</v>
      </c>
      <c r="C891" s="8">
        <v>0.72975786099999995</v>
      </c>
      <c r="D891" s="8">
        <v>0.70999617599999998</v>
      </c>
    </row>
    <row r="892" spans="1:4" x14ac:dyDescent="0.3">
      <c r="A892" s="6">
        <v>43985</v>
      </c>
      <c r="B892" s="8">
        <v>9.2120945709999997</v>
      </c>
      <c r="C892" s="8">
        <v>0.74115831300000001</v>
      </c>
      <c r="D892" s="8">
        <v>0.70190361099999998</v>
      </c>
    </row>
    <row r="893" spans="1:4" x14ac:dyDescent="0.3">
      <c r="A893" s="6">
        <v>43986</v>
      </c>
      <c r="B893" s="8">
        <v>9.2234803860000003</v>
      </c>
      <c r="C893" s="8">
        <v>0.737553656</v>
      </c>
      <c r="D893" s="8">
        <v>0.71811020999999997</v>
      </c>
    </row>
    <row r="894" spans="1:4" x14ac:dyDescent="0.3">
      <c r="A894" s="6">
        <v>43987</v>
      </c>
      <c r="B894" s="8">
        <v>9.2649264739999992</v>
      </c>
      <c r="C894" s="8">
        <v>0.73942434300000004</v>
      </c>
      <c r="D894" s="8">
        <v>0.71743958200000002</v>
      </c>
    </row>
    <row r="895" spans="1:4" x14ac:dyDescent="0.3">
      <c r="A895" s="6">
        <v>43988</v>
      </c>
      <c r="B895" s="8">
        <v>9.2679855090000007</v>
      </c>
      <c r="C895" s="8">
        <v>0.73841959800000001</v>
      </c>
      <c r="D895" s="8">
        <v>0.71554214100000002</v>
      </c>
    </row>
    <row r="896" spans="1:4" x14ac:dyDescent="0.3">
      <c r="A896" s="6">
        <v>43989</v>
      </c>
      <c r="B896" s="8">
        <v>9.2813497009999999</v>
      </c>
      <c r="C896" s="8">
        <v>0.74076268099999998</v>
      </c>
      <c r="D896" s="8">
        <v>0.72344683600000004</v>
      </c>
    </row>
    <row r="897" spans="1:4" x14ac:dyDescent="0.3">
      <c r="A897" s="6">
        <v>43990</v>
      </c>
      <c r="B897" s="8">
        <v>9.3049680549999998</v>
      </c>
      <c r="C897" s="8">
        <v>0.73970449900000002</v>
      </c>
      <c r="D897" s="8">
        <v>0.72664256400000005</v>
      </c>
    </row>
    <row r="898" spans="1:4" x14ac:dyDescent="0.3">
      <c r="A898" s="6">
        <v>43991</v>
      </c>
      <c r="B898" s="8">
        <v>9.330982637</v>
      </c>
      <c r="C898" s="8">
        <v>0.74515803300000005</v>
      </c>
      <c r="D898" s="8">
        <v>0.73050847299999999</v>
      </c>
    </row>
    <row r="899" spans="1:4" x14ac:dyDescent="0.3">
      <c r="A899" s="6">
        <v>43992</v>
      </c>
      <c r="B899" s="8">
        <v>9.3507849180000004</v>
      </c>
      <c r="C899" s="8">
        <v>0.74487291600000005</v>
      </c>
      <c r="D899" s="8">
        <v>0.71751601600000003</v>
      </c>
    </row>
    <row r="900" spans="1:4" x14ac:dyDescent="0.3">
      <c r="A900" s="6">
        <v>43993</v>
      </c>
      <c r="B900" s="8">
        <v>9.4086926930000008</v>
      </c>
      <c r="C900" s="8">
        <v>0.73363352699999995</v>
      </c>
      <c r="D900" s="8">
        <v>0.73186063800000001</v>
      </c>
    </row>
    <row r="901" spans="1:4" x14ac:dyDescent="0.3">
      <c r="A901" s="6">
        <v>43994</v>
      </c>
      <c r="B901" s="8">
        <v>9.4362458769999993</v>
      </c>
      <c r="C901" s="8">
        <v>0.73470583</v>
      </c>
      <c r="D901" s="8">
        <v>0.71768039299999997</v>
      </c>
    </row>
    <row r="902" spans="1:4" x14ac:dyDescent="0.3">
      <c r="A902" s="6">
        <v>43995</v>
      </c>
      <c r="B902" s="8">
        <v>9.4862993029999991</v>
      </c>
      <c r="C902" s="8">
        <v>0.73329383100000001</v>
      </c>
      <c r="D902" s="8">
        <v>0.73187248699999996</v>
      </c>
    </row>
    <row r="903" spans="1:4" x14ac:dyDescent="0.3">
      <c r="A903" s="6">
        <v>43996</v>
      </c>
      <c r="B903" s="8">
        <v>9.4819230300000008</v>
      </c>
      <c r="C903" s="8">
        <v>0.74253886800000002</v>
      </c>
      <c r="D903" s="8">
        <v>0.73340970800000005</v>
      </c>
    </row>
    <row r="904" spans="1:4" x14ac:dyDescent="0.3">
      <c r="A904" s="6">
        <v>43997</v>
      </c>
      <c r="B904" s="8">
        <v>9.4935931329999992</v>
      </c>
      <c r="C904" s="8">
        <v>0.74229274700000003</v>
      </c>
      <c r="D904" s="8">
        <v>0.729225766</v>
      </c>
    </row>
    <row r="905" spans="1:4" x14ac:dyDescent="0.3">
      <c r="A905" s="6">
        <v>43998</v>
      </c>
      <c r="B905" s="8">
        <v>9.5187369180000001</v>
      </c>
      <c r="C905" s="8">
        <v>0.75237216200000001</v>
      </c>
      <c r="D905" s="8">
        <v>0.705218821</v>
      </c>
    </row>
    <row r="906" spans="1:4" x14ac:dyDescent="0.3">
      <c r="A906" s="6">
        <v>43999</v>
      </c>
      <c r="B906" s="8">
        <v>9.5446430089999996</v>
      </c>
      <c r="C906" s="8">
        <v>0.77176465699999997</v>
      </c>
      <c r="D906" s="8">
        <v>0.71278340399999995</v>
      </c>
    </row>
    <row r="907" spans="1:4" x14ac:dyDescent="0.3">
      <c r="A907" s="6">
        <v>44000</v>
      </c>
      <c r="B907" s="8">
        <v>9.5498474800000004</v>
      </c>
      <c r="C907" s="8">
        <v>0.80294449300000004</v>
      </c>
      <c r="D907" s="8">
        <v>0.70656090500000002</v>
      </c>
    </row>
    <row r="908" spans="1:4" x14ac:dyDescent="0.3">
      <c r="A908" s="6">
        <v>44001</v>
      </c>
      <c r="B908" s="8">
        <v>9.5749518850000008</v>
      </c>
      <c r="C908" s="8">
        <v>0.83063624800000002</v>
      </c>
      <c r="D908" s="8">
        <v>0.70619064300000001</v>
      </c>
    </row>
    <row r="909" spans="1:4" x14ac:dyDescent="0.3">
      <c r="A909" s="6">
        <v>44002</v>
      </c>
      <c r="B909" s="8">
        <v>9.6143924700000003</v>
      </c>
      <c r="C909" s="8">
        <v>0.882367707</v>
      </c>
      <c r="D909" s="8">
        <v>0.70785006299999997</v>
      </c>
    </row>
    <row r="910" spans="1:4" x14ac:dyDescent="0.3">
      <c r="A910" s="6">
        <v>44003</v>
      </c>
      <c r="B910" s="8">
        <v>9.627169919</v>
      </c>
      <c r="C910" s="8">
        <v>0.912533594</v>
      </c>
      <c r="D910" s="8">
        <v>0.71223122500000002</v>
      </c>
    </row>
    <row r="911" spans="1:4" x14ac:dyDescent="0.3">
      <c r="A911" s="6">
        <v>44004</v>
      </c>
      <c r="B911" s="8">
        <v>9.6222232220000006</v>
      </c>
      <c r="C911" s="8">
        <v>0.93329887199999995</v>
      </c>
      <c r="D911" s="8">
        <v>0.71826204500000002</v>
      </c>
    </row>
    <row r="912" spans="1:4" x14ac:dyDescent="0.3">
      <c r="A912" s="6">
        <v>44005</v>
      </c>
      <c r="B912" s="8">
        <v>9.6304999430000002</v>
      </c>
      <c r="C912" s="8">
        <v>0.95176227899999999</v>
      </c>
      <c r="D912" s="8">
        <v>0.73927128900000005</v>
      </c>
    </row>
    <row r="913" spans="1:4" x14ac:dyDescent="0.3">
      <c r="A913" s="6">
        <v>44006</v>
      </c>
      <c r="B913" s="8">
        <v>9.6019925270000002</v>
      </c>
      <c r="C913" s="8">
        <v>0.94544184099999995</v>
      </c>
      <c r="D913" s="8">
        <v>0.73090807099999999</v>
      </c>
    </row>
    <row r="914" spans="1:4" x14ac:dyDescent="0.3">
      <c r="A914" s="6">
        <v>44007</v>
      </c>
      <c r="B914" s="8">
        <v>9.6154141909999993</v>
      </c>
      <c r="C914" s="8">
        <v>0.940124658</v>
      </c>
      <c r="D914" s="8">
        <v>0.73819146899999999</v>
      </c>
    </row>
    <row r="915" spans="1:4" x14ac:dyDescent="0.3">
      <c r="A915" s="6">
        <v>44008</v>
      </c>
      <c r="B915" s="8">
        <v>9.5928776399999993</v>
      </c>
      <c r="C915" s="8">
        <v>0.94154914899999997</v>
      </c>
      <c r="D915" s="8">
        <v>0.74385783299999997</v>
      </c>
    </row>
    <row r="916" spans="1:4" x14ac:dyDescent="0.3">
      <c r="A916" s="6">
        <v>44009</v>
      </c>
      <c r="B916" s="8">
        <v>9.6293258440000002</v>
      </c>
      <c r="C916" s="8">
        <v>0.95358057900000004</v>
      </c>
      <c r="D916" s="8">
        <v>0.73117970799999998</v>
      </c>
    </row>
    <row r="917" spans="1:4" x14ac:dyDescent="0.3">
      <c r="A917" s="6">
        <v>44010</v>
      </c>
      <c r="B917" s="8">
        <v>9.6387002610000003</v>
      </c>
      <c r="C917" s="8">
        <v>0.98460409699999996</v>
      </c>
      <c r="D917" s="8">
        <v>0.73326195599999999</v>
      </c>
    </row>
    <row r="918" spans="1:4" x14ac:dyDescent="0.3">
      <c r="A918" s="6">
        <v>44011</v>
      </c>
      <c r="B918" s="8">
        <v>9.6343848750000003</v>
      </c>
      <c r="C918" s="8">
        <v>0.98489958099999997</v>
      </c>
      <c r="D918" s="8">
        <v>0.74329384799999998</v>
      </c>
    </row>
    <row r="919" spans="1:4" x14ac:dyDescent="0.3">
      <c r="A919" s="6">
        <v>44012</v>
      </c>
      <c r="B919" s="8">
        <v>9.6286680550000003</v>
      </c>
      <c r="C919" s="8">
        <v>0.98197409999999996</v>
      </c>
      <c r="D919" s="8">
        <v>0.72999536899999995</v>
      </c>
    </row>
    <row r="920" spans="1:4" x14ac:dyDescent="0.3">
      <c r="A920" s="6">
        <v>44013</v>
      </c>
      <c r="B920" s="8">
        <v>9.6378416530000006</v>
      </c>
      <c r="C920" s="8">
        <v>0.98636047400000004</v>
      </c>
      <c r="D920" s="8">
        <v>0.74076446600000001</v>
      </c>
    </row>
    <row r="921" spans="1:4" x14ac:dyDescent="0.3">
      <c r="A921" s="6">
        <v>44014</v>
      </c>
      <c r="B921" s="8">
        <v>9.6391048809999997</v>
      </c>
      <c r="C921" s="8">
        <v>1.001687048</v>
      </c>
      <c r="D921" s="8">
        <v>0.76637211000000005</v>
      </c>
    </row>
    <row r="922" spans="1:4" x14ac:dyDescent="0.3">
      <c r="A922" s="6">
        <v>44015</v>
      </c>
      <c r="B922" s="8">
        <v>9.6479295080000007</v>
      </c>
      <c r="C922" s="8">
        <v>0.99802710299999997</v>
      </c>
      <c r="D922" s="8">
        <v>0.76677179900000003</v>
      </c>
    </row>
    <row r="923" spans="1:4" x14ac:dyDescent="0.3">
      <c r="A923" s="6">
        <v>44016</v>
      </c>
      <c r="B923" s="8">
        <v>9.6433577469999996</v>
      </c>
      <c r="C923" s="8">
        <v>1.0393341760000001</v>
      </c>
      <c r="D923" s="8">
        <v>0.78171758000000002</v>
      </c>
    </row>
    <row r="924" spans="1:4" x14ac:dyDescent="0.3">
      <c r="A924" s="6">
        <v>44017</v>
      </c>
      <c r="B924" s="8">
        <v>9.7042612080000001</v>
      </c>
      <c r="C924" s="8">
        <v>1.038416512</v>
      </c>
      <c r="D924" s="8">
        <v>0.78722690799999995</v>
      </c>
    </row>
    <row r="925" spans="1:4" x14ac:dyDescent="0.3">
      <c r="A925" s="6">
        <v>44018</v>
      </c>
      <c r="B925" s="8">
        <v>9.7088111529999992</v>
      </c>
      <c r="C925" s="8">
        <v>1.0390173030000001</v>
      </c>
      <c r="D925" s="8">
        <v>0.79848598100000001</v>
      </c>
    </row>
    <row r="926" spans="1:4" x14ac:dyDescent="0.3">
      <c r="A926" s="6">
        <v>44019</v>
      </c>
      <c r="B926" s="8">
        <v>9.7129080959999996</v>
      </c>
      <c r="C926" s="8">
        <v>1.0465036999999999</v>
      </c>
      <c r="D926" s="8">
        <v>0.80477513899999997</v>
      </c>
    </row>
    <row r="927" spans="1:4" x14ac:dyDescent="0.3">
      <c r="A927" s="6">
        <v>44020</v>
      </c>
      <c r="B927" s="8">
        <v>9.7347604959999998</v>
      </c>
      <c r="C927" s="8">
        <v>1.0452417679999999</v>
      </c>
      <c r="D927" s="8">
        <v>0.81468435400000005</v>
      </c>
    </row>
    <row r="928" spans="1:4" x14ac:dyDescent="0.3">
      <c r="A928" s="6">
        <v>44021</v>
      </c>
      <c r="B928" s="8">
        <v>9.7369677130000003</v>
      </c>
      <c r="C928" s="8">
        <v>1.0697782419999999</v>
      </c>
      <c r="D928" s="8">
        <v>0.82957214099999999</v>
      </c>
    </row>
    <row r="929" spans="1:4" x14ac:dyDescent="0.3">
      <c r="A929" s="6">
        <v>44022</v>
      </c>
      <c r="B929" s="8">
        <v>9.7838692730000005</v>
      </c>
      <c r="C929" s="8">
        <v>1.092234884</v>
      </c>
      <c r="D929" s="8">
        <v>0.80462348699999997</v>
      </c>
    </row>
    <row r="930" spans="1:4" x14ac:dyDescent="0.3">
      <c r="A930" s="6">
        <v>44023</v>
      </c>
      <c r="B930" s="8">
        <v>9.8036674870000002</v>
      </c>
      <c r="C930" s="8">
        <v>1.100018699</v>
      </c>
      <c r="D930" s="8">
        <v>0.80219599200000002</v>
      </c>
    </row>
    <row r="931" spans="1:4" x14ac:dyDescent="0.3">
      <c r="A931" s="6">
        <v>44024</v>
      </c>
      <c r="B931" s="8">
        <v>9.8244218029999999</v>
      </c>
      <c r="C931" s="8">
        <v>1.108808904</v>
      </c>
      <c r="D931" s="8">
        <v>0.818823148</v>
      </c>
    </row>
    <row r="932" spans="1:4" x14ac:dyDescent="0.3">
      <c r="A932" s="6">
        <v>44025</v>
      </c>
      <c r="B932" s="8">
        <v>9.8232455410000004</v>
      </c>
      <c r="C932" s="8">
        <v>1.10834235</v>
      </c>
      <c r="D932" s="8">
        <v>0.81282789099999997</v>
      </c>
    </row>
    <row r="933" spans="1:4" x14ac:dyDescent="0.3">
      <c r="A933" s="6">
        <v>44026</v>
      </c>
      <c r="B933" s="8">
        <v>9.8483598659999991</v>
      </c>
      <c r="C933" s="8">
        <v>1.107133398</v>
      </c>
      <c r="D933" s="8">
        <v>0.80605302400000001</v>
      </c>
    </row>
    <row r="934" spans="1:4" x14ac:dyDescent="0.3">
      <c r="A934" s="6">
        <v>44027</v>
      </c>
      <c r="B934" s="8">
        <v>9.8453358269999995</v>
      </c>
      <c r="C934" s="8">
        <v>1.1009544419999999</v>
      </c>
      <c r="D934" s="8">
        <v>0.80775469700000002</v>
      </c>
    </row>
    <row r="935" spans="1:4" x14ac:dyDescent="0.3">
      <c r="A935" s="6">
        <v>44028</v>
      </c>
      <c r="B935" s="8">
        <v>9.8587546289999999</v>
      </c>
      <c r="C935" s="8">
        <v>1.1079941360000001</v>
      </c>
      <c r="D935" s="8">
        <v>0.82739016300000001</v>
      </c>
    </row>
    <row r="936" spans="1:4" x14ac:dyDescent="0.3">
      <c r="A936" s="6">
        <v>44029</v>
      </c>
      <c r="B936" s="8">
        <v>9.8802604980000002</v>
      </c>
      <c r="C936" s="8">
        <v>1.1056709199999999</v>
      </c>
      <c r="D936" s="8">
        <v>0.82470394700000005</v>
      </c>
    </row>
    <row r="937" spans="1:4" x14ac:dyDescent="0.3">
      <c r="A937" s="6">
        <v>44030</v>
      </c>
      <c r="B937" s="8">
        <v>9.8804078569999998</v>
      </c>
      <c r="C937" s="8">
        <v>1.1055251210000001</v>
      </c>
      <c r="D937" s="8">
        <v>0.84380575000000002</v>
      </c>
    </row>
    <row r="938" spans="1:4" x14ac:dyDescent="0.3">
      <c r="A938" s="6">
        <v>44031</v>
      </c>
      <c r="B938" s="8">
        <v>9.8843641929999997</v>
      </c>
      <c r="C938" s="8">
        <v>1.1235803010000001</v>
      </c>
      <c r="D938" s="8">
        <v>0.866354293</v>
      </c>
    </row>
    <row r="939" spans="1:4" x14ac:dyDescent="0.3">
      <c r="A939" s="6">
        <v>44032</v>
      </c>
      <c r="B939" s="8">
        <v>9.9139642600000002</v>
      </c>
      <c r="C939" s="8">
        <v>1.124222592</v>
      </c>
      <c r="D939" s="8">
        <v>0.910831838</v>
      </c>
    </row>
    <row r="940" spans="1:4" x14ac:dyDescent="0.3">
      <c r="A940" s="6">
        <v>44033</v>
      </c>
      <c r="B940" s="8">
        <v>9.9135735149999995</v>
      </c>
      <c r="C940" s="8">
        <v>1.1093302629999999</v>
      </c>
      <c r="D940" s="8">
        <v>0.89548083099999998</v>
      </c>
    </row>
    <row r="941" spans="1:4" x14ac:dyDescent="0.3">
      <c r="A941" s="6">
        <v>44034</v>
      </c>
      <c r="B941" s="8">
        <v>9.9216588399999992</v>
      </c>
      <c r="C941" s="8">
        <v>1.1176566619999999</v>
      </c>
      <c r="D941" s="8">
        <v>0.91641753100000001</v>
      </c>
    </row>
    <row r="942" spans="1:4" x14ac:dyDescent="0.3">
      <c r="A942" s="6">
        <v>44035</v>
      </c>
      <c r="B942" s="8">
        <v>10.016213022000001</v>
      </c>
      <c r="C942" s="8">
        <v>1.1174123760000001</v>
      </c>
      <c r="D942" s="8">
        <v>0.94364430300000002</v>
      </c>
    </row>
    <row r="943" spans="1:4" x14ac:dyDescent="0.3">
      <c r="A943" s="6">
        <v>44036</v>
      </c>
      <c r="B943" s="8">
        <v>10.062892351</v>
      </c>
      <c r="C943" s="8">
        <v>1.1116666850000001</v>
      </c>
      <c r="D943" s="8">
        <v>1.009266767</v>
      </c>
    </row>
    <row r="944" spans="1:4" x14ac:dyDescent="0.3">
      <c r="A944" s="6">
        <v>44037</v>
      </c>
      <c r="B944" s="8">
        <v>10.162563058</v>
      </c>
      <c r="C944" s="8">
        <v>1.1090628440000001</v>
      </c>
      <c r="D944" s="8">
        <v>1.0551037350000001</v>
      </c>
    </row>
    <row r="945" spans="1:4" x14ac:dyDescent="0.3">
      <c r="A945" s="6">
        <v>44038</v>
      </c>
      <c r="B945" s="8">
        <v>10.213180914</v>
      </c>
      <c r="C945" s="8">
        <v>1.1064843579999999</v>
      </c>
      <c r="D945" s="8">
        <v>1.031396996</v>
      </c>
    </row>
    <row r="946" spans="1:4" x14ac:dyDescent="0.3">
      <c r="A946" s="6">
        <v>44039</v>
      </c>
      <c r="B946" s="8">
        <v>10.216671824000001</v>
      </c>
      <c r="C946" s="8">
        <v>1.1660585919999999</v>
      </c>
      <c r="D946" s="8">
        <v>1.0608628149999999</v>
      </c>
    </row>
    <row r="947" spans="1:4" x14ac:dyDescent="0.3">
      <c r="A947" s="6">
        <v>44040</v>
      </c>
      <c r="B947" s="8">
        <v>10.16325337</v>
      </c>
      <c r="C947" s="8">
        <v>1.1680671600000001</v>
      </c>
      <c r="D947" s="8">
        <v>1.0305942880000001</v>
      </c>
    </row>
    <row r="948" spans="1:4" x14ac:dyDescent="0.3">
      <c r="A948" s="6">
        <v>44041</v>
      </c>
      <c r="B948" s="8">
        <v>10.472196877</v>
      </c>
      <c r="C948" s="8">
        <v>1.1679177439999999</v>
      </c>
      <c r="D948" s="8">
        <v>1.0258784400000001</v>
      </c>
    </row>
    <row r="949" spans="1:4" x14ac:dyDescent="0.3">
      <c r="A949" s="6">
        <v>44042</v>
      </c>
      <c r="B949" s="8">
        <v>10.617855494000001</v>
      </c>
      <c r="C949" s="8">
        <v>1.1655463740000001</v>
      </c>
      <c r="D949" s="8">
        <v>1.0516566940000001</v>
      </c>
    </row>
    <row r="950" spans="1:4" x14ac:dyDescent="0.3">
      <c r="A950" s="6">
        <v>44043</v>
      </c>
      <c r="B950" s="8">
        <v>10.707864336</v>
      </c>
      <c r="C950" s="8">
        <v>1.1453352320000001</v>
      </c>
      <c r="D950" s="8">
        <v>1.07057549</v>
      </c>
    </row>
    <row r="951" spans="1:4" x14ac:dyDescent="0.3">
      <c r="A951" s="6">
        <v>44044</v>
      </c>
      <c r="B951" s="8">
        <v>10.778488966999999</v>
      </c>
      <c r="C951" s="8">
        <v>1.079713382</v>
      </c>
      <c r="D951" s="8">
        <v>1.1167619419999999</v>
      </c>
    </row>
    <row r="952" spans="1:4" x14ac:dyDescent="0.3">
      <c r="A952" s="6">
        <v>44045</v>
      </c>
      <c r="B952" s="8">
        <v>10.941249518999999</v>
      </c>
      <c r="C952" s="8">
        <v>1.087114066</v>
      </c>
      <c r="D952" s="8">
        <v>1.1211903219999999</v>
      </c>
    </row>
    <row r="953" spans="1:4" x14ac:dyDescent="0.3">
      <c r="A953" s="6">
        <v>44046</v>
      </c>
      <c r="B953" s="8">
        <v>11.062349222</v>
      </c>
      <c r="C953" s="8">
        <v>1.0974497969999999</v>
      </c>
      <c r="D953" s="8">
        <v>1.126458151</v>
      </c>
    </row>
    <row r="954" spans="1:4" x14ac:dyDescent="0.3">
      <c r="A954" s="6">
        <v>44047</v>
      </c>
      <c r="B954" s="8">
        <v>11.118634671000001</v>
      </c>
      <c r="C954" s="8">
        <v>1.084969023</v>
      </c>
      <c r="D954" s="8">
        <v>1.1370148470000001</v>
      </c>
    </row>
    <row r="955" spans="1:4" x14ac:dyDescent="0.3">
      <c r="A955" s="6">
        <v>44048</v>
      </c>
      <c r="B955" s="8">
        <v>11.182209135000001</v>
      </c>
      <c r="C955" s="8">
        <v>1.0826206410000001</v>
      </c>
      <c r="D955" s="8">
        <v>1.144269357</v>
      </c>
    </row>
    <row r="956" spans="1:4" x14ac:dyDescent="0.3">
      <c r="A956" s="6">
        <v>44049</v>
      </c>
      <c r="B956" s="8">
        <v>11.252929576</v>
      </c>
      <c r="C956" s="8">
        <v>1.0806635250000001</v>
      </c>
      <c r="D956" s="8">
        <v>1.1605622330000001</v>
      </c>
    </row>
    <row r="957" spans="1:4" x14ac:dyDescent="0.3">
      <c r="A957" s="6">
        <v>44050</v>
      </c>
      <c r="B957" s="8">
        <v>11.334228793999999</v>
      </c>
      <c r="C957" s="8">
        <v>1.0933711770000001</v>
      </c>
      <c r="D957" s="8">
        <v>1.155389993</v>
      </c>
    </row>
    <row r="958" spans="1:4" x14ac:dyDescent="0.3">
      <c r="A958" s="6">
        <v>44051</v>
      </c>
      <c r="B958" s="8">
        <v>11.4951401</v>
      </c>
      <c r="C958" s="8">
        <v>1.1082534040000001</v>
      </c>
      <c r="D958" s="8">
        <v>1.1558858489999999</v>
      </c>
    </row>
    <row r="959" spans="1:4" x14ac:dyDescent="0.3">
      <c r="A959" s="6">
        <v>44052</v>
      </c>
      <c r="B959" s="8">
        <v>11.578515768999999</v>
      </c>
      <c r="C959" s="8">
        <v>1.1474268999999999</v>
      </c>
      <c r="D959" s="8">
        <v>1.1814902030000001</v>
      </c>
    </row>
    <row r="960" spans="1:4" x14ac:dyDescent="0.3">
      <c r="A960" s="6">
        <v>44053</v>
      </c>
      <c r="B960" s="8">
        <v>11.650317901999999</v>
      </c>
      <c r="C960" s="8">
        <v>1.1460875159999999</v>
      </c>
      <c r="D960" s="8">
        <v>1.1946265359999999</v>
      </c>
    </row>
    <row r="961" spans="1:4" x14ac:dyDescent="0.3">
      <c r="A961" s="6">
        <v>44054</v>
      </c>
      <c r="B961" s="8">
        <v>11.698790362</v>
      </c>
      <c r="C961" s="8">
        <v>1.1230432610000001</v>
      </c>
      <c r="D961" s="8">
        <v>1.1991059340000001</v>
      </c>
    </row>
    <row r="962" spans="1:4" x14ac:dyDescent="0.3">
      <c r="A962" s="6">
        <v>44055</v>
      </c>
      <c r="B962" s="8">
        <v>11.858746977999999</v>
      </c>
      <c r="C962" s="8">
        <v>1.133850754</v>
      </c>
      <c r="D962" s="8">
        <v>1.184252917</v>
      </c>
    </row>
    <row r="963" spans="1:4" x14ac:dyDescent="0.3">
      <c r="A963" s="6">
        <v>44056</v>
      </c>
      <c r="B963" s="8">
        <v>11.896892577999999</v>
      </c>
      <c r="C963" s="8">
        <v>1.1610064170000001</v>
      </c>
      <c r="D963" s="8">
        <v>1.1916181889999999</v>
      </c>
    </row>
    <row r="964" spans="1:4" x14ac:dyDescent="0.3">
      <c r="A964" s="6">
        <v>44057</v>
      </c>
      <c r="B964" s="8">
        <v>12.000642229</v>
      </c>
      <c r="C964" s="8">
        <v>1.1774947549999999</v>
      </c>
      <c r="D964" s="8">
        <v>1.209822033</v>
      </c>
    </row>
    <row r="965" spans="1:4" x14ac:dyDescent="0.3">
      <c r="A965" s="6">
        <v>44058</v>
      </c>
      <c r="B965" s="8">
        <v>12.238797983</v>
      </c>
      <c r="C965" s="8">
        <v>1.2057112619999999</v>
      </c>
      <c r="D965" s="8">
        <v>1.2596257909999999</v>
      </c>
    </row>
    <row r="966" spans="1:4" x14ac:dyDescent="0.3">
      <c r="A966" s="6">
        <v>44059</v>
      </c>
      <c r="B966" s="8">
        <v>12.215059077999999</v>
      </c>
      <c r="C966" s="8">
        <v>1.2010786579999999</v>
      </c>
      <c r="D966" s="8">
        <v>1.274782595</v>
      </c>
    </row>
    <row r="967" spans="1:4" x14ac:dyDescent="0.3">
      <c r="A967" s="6">
        <v>44060</v>
      </c>
      <c r="B967" s="8">
        <v>12.248808991000001</v>
      </c>
      <c r="C967" s="8">
        <v>1.2027803930000001</v>
      </c>
      <c r="D967" s="8">
        <v>1.3112389609999999</v>
      </c>
    </row>
    <row r="968" spans="1:4" x14ac:dyDescent="0.3">
      <c r="A968" s="6">
        <v>44061</v>
      </c>
      <c r="B968" s="8">
        <v>12.39258227</v>
      </c>
      <c r="C968" s="8">
        <v>1.218933979</v>
      </c>
      <c r="D968" s="8">
        <v>1.3089402649999999</v>
      </c>
    </row>
    <row r="969" spans="1:4" x14ac:dyDescent="0.3">
      <c r="A969" s="6">
        <v>44062</v>
      </c>
      <c r="B969" s="8">
        <v>12.603054668</v>
      </c>
      <c r="C969" s="8">
        <v>1.2465784440000001</v>
      </c>
      <c r="D969" s="8">
        <v>1.335450555</v>
      </c>
    </row>
    <row r="970" spans="1:4" x14ac:dyDescent="0.3">
      <c r="A970" s="6">
        <v>44063</v>
      </c>
      <c r="B970" s="8">
        <v>12.60533923</v>
      </c>
      <c r="C970" s="8">
        <v>1.2760663539999999</v>
      </c>
      <c r="D970" s="8">
        <v>1.3261440529999999</v>
      </c>
    </row>
    <row r="971" spans="1:4" x14ac:dyDescent="0.3">
      <c r="A971" s="6">
        <v>44064</v>
      </c>
      <c r="B971" s="8">
        <v>12.660117157</v>
      </c>
      <c r="C971" s="8">
        <v>1.3086395239999999</v>
      </c>
      <c r="D971" s="8">
        <v>1.3558438500000001</v>
      </c>
    </row>
    <row r="972" spans="1:4" x14ac:dyDescent="0.3">
      <c r="A972" s="6">
        <v>44065</v>
      </c>
      <c r="B972" s="8">
        <v>12.762557154</v>
      </c>
      <c r="C972" s="8">
        <v>1.3319373249999999</v>
      </c>
      <c r="D972" s="8">
        <v>1.3623890679999999</v>
      </c>
    </row>
    <row r="973" spans="1:4" x14ac:dyDescent="0.3">
      <c r="A973" s="6">
        <v>44066</v>
      </c>
      <c r="B973" s="8">
        <v>12.812234222000001</v>
      </c>
      <c r="C973" s="8">
        <v>1.3373541449999999</v>
      </c>
      <c r="D973" s="8">
        <v>1.4130955270000001</v>
      </c>
    </row>
    <row r="974" spans="1:4" x14ac:dyDescent="0.3">
      <c r="A974" s="6">
        <v>44067</v>
      </c>
      <c r="B974" s="8">
        <v>12.830042987000001</v>
      </c>
      <c r="C974" s="8">
        <v>1.3556212329999999</v>
      </c>
      <c r="D974" s="8">
        <v>1.4387766609999999</v>
      </c>
    </row>
    <row r="975" spans="1:4" x14ac:dyDescent="0.3">
      <c r="A975" s="6">
        <v>44068</v>
      </c>
      <c r="B975" s="8">
        <v>12.895083176</v>
      </c>
      <c r="C975" s="8">
        <v>1.36278425</v>
      </c>
      <c r="D975" s="8">
        <v>1.397542869</v>
      </c>
    </row>
    <row r="976" spans="1:4" x14ac:dyDescent="0.3">
      <c r="A976" s="6">
        <v>44069</v>
      </c>
      <c r="B976" s="8">
        <v>12.865507394</v>
      </c>
      <c r="C976" s="8">
        <v>1.3829448099999999</v>
      </c>
      <c r="D976" s="8">
        <v>1.436698507</v>
      </c>
    </row>
    <row r="977" spans="1:4" x14ac:dyDescent="0.3">
      <c r="A977" s="6">
        <v>44070</v>
      </c>
      <c r="B977" s="8">
        <v>12.858452038999999</v>
      </c>
      <c r="C977" s="8">
        <v>1.4000559809999999</v>
      </c>
      <c r="D977" s="8">
        <v>1.4529768089999999</v>
      </c>
    </row>
    <row r="978" spans="1:4" x14ac:dyDescent="0.3">
      <c r="A978" s="6">
        <v>44071</v>
      </c>
      <c r="B978" s="8">
        <v>13.02854827</v>
      </c>
      <c r="C978" s="8">
        <v>1.425062753</v>
      </c>
      <c r="D978" s="8">
        <v>1.4345396530000001</v>
      </c>
    </row>
    <row r="979" spans="1:4" x14ac:dyDescent="0.3">
      <c r="A979" s="6">
        <v>44072</v>
      </c>
      <c r="B979" s="8">
        <v>13.129348617</v>
      </c>
      <c r="C979" s="8">
        <v>1.426971</v>
      </c>
      <c r="D979" s="8">
        <v>1.442110285</v>
      </c>
    </row>
    <row r="980" spans="1:4" x14ac:dyDescent="0.3">
      <c r="A980" s="6">
        <v>44073</v>
      </c>
      <c r="B980" s="8">
        <v>13.302097288000001</v>
      </c>
      <c r="C980" s="8">
        <v>1.4618013990000001</v>
      </c>
      <c r="D980" s="8">
        <v>1.4462627779999999</v>
      </c>
    </row>
    <row r="981" spans="1:4" x14ac:dyDescent="0.3">
      <c r="A981" s="6">
        <v>44074</v>
      </c>
      <c r="B981" s="8">
        <v>13.324009301</v>
      </c>
      <c r="C981" s="8">
        <v>1.474977048</v>
      </c>
      <c r="D981" s="8">
        <v>1.450891631</v>
      </c>
    </row>
    <row r="982" spans="1:4" x14ac:dyDescent="0.3">
      <c r="A982" s="6">
        <v>44075</v>
      </c>
      <c r="B982" s="8">
        <v>12.620037988</v>
      </c>
      <c r="C982" s="8">
        <v>1.4779994219999999</v>
      </c>
      <c r="D982" s="8">
        <v>1.405507938</v>
      </c>
    </row>
    <row r="983" spans="1:4" x14ac:dyDescent="0.3">
      <c r="A983" s="6">
        <v>44076</v>
      </c>
      <c r="B983" s="8">
        <v>12.740037987999999</v>
      </c>
      <c r="C983" s="8">
        <v>1.5237281810000001</v>
      </c>
      <c r="D983" s="8">
        <v>1.417458377</v>
      </c>
    </row>
    <row r="984" spans="1:4" x14ac:dyDescent="0.3">
      <c r="A984" s="6">
        <v>44077</v>
      </c>
      <c r="B984" s="8">
        <v>12.990037987999999</v>
      </c>
      <c r="C984" s="8">
        <v>1.5229515769999999</v>
      </c>
      <c r="D984" s="8">
        <v>1.445935132</v>
      </c>
    </row>
    <row r="985" spans="1:4" x14ac:dyDescent="0.3">
      <c r="A985" s="6">
        <v>44078</v>
      </c>
      <c r="B985" s="8">
        <v>12.990037987999999</v>
      </c>
      <c r="C985" s="8">
        <v>1.5864807190000001</v>
      </c>
      <c r="D985" s="8">
        <v>1.4673855629999999</v>
      </c>
    </row>
    <row r="986" spans="1:4" x14ac:dyDescent="0.3">
      <c r="A986" s="6">
        <v>44079</v>
      </c>
      <c r="B986" s="8">
        <v>13.140037988</v>
      </c>
      <c r="C986" s="8">
        <v>1.652877903</v>
      </c>
      <c r="D986" s="8">
        <v>1.4269033289999999</v>
      </c>
    </row>
    <row r="987" spans="1:4" x14ac:dyDescent="0.3">
      <c r="A987" s="6">
        <v>44080</v>
      </c>
      <c r="B987" s="8">
        <v>13.140037988</v>
      </c>
      <c r="C987" s="8">
        <v>1.692102875</v>
      </c>
      <c r="D987" s="8">
        <v>1.452026974</v>
      </c>
    </row>
    <row r="988" spans="1:4" x14ac:dyDescent="0.3">
      <c r="A988" s="6">
        <v>44081</v>
      </c>
      <c r="B988" s="8">
        <v>13.140037988</v>
      </c>
      <c r="C988" s="8">
        <v>1.7320780069999999</v>
      </c>
      <c r="D988" s="8">
        <v>1.4668370239999999</v>
      </c>
    </row>
    <row r="989" spans="1:4" x14ac:dyDescent="0.3">
      <c r="A989" s="6">
        <v>44082</v>
      </c>
      <c r="B989" s="8">
        <v>13.390010011999999</v>
      </c>
      <c r="C989" s="8">
        <v>1.7815533020000001</v>
      </c>
      <c r="D989" s="8">
        <v>1.4908056489999999</v>
      </c>
    </row>
    <row r="990" spans="1:4" x14ac:dyDescent="0.3">
      <c r="A990" s="6">
        <v>44083</v>
      </c>
      <c r="B990" s="8">
        <v>13.388751547</v>
      </c>
      <c r="C990" s="8">
        <v>1.7931533669999999</v>
      </c>
      <c r="D990" s="8">
        <v>1.4706444009999999</v>
      </c>
    </row>
    <row r="991" spans="1:4" x14ac:dyDescent="0.3">
      <c r="A991" s="6">
        <v>44084</v>
      </c>
      <c r="B991" s="8">
        <v>13.638751547</v>
      </c>
      <c r="C991" s="8">
        <v>1.837064695</v>
      </c>
      <c r="D991" s="8">
        <v>1.5214910159999999</v>
      </c>
    </row>
    <row r="992" spans="1:4" x14ac:dyDescent="0.3">
      <c r="A992" s="6">
        <v>44085</v>
      </c>
      <c r="B992" s="8">
        <v>13.638660241</v>
      </c>
      <c r="C992" s="8">
        <v>1.8494485279999999</v>
      </c>
      <c r="D992" s="8">
        <v>1.607692763</v>
      </c>
    </row>
    <row r="993" spans="1:4" x14ac:dyDescent="0.3">
      <c r="A993" s="6">
        <v>44086</v>
      </c>
      <c r="B993" s="8">
        <v>13.637497824</v>
      </c>
      <c r="C993" s="8">
        <v>1.916836794</v>
      </c>
      <c r="D993" s="8">
        <v>1.6365650309999999</v>
      </c>
    </row>
    <row r="994" spans="1:4" x14ac:dyDescent="0.3">
      <c r="A994" s="6">
        <v>44087</v>
      </c>
      <c r="B994" s="8">
        <v>13.637497824</v>
      </c>
      <c r="C994" s="8">
        <v>1.956703144</v>
      </c>
      <c r="D994" s="8">
        <v>1.669923907</v>
      </c>
    </row>
    <row r="995" spans="1:4" x14ac:dyDescent="0.3">
      <c r="A995" s="6">
        <v>44088</v>
      </c>
      <c r="B995" s="8">
        <v>13.887497824</v>
      </c>
      <c r="C995" s="8">
        <v>1.9971983040000001</v>
      </c>
      <c r="D995" s="8">
        <v>1.7089620089999999</v>
      </c>
    </row>
    <row r="996" spans="1:4" x14ac:dyDescent="0.3">
      <c r="A996" s="6">
        <v>44089</v>
      </c>
      <c r="B996" s="8">
        <v>12.880500639999999</v>
      </c>
      <c r="C996" s="8">
        <v>2.0195012559999999</v>
      </c>
      <c r="D996" s="8">
        <v>1.8341945159999999</v>
      </c>
    </row>
    <row r="997" spans="1:4" x14ac:dyDescent="0.3">
      <c r="A997" s="6">
        <v>44090</v>
      </c>
      <c r="B997" s="8">
        <v>13.880500639999999</v>
      </c>
      <c r="C997" s="8">
        <v>2.0773153899999999</v>
      </c>
      <c r="D997" s="8">
        <v>1.9230569369999999</v>
      </c>
    </row>
    <row r="998" spans="1:4" x14ac:dyDescent="0.3">
      <c r="A998" s="6">
        <v>44091</v>
      </c>
      <c r="B998" s="8">
        <v>14.130500639999999</v>
      </c>
      <c r="C998" s="8">
        <v>2.082634563</v>
      </c>
      <c r="D998" s="8">
        <v>1.9204555409999999</v>
      </c>
    </row>
    <row r="999" spans="1:4" x14ac:dyDescent="0.3">
      <c r="A999" s="6">
        <v>44092</v>
      </c>
      <c r="B999" s="8">
        <v>14.28050064</v>
      </c>
      <c r="C999" s="8">
        <v>2.109682404</v>
      </c>
      <c r="D999" s="8">
        <v>1.972574107</v>
      </c>
    </row>
    <row r="1000" spans="1:4" x14ac:dyDescent="0.3">
      <c r="A1000" s="6">
        <v>44093</v>
      </c>
      <c r="B1000" s="8">
        <v>14.28050064</v>
      </c>
      <c r="C1000" s="8">
        <v>2.1808408080000001</v>
      </c>
      <c r="D1000" s="8">
        <v>2.0262208030000002</v>
      </c>
    </row>
    <row r="1001" spans="1:4" x14ac:dyDescent="0.3">
      <c r="A1001" s="6">
        <v>44094</v>
      </c>
      <c r="B1001" s="8">
        <v>14.43050064</v>
      </c>
      <c r="C1001" s="8">
        <v>2.285203417</v>
      </c>
      <c r="D1001" s="8">
        <v>2.0672888679999999</v>
      </c>
    </row>
    <row r="1002" spans="1:4" x14ac:dyDescent="0.3">
      <c r="A1002" s="6">
        <v>44095</v>
      </c>
      <c r="B1002" s="8">
        <v>14.430492514999999</v>
      </c>
      <c r="C1002" s="8">
        <v>2.3437669560000001</v>
      </c>
      <c r="D1002" s="8">
        <v>2.0901506329999999</v>
      </c>
    </row>
    <row r="1003" spans="1:4" x14ac:dyDescent="0.3">
      <c r="A1003" s="6">
        <v>44096</v>
      </c>
      <c r="B1003" s="8">
        <v>14.430472567000001</v>
      </c>
      <c r="C1003" s="8">
        <v>2.394680063</v>
      </c>
      <c r="D1003" s="8">
        <v>2.1016764000000001</v>
      </c>
    </row>
    <row r="1004" spans="1:4" x14ac:dyDescent="0.3">
      <c r="A1004" s="6">
        <v>44097</v>
      </c>
      <c r="B1004" s="8">
        <v>14.430472567000001</v>
      </c>
      <c r="C1004" s="8">
        <v>2.3984353280000001</v>
      </c>
      <c r="D1004" s="8">
        <v>2.123923096</v>
      </c>
    </row>
    <row r="1005" spans="1:4" x14ac:dyDescent="0.3">
      <c r="A1005" s="6">
        <v>44098</v>
      </c>
      <c r="B1005" s="8">
        <v>14.430472567000001</v>
      </c>
      <c r="C1005" s="8">
        <v>2.441320717</v>
      </c>
      <c r="D1005" s="8">
        <v>2.1638167049999999</v>
      </c>
    </row>
    <row r="1006" spans="1:4" x14ac:dyDescent="0.3">
      <c r="A1006" s="6">
        <v>44099</v>
      </c>
      <c r="B1006" s="8">
        <v>14.430472567000001</v>
      </c>
      <c r="C1006" s="8">
        <v>2.5078516710000001</v>
      </c>
      <c r="D1006" s="8">
        <v>2.1695427949999999</v>
      </c>
    </row>
    <row r="1007" spans="1:4" x14ac:dyDescent="0.3">
      <c r="A1007" s="6">
        <v>44100</v>
      </c>
      <c r="B1007" s="8">
        <v>14.430472567000001</v>
      </c>
      <c r="C1007" s="8">
        <v>2.5114263700000001</v>
      </c>
      <c r="D1007" s="8">
        <v>2.1898701979999999</v>
      </c>
    </row>
    <row r="1008" spans="1:4" x14ac:dyDescent="0.3">
      <c r="A1008" s="6">
        <v>44101</v>
      </c>
      <c r="B1008" s="8">
        <v>14.430472567000001</v>
      </c>
      <c r="C1008" s="8">
        <v>2.5514062590000002</v>
      </c>
      <c r="D1008" s="8">
        <v>2.2363266930000001</v>
      </c>
    </row>
    <row r="1009" spans="1:4" x14ac:dyDescent="0.3">
      <c r="A1009" s="6">
        <v>44102</v>
      </c>
      <c r="B1009" s="8">
        <v>14.430472567000001</v>
      </c>
      <c r="C1009" s="8">
        <v>2.6000774899999999</v>
      </c>
      <c r="D1009" s="8">
        <v>2.2356578859999998</v>
      </c>
    </row>
    <row r="1010" spans="1:4" x14ac:dyDescent="0.3">
      <c r="A1010" s="6">
        <v>44103</v>
      </c>
      <c r="B1010" s="8">
        <v>14.430472567000001</v>
      </c>
      <c r="C1010" s="8">
        <v>2.544473188</v>
      </c>
      <c r="D1010" s="8">
        <v>2.2035936829999998</v>
      </c>
    </row>
    <row r="1011" spans="1:4" x14ac:dyDescent="0.3">
      <c r="A1011" s="6">
        <v>44104</v>
      </c>
      <c r="B1011" s="8">
        <v>14.430472567000001</v>
      </c>
      <c r="C1011" s="8">
        <v>2.539063885</v>
      </c>
      <c r="D1011" s="8">
        <v>2.2166299239999998</v>
      </c>
    </row>
    <row r="1012" spans="1:4" x14ac:dyDescent="0.3">
      <c r="A1012" s="6">
        <v>44105</v>
      </c>
      <c r="B1012" s="8">
        <v>14.429839175</v>
      </c>
      <c r="C1012" s="8">
        <v>2.5339027930000002</v>
      </c>
      <c r="D1012" s="8">
        <v>2.2399855679999998</v>
      </c>
    </row>
    <row r="1013" spans="1:4" x14ac:dyDescent="0.3">
      <c r="A1013" s="6">
        <v>44106</v>
      </c>
      <c r="B1013" s="8">
        <v>14.579839175</v>
      </c>
      <c r="C1013" s="8">
        <v>2.5369071700000001</v>
      </c>
      <c r="D1013" s="8">
        <v>2.2345375629999999</v>
      </c>
    </row>
    <row r="1014" spans="1:4" x14ac:dyDescent="0.3">
      <c r="A1014" s="6">
        <v>44107</v>
      </c>
      <c r="B1014" s="8">
        <v>14.579775579</v>
      </c>
      <c r="C1014" s="8">
        <v>2.5952975619999998</v>
      </c>
      <c r="D1014" s="8">
        <v>2.2575014169999998</v>
      </c>
    </row>
    <row r="1015" spans="1:4" x14ac:dyDescent="0.3">
      <c r="A1015" s="6">
        <v>44108</v>
      </c>
      <c r="B1015" s="8">
        <v>14.579775579</v>
      </c>
      <c r="C1015" s="8">
        <v>2.6380485490000001</v>
      </c>
      <c r="D1015" s="8">
        <v>2.2606561140000001</v>
      </c>
    </row>
    <row r="1016" spans="1:4" x14ac:dyDescent="0.3">
      <c r="A1016" s="6">
        <v>44109</v>
      </c>
      <c r="B1016" s="8">
        <v>14.579775579</v>
      </c>
      <c r="C1016" s="8">
        <v>2.6460005619999998</v>
      </c>
      <c r="D1016" s="8">
        <v>2.2753509639999998</v>
      </c>
    </row>
    <row r="1017" spans="1:4" x14ac:dyDescent="0.3">
      <c r="A1017" s="6">
        <v>44110</v>
      </c>
      <c r="B1017" s="8">
        <v>14.579775579</v>
      </c>
      <c r="C1017" s="8">
        <v>2.6656207790000002</v>
      </c>
      <c r="D1017" s="8">
        <v>2.2736968380000002</v>
      </c>
    </row>
    <row r="1018" spans="1:4" x14ac:dyDescent="0.3">
      <c r="A1018" s="6">
        <v>44111</v>
      </c>
      <c r="B1018" s="8">
        <v>14.579775579</v>
      </c>
      <c r="C1018" s="8">
        <v>2.6732595099999998</v>
      </c>
      <c r="D1018" s="8">
        <v>2.301409789</v>
      </c>
    </row>
    <row r="1019" spans="1:4" x14ac:dyDescent="0.3">
      <c r="A1019" s="6">
        <v>44112</v>
      </c>
      <c r="B1019" s="8">
        <v>14.579767123</v>
      </c>
      <c r="C1019" s="8">
        <v>2.710421277</v>
      </c>
      <c r="D1019" s="8">
        <v>2.2829036770000002</v>
      </c>
    </row>
    <row r="1020" spans="1:4" x14ac:dyDescent="0.3">
      <c r="A1020" s="6">
        <v>44113</v>
      </c>
      <c r="B1020" s="8">
        <v>14.729767123</v>
      </c>
      <c r="C1020" s="8">
        <v>2.8149777870000001</v>
      </c>
      <c r="D1020" s="8">
        <v>2.3023201470000001</v>
      </c>
    </row>
    <row r="1021" spans="1:4" x14ac:dyDescent="0.3">
      <c r="A1021" s="6">
        <v>44114</v>
      </c>
      <c r="B1021" s="8">
        <v>14.729767123</v>
      </c>
      <c r="C1021" s="8">
        <v>2.8181082210000001</v>
      </c>
      <c r="D1021" s="8">
        <v>2.3822743960000001</v>
      </c>
    </row>
    <row r="1022" spans="1:4" x14ac:dyDescent="0.3">
      <c r="A1022" s="6">
        <v>44115</v>
      </c>
      <c r="B1022" s="8">
        <v>14.729767123</v>
      </c>
      <c r="C1022" s="8">
        <v>2.863229268</v>
      </c>
      <c r="D1022" s="8">
        <v>2.396318833</v>
      </c>
    </row>
    <row r="1023" spans="1:4" x14ac:dyDescent="0.3">
      <c r="A1023" s="6">
        <v>44116</v>
      </c>
      <c r="B1023" s="8">
        <v>14.729767123</v>
      </c>
      <c r="C1023" s="8">
        <v>2.8601962799999998</v>
      </c>
      <c r="D1023" s="8">
        <v>2.4213018709999998</v>
      </c>
    </row>
    <row r="1024" spans="1:4" x14ac:dyDescent="0.3">
      <c r="A1024" s="6">
        <v>44117</v>
      </c>
      <c r="B1024" s="8">
        <v>14.729767123</v>
      </c>
      <c r="C1024" s="8">
        <v>2.848277736</v>
      </c>
      <c r="D1024" s="8">
        <v>2.4593958630000001</v>
      </c>
    </row>
    <row r="1025" spans="1:4" x14ac:dyDescent="0.3">
      <c r="A1025" s="6">
        <v>44118</v>
      </c>
      <c r="B1025" s="8">
        <v>14.729767123</v>
      </c>
      <c r="C1025" s="8">
        <v>2.7829613339999999</v>
      </c>
      <c r="D1025" s="8">
        <v>2.4932232490000001</v>
      </c>
    </row>
    <row r="1026" spans="1:4" x14ac:dyDescent="0.3">
      <c r="A1026" s="6">
        <v>44119</v>
      </c>
      <c r="B1026" s="8">
        <v>14.729767123</v>
      </c>
      <c r="C1026" s="8">
        <v>2.754688239</v>
      </c>
      <c r="D1026" s="8">
        <v>2.5081742710000001</v>
      </c>
    </row>
    <row r="1027" spans="1:4" x14ac:dyDescent="0.3">
      <c r="A1027" s="6">
        <v>44120</v>
      </c>
      <c r="B1027" s="8">
        <v>14.729767123</v>
      </c>
      <c r="C1027" s="8">
        <v>2.7445345350000001</v>
      </c>
      <c r="D1027" s="8">
        <v>2.50785291</v>
      </c>
    </row>
    <row r="1028" spans="1:4" x14ac:dyDescent="0.3">
      <c r="A1028" s="6">
        <v>44121</v>
      </c>
      <c r="B1028" s="8">
        <v>14.729767123</v>
      </c>
      <c r="C1028" s="8">
        <v>2.7096842909999999</v>
      </c>
      <c r="D1028" s="8">
        <v>2.5183615050000001</v>
      </c>
    </row>
    <row r="1029" spans="1:4" x14ac:dyDescent="0.3">
      <c r="A1029" s="6">
        <v>44122</v>
      </c>
      <c r="B1029" s="8">
        <v>14.729767123</v>
      </c>
      <c r="C1029" s="8">
        <v>2.7112171310000002</v>
      </c>
      <c r="D1029" s="8">
        <v>2.5095932049999998</v>
      </c>
    </row>
    <row r="1030" spans="1:4" x14ac:dyDescent="0.3">
      <c r="A1030" s="6">
        <v>44123</v>
      </c>
      <c r="B1030" s="8">
        <v>14.729767123</v>
      </c>
      <c r="C1030" s="8">
        <v>2.7333214250000002</v>
      </c>
      <c r="D1030" s="8">
        <v>2.5266202139999998</v>
      </c>
    </row>
    <row r="1031" spans="1:4" x14ac:dyDescent="0.3">
      <c r="A1031" s="6">
        <v>44124</v>
      </c>
      <c r="B1031" s="8">
        <v>14.879767123000001</v>
      </c>
      <c r="C1031" s="8">
        <v>2.742215968</v>
      </c>
      <c r="D1031" s="8">
        <v>2.5007837999999998</v>
      </c>
    </row>
    <row r="1032" spans="1:4" x14ac:dyDescent="0.3">
      <c r="A1032" s="6">
        <v>44125</v>
      </c>
      <c r="B1032" s="8">
        <v>15.179767123</v>
      </c>
      <c r="C1032" s="8">
        <v>2.7422133350000002</v>
      </c>
      <c r="D1032" s="8">
        <v>2.5293616700000001</v>
      </c>
    </row>
    <row r="1033" spans="1:4" x14ac:dyDescent="0.3">
      <c r="A1033" s="6">
        <v>44126</v>
      </c>
      <c r="B1033" s="8">
        <v>15.179767123</v>
      </c>
      <c r="C1033" s="8">
        <v>2.8092839399999998</v>
      </c>
      <c r="D1033" s="8">
        <v>2.5542213280000001</v>
      </c>
    </row>
    <row r="1034" spans="1:4" x14ac:dyDescent="0.3">
      <c r="A1034" s="6">
        <v>44127</v>
      </c>
      <c r="B1034" s="8">
        <v>15.329767123</v>
      </c>
      <c r="C1034" s="8">
        <v>2.7959611770000001</v>
      </c>
      <c r="D1034" s="8">
        <v>2.522126686</v>
      </c>
    </row>
    <row r="1035" spans="1:4" x14ac:dyDescent="0.3">
      <c r="A1035" s="6">
        <v>44128</v>
      </c>
      <c r="B1035" s="8">
        <v>15.329767123</v>
      </c>
      <c r="C1035" s="8">
        <v>2.761552279</v>
      </c>
      <c r="D1035" s="8">
        <v>2.5366988670000001</v>
      </c>
    </row>
    <row r="1036" spans="1:4" x14ac:dyDescent="0.3">
      <c r="A1036" s="6">
        <v>44129</v>
      </c>
      <c r="B1036" s="8">
        <v>15.329767123</v>
      </c>
      <c r="C1036" s="8">
        <v>2.7925120379999999</v>
      </c>
      <c r="D1036" s="8">
        <v>2.5419286030000001</v>
      </c>
    </row>
    <row r="1037" spans="1:4" x14ac:dyDescent="0.3">
      <c r="A1037" s="6">
        <v>44130</v>
      </c>
      <c r="B1037" s="8">
        <v>15.329767123</v>
      </c>
      <c r="C1037" s="8">
        <v>2.8149545539999998</v>
      </c>
      <c r="D1037" s="8">
        <v>2.5551514110000002</v>
      </c>
    </row>
    <row r="1038" spans="1:4" x14ac:dyDescent="0.3">
      <c r="A1038" s="6">
        <v>44131</v>
      </c>
      <c r="B1038" s="8">
        <v>15.479767123</v>
      </c>
      <c r="C1038" s="8">
        <v>2.7792490999999999</v>
      </c>
      <c r="D1038" s="8">
        <v>2.5221070939999999</v>
      </c>
    </row>
    <row r="1039" spans="1:4" x14ac:dyDescent="0.3">
      <c r="A1039" s="6">
        <v>44132</v>
      </c>
      <c r="B1039" s="8">
        <v>15.479767123</v>
      </c>
      <c r="C1039" s="8">
        <v>2.8162227739999999</v>
      </c>
      <c r="D1039" s="8">
        <v>2.516925171</v>
      </c>
    </row>
    <row r="1040" spans="1:4" x14ac:dyDescent="0.3">
      <c r="A1040" s="6">
        <v>44133</v>
      </c>
      <c r="B1040" s="8">
        <v>15.629767123000001</v>
      </c>
      <c r="C1040" s="8">
        <v>2.8460410409999999</v>
      </c>
      <c r="D1040" s="8">
        <v>2.484999282</v>
      </c>
    </row>
    <row r="1041" spans="1:4" x14ac:dyDescent="0.3">
      <c r="A1041" s="6">
        <v>44134</v>
      </c>
      <c r="B1041" s="8">
        <v>15.629767123000001</v>
      </c>
      <c r="C1041" s="8">
        <v>2.8894041129999999</v>
      </c>
      <c r="D1041" s="8">
        <v>2.4781674640000002</v>
      </c>
    </row>
    <row r="1042" spans="1:4" x14ac:dyDescent="0.3">
      <c r="A1042" s="6">
        <v>44135</v>
      </c>
      <c r="B1042" s="8">
        <v>15.779767122999999</v>
      </c>
      <c r="C1042" s="8">
        <v>2.8938182299999999</v>
      </c>
      <c r="D1042" s="8">
        <v>2.4742178620000002</v>
      </c>
    </row>
    <row r="1043" spans="1:4" x14ac:dyDescent="0.3">
      <c r="A1043" s="6">
        <v>44136</v>
      </c>
      <c r="B1043" s="8">
        <v>15.774190425</v>
      </c>
      <c r="C1043" s="8">
        <v>2.9395490190000002</v>
      </c>
      <c r="D1043" s="8">
        <v>2.4781573749999999</v>
      </c>
    </row>
    <row r="1044" spans="1:4" x14ac:dyDescent="0.3">
      <c r="A1044" s="6">
        <v>44137</v>
      </c>
      <c r="B1044" s="8">
        <v>15.774190425</v>
      </c>
      <c r="C1044" s="8">
        <v>2.9419168939999998</v>
      </c>
      <c r="D1044" s="8">
        <v>2.492318665</v>
      </c>
    </row>
    <row r="1045" spans="1:4" x14ac:dyDescent="0.3">
      <c r="A1045" s="6">
        <v>44138</v>
      </c>
      <c r="B1045" s="8">
        <v>15.774190425</v>
      </c>
      <c r="C1045" s="8">
        <v>2.9465097450000002</v>
      </c>
      <c r="D1045" s="8">
        <v>2.4734949720000001</v>
      </c>
    </row>
    <row r="1046" spans="1:4" x14ac:dyDescent="0.3">
      <c r="A1046" s="6">
        <v>44139</v>
      </c>
      <c r="B1046" s="8">
        <v>15.924190425000001</v>
      </c>
      <c r="C1046" s="8">
        <v>2.9296766409999999</v>
      </c>
      <c r="D1046" s="8">
        <v>2.4728101530000002</v>
      </c>
    </row>
    <row r="1047" spans="1:4" x14ac:dyDescent="0.3">
      <c r="A1047" s="6">
        <v>44140</v>
      </c>
      <c r="B1047" s="8">
        <v>15.924190425000001</v>
      </c>
      <c r="C1047" s="8">
        <v>2.897362191</v>
      </c>
      <c r="D1047" s="8">
        <v>2.4612339859999999</v>
      </c>
    </row>
    <row r="1048" spans="1:4" x14ac:dyDescent="0.3">
      <c r="A1048" s="6">
        <v>44141</v>
      </c>
      <c r="B1048" s="8">
        <v>16.224180914000002</v>
      </c>
      <c r="C1048" s="8">
        <v>2.884058038</v>
      </c>
      <c r="D1048" s="8">
        <v>2.4607246730000001</v>
      </c>
    </row>
    <row r="1049" spans="1:4" x14ac:dyDescent="0.3">
      <c r="A1049" s="6">
        <v>44142</v>
      </c>
      <c r="B1049" s="8">
        <v>16.372592157</v>
      </c>
      <c r="C1049" s="8">
        <v>2.8658380409999999</v>
      </c>
      <c r="D1049" s="8">
        <v>2.4422149750000002</v>
      </c>
    </row>
    <row r="1050" spans="1:4" x14ac:dyDescent="0.3">
      <c r="A1050" s="6">
        <v>44143</v>
      </c>
      <c r="B1050" s="8">
        <v>16.372592157</v>
      </c>
      <c r="C1050" s="8">
        <v>2.895866877</v>
      </c>
      <c r="D1050" s="8">
        <v>2.4463689419999999</v>
      </c>
    </row>
    <row r="1051" spans="1:4" x14ac:dyDescent="0.3">
      <c r="A1051" s="6">
        <v>44144</v>
      </c>
      <c r="B1051" s="8">
        <v>16.372592157</v>
      </c>
      <c r="C1051" s="8">
        <v>2.8839053030000001</v>
      </c>
      <c r="D1051" s="8">
        <v>2.4442604110000001</v>
      </c>
    </row>
    <row r="1052" spans="1:4" x14ac:dyDescent="0.3">
      <c r="A1052" s="6">
        <v>44145</v>
      </c>
      <c r="B1052" s="8">
        <v>16.372592157</v>
      </c>
      <c r="C1052" s="8">
        <v>2.8533399410000002</v>
      </c>
      <c r="D1052" s="8">
        <v>2.4157998850000002</v>
      </c>
    </row>
    <row r="1053" spans="1:4" x14ac:dyDescent="0.3">
      <c r="A1053" s="6">
        <v>44146</v>
      </c>
      <c r="B1053" s="8">
        <v>16.522592156999998</v>
      </c>
      <c r="C1053" s="8">
        <v>2.8420542879999999</v>
      </c>
      <c r="D1053" s="8">
        <v>2.4462998159999998</v>
      </c>
    </row>
    <row r="1054" spans="1:4" x14ac:dyDescent="0.3">
      <c r="A1054" s="6">
        <v>44147</v>
      </c>
      <c r="B1054" s="8">
        <v>16.672592157</v>
      </c>
      <c r="C1054" s="8">
        <v>2.8452474749999999</v>
      </c>
      <c r="D1054" s="8">
        <v>2.4913065639999998</v>
      </c>
    </row>
    <row r="1055" spans="1:4" x14ac:dyDescent="0.3">
      <c r="A1055" s="6">
        <v>44148</v>
      </c>
      <c r="B1055" s="8">
        <v>16.872592157</v>
      </c>
      <c r="C1055" s="8">
        <v>2.8151255740000001</v>
      </c>
      <c r="D1055" s="8">
        <v>2.4929252659999999</v>
      </c>
    </row>
    <row r="1056" spans="1:4" x14ac:dyDescent="0.3">
      <c r="A1056" s="6">
        <v>44149</v>
      </c>
      <c r="B1056" s="8">
        <v>16.867724988999999</v>
      </c>
      <c r="C1056" s="8">
        <v>2.816030976</v>
      </c>
      <c r="D1056" s="8">
        <v>2.5264825100000001</v>
      </c>
    </row>
    <row r="1057" spans="1:4" x14ac:dyDescent="0.3">
      <c r="A1057" s="6">
        <v>44150</v>
      </c>
      <c r="B1057" s="8">
        <v>16.867724988999999</v>
      </c>
      <c r="C1057" s="8">
        <v>2.8340426459999999</v>
      </c>
      <c r="D1057" s="8">
        <v>2.551574681</v>
      </c>
    </row>
    <row r="1058" spans="1:4" x14ac:dyDescent="0.3">
      <c r="A1058" s="6">
        <v>44151</v>
      </c>
      <c r="B1058" s="8">
        <v>16.867724988999999</v>
      </c>
      <c r="C1058" s="8">
        <v>2.826838956</v>
      </c>
      <c r="D1058" s="8">
        <v>2.5615909700000001</v>
      </c>
    </row>
    <row r="1059" spans="1:4" x14ac:dyDescent="0.3">
      <c r="A1059" s="6">
        <v>44152</v>
      </c>
      <c r="B1059" s="8">
        <v>17.017724989000001</v>
      </c>
      <c r="C1059" s="8">
        <v>2.8413114670000001</v>
      </c>
      <c r="D1059" s="8">
        <v>2.5327791510000002</v>
      </c>
    </row>
    <row r="1060" spans="1:4" x14ac:dyDescent="0.3">
      <c r="A1060" s="6">
        <v>44153</v>
      </c>
      <c r="B1060" s="8">
        <v>17.017724989000001</v>
      </c>
      <c r="C1060" s="8">
        <v>2.7899644690000001</v>
      </c>
      <c r="D1060" s="8">
        <v>2.5284491629999999</v>
      </c>
    </row>
    <row r="1061" spans="1:4" x14ac:dyDescent="0.3">
      <c r="A1061" s="6">
        <v>44154</v>
      </c>
      <c r="B1061" s="8">
        <v>17.017724989000001</v>
      </c>
      <c r="C1061" s="8">
        <v>2.803971652</v>
      </c>
      <c r="D1061" s="8">
        <v>2.525509257</v>
      </c>
    </row>
    <row r="1062" spans="1:4" x14ac:dyDescent="0.3">
      <c r="A1062" s="6">
        <v>44155</v>
      </c>
      <c r="B1062" s="8">
        <v>17.217724989000001</v>
      </c>
      <c r="C1062" s="8">
        <v>2.8018817490000001</v>
      </c>
      <c r="D1062" s="8">
        <v>2.507170672</v>
      </c>
    </row>
    <row r="1063" spans="1:4" x14ac:dyDescent="0.3">
      <c r="A1063" s="6">
        <v>44156</v>
      </c>
      <c r="B1063" s="8">
        <v>17.587724989000002</v>
      </c>
      <c r="C1063" s="8">
        <v>2.815683135</v>
      </c>
      <c r="D1063" s="8">
        <v>2.523850758</v>
      </c>
    </row>
    <row r="1064" spans="1:4" x14ac:dyDescent="0.3">
      <c r="A1064" s="6">
        <v>44157</v>
      </c>
      <c r="B1064" s="8">
        <v>17.587724989000002</v>
      </c>
      <c r="C1064" s="8">
        <v>2.8518647989999999</v>
      </c>
      <c r="D1064" s="8">
        <v>2.5415928810000001</v>
      </c>
    </row>
    <row r="1065" spans="1:4" x14ac:dyDescent="0.3">
      <c r="A1065" s="6">
        <v>44158</v>
      </c>
      <c r="B1065" s="8">
        <v>17.587724989000002</v>
      </c>
      <c r="C1065" s="8">
        <v>2.887621126</v>
      </c>
      <c r="D1065" s="8">
        <v>2.5699296330000001</v>
      </c>
    </row>
    <row r="1066" spans="1:4" x14ac:dyDescent="0.3">
      <c r="A1066" s="6">
        <v>44159</v>
      </c>
      <c r="B1066" s="8">
        <v>17.787724989000001</v>
      </c>
      <c r="C1066" s="8">
        <v>2.8773458810000001</v>
      </c>
      <c r="D1066" s="8">
        <v>2.5401939439999999</v>
      </c>
    </row>
    <row r="1067" spans="1:4" x14ac:dyDescent="0.3">
      <c r="A1067" s="6">
        <v>44160</v>
      </c>
      <c r="B1067" s="8">
        <v>17.987724989</v>
      </c>
      <c r="C1067" s="8">
        <v>2.864825051</v>
      </c>
      <c r="D1067" s="8">
        <v>2.5759742910000001</v>
      </c>
    </row>
    <row r="1068" spans="1:4" x14ac:dyDescent="0.3">
      <c r="A1068" s="6">
        <v>44161</v>
      </c>
      <c r="B1068" s="8">
        <v>17.987724989</v>
      </c>
      <c r="C1068" s="8">
        <v>2.8807453500000002</v>
      </c>
      <c r="D1068" s="8">
        <v>2.5677174950000001</v>
      </c>
    </row>
    <row r="1069" spans="1:4" x14ac:dyDescent="0.3">
      <c r="A1069" s="6">
        <v>44162</v>
      </c>
      <c r="B1069" s="8">
        <v>17.987724989</v>
      </c>
      <c r="C1069" s="8">
        <v>2.9007473639999999</v>
      </c>
      <c r="D1069" s="8">
        <v>2.5277794610000002</v>
      </c>
    </row>
    <row r="1070" spans="1:4" x14ac:dyDescent="0.3">
      <c r="A1070" s="6">
        <v>44163</v>
      </c>
      <c r="B1070" s="8">
        <v>17.987724989</v>
      </c>
      <c r="C1070" s="8">
        <v>2.9111029240000001</v>
      </c>
      <c r="D1070" s="8">
        <v>2.505410838</v>
      </c>
    </row>
    <row r="1071" spans="1:4" x14ac:dyDescent="0.3">
      <c r="A1071" s="6">
        <v>44164</v>
      </c>
      <c r="B1071" s="8">
        <v>17.987724989</v>
      </c>
      <c r="C1071" s="8">
        <v>2.9785179149999998</v>
      </c>
      <c r="D1071" s="8">
        <v>2.5835385450000001</v>
      </c>
    </row>
    <row r="1072" spans="1:4" x14ac:dyDescent="0.3">
      <c r="A1072" s="6">
        <v>44165</v>
      </c>
      <c r="B1072" s="8">
        <v>17.987724989</v>
      </c>
      <c r="C1072" s="8">
        <v>2.9747347959999999</v>
      </c>
      <c r="D1072" s="8">
        <v>2.6050886389999999</v>
      </c>
    </row>
    <row r="1073" spans="1:4" x14ac:dyDescent="0.3">
      <c r="A1073" s="6">
        <v>44166</v>
      </c>
      <c r="B1073" s="8">
        <v>18.387724988999999</v>
      </c>
      <c r="C1073" s="8">
        <v>2.9727009249999998</v>
      </c>
      <c r="D1073" s="8">
        <v>2.640480771</v>
      </c>
    </row>
    <row r="1074" spans="1:4" x14ac:dyDescent="0.3">
      <c r="A1074" s="6">
        <v>44167</v>
      </c>
      <c r="B1074" s="8">
        <v>18.587724989000002</v>
      </c>
      <c r="C1074" s="8">
        <v>2.9840408119999999</v>
      </c>
      <c r="D1074" s="8">
        <v>2.621273848</v>
      </c>
    </row>
    <row r="1075" spans="1:4" x14ac:dyDescent="0.3">
      <c r="A1075" s="6">
        <v>44168</v>
      </c>
      <c r="B1075" s="8">
        <v>18.587724989000002</v>
      </c>
      <c r="C1075" s="8">
        <v>2.9726061220000002</v>
      </c>
      <c r="D1075" s="8">
        <v>2.6903214979999999</v>
      </c>
    </row>
    <row r="1076" spans="1:4" x14ac:dyDescent="0.3">
      <c r="A1076" s="6">
        <v>44169</v>
      </c>
      <c r="B1076" s="8">
        <v>18.587724989000002</v>
      </c>
      <c r="C1076" s="8">
        <v>2.978729977</v>
      </c>
      <c r="D1076" s="8">
        <v>2.78544328</v>
      </c>
    </row>
    <row r="1077" spans="1:4" x14ac:dyDescent="0.3">
      <c r="A1077" s="6">
        <v>44170</v>
      </c>
      <c r="B1077" s="8">
        <v>18.737724989</v>
      </c>
      <c r="C1077" s="8">
        <v>3.026963539</v>
      </c>
      <c r="D1077" s="8">
        <v>2.7944790749999999</v>
      </c>
    </row>
    <row r="1078" spans="1:4" x14ac:dyDescent="0.3">
      <c r="A1078" s="6">
        <v>44171</v>
      </c>
      <c r="B1078" s="8">
        <v>18.737724989</v>
      </c>
      <c r="C1078" s="8">
        <v>3.0506595019999998</v>
      </c>
      <c r="D1078" s="8">
        <v>2.8004183060000001</v>
      </c>
    </row>
    <row r="1079" spans="1:4" x14ac:dyDescent="0.3">
      <c r="A1079" s="6">
        <v>44172</v>
      </c>
      <c r="B1079" s="8">
        <v>18.737724989</v>
      </c>
      <c r="C1079" s="8">
        <v>3.0852489740000002</v>
      </c>
      <c r="D1079" s="8">
        <v>2.8131959069999999</v>
      </c>
    </row>
    <row r="1080" spans="1:4" x14ac:dyDescent="0.3">
      <c r="A1080" s="6">
        <v>44173</v>
      </c>
      <c r="B1080" s="8">
        <v>18.737724989</v>
      </c>
      <c r="C1080" s="8">
        <v>3.0697196670000002</v>
      </c>
      <c r="D1080" s="8">
        <v>2.7597334080000002</v>
      </c>
    </row>
    <row r="1081" spans="1:4" x14ac:dyDescent="0.3">
      <c r="A1081" s="6">
        <v>44174</v>
      </c>
      <c r="B1081" s="8">
        <v>18.737724989</v>
      </c>
      <c r="C1081" s="8">
        <v>3.0835262970000001</v>
      </c>
      <c r="D1081" s="8">
        <v>2.7391310849999999</v>
      </c>
    </row>
    <row r="1082" spans="1:4" x14ac:dyDescent="0.3">
      <c r="A1082" s="6">
        <v>44175</v>
      </c>
      <c r="B1082" s="8">
        <v>18.737724989</v>
      </c>
      <c r="C1082" s="8">
        <v>3.0910667809999999</v>
      </c>
      <c r="D1082" s="8">
        <v>2.7292124449999999</v>
      </c>
    </row>
    <row r="1083" spans="1:4" x14ac:dyDescent="0.3">
      <c r="A1083" s="6">
        <v>44176</v>
      </c>
      <c r="B1083" s="8">
        <v>18.887711955</v>
      </c>
      <c r="C1083" s="8">
        <v>3.0925725449999999</v>
      </c>
      <c r="D1083" s="8">
        <v>2.7319134969999999</v>
      </c>
    </row>
    <row r="1084" spans="1:4" x14ac:dyDescent="0.3">
      <c r="A1084" s="6">
        <v>44177</v>
      </c>
      <c r="B1084" s="8">
        <v>18.887511915000001</v>
      </c>
      <c r="C1084" s="8">
        <v>3.1469859210000002</v>
      </c>
      <c r="D1084" s="8">
        <v>2.7235966610000002</v>
      </c>
    </row>
    <row r="1085" spans="1:4" x14ac:dyDescent="0.3">
      <c r="A1085" s="6">
        <v>44178</v>
      </c>
      <c r="B1085" s="8">
        <v>18.887511915000001</v>
      </c>
      <c r="C1085" s="8">
        <v>3.2240481729999999</v>
      </c>
      <c r="D1085" s="8">
        <v>2.769424807</v>
      </c>
    </row>
    <row r="1086" spans="1:4" x14ac:dyDescent="0.3">
      <c r="A1086" s="6">
        <v>44179</v>
      </c>
      <c r="B1086" s="8">
        <v>18.887511915000001</v>
      </c>
      <c r="C1086" s="8">
        <v>3.2682752829999999</v>
      </c>
      <c r="D1086" s="8">
        <v>2.7779451160000002</v>
      </c>
    </row>
    <row r="1087" spans="1:4" x14ac:dyDescent="0.3">
      <c r="A1087" s="6">
        <v>44180</v>
      </c>
      <c r="B1087" s="8">
        <v>18.887511915000001</v>
      </c>
      <c r="C1087" s="8">
        <v>3.2836364370000002</v>
      </c>
      <c r="D1087" s="8">
        <v>2.8300409040000001</v>
      </c>
    </row>
    <row r="1088" spans="1:4" x14ac:dyDescent="0.3">
      <c r="A1088" s="6">
        <v>44181</v>
      </c>
      <c r="B1088" s="8">
        <v>19.087511915</v>
      </c>
      <c r="C1088" s="8">
        <v>3.2865810870000001</v>
      </c>
      <c r="D1088" s="8">
        <v>2.8555798029999999</v>
      </c>
    </row>
    <row r="1089" spans="1:4" x14ac:dyDescent="0.3">
      <c r="A1089" s="6">
        <v>44182</v>
      </c>
      <c r="B1089" s="8">
        <v>19.087511915</v>
      </c>
      <c r="C1089" s="8">
        <v>3.3134387470000002</v>
      </c>
      <c r="D1089" s="8">
        <v>2.9625108240000002</v>
      </c>
    </row>
    <row r="1090" spans="1:4" x14ac:dyDescent="0.3">
      <c r="A1090" s="6">
        <v>44183</v>
      </c>
      <c r="B1090" s="8">
        <v>19.087511915</v>
      </c>
      <c r="C1090" s="8">
        <v>3.2889667380000001</v>
      </c>
      <c r="D1090" s="8">
        <v>3.012827267</v>
      </c>
    </row>
    <row r="1091" spans="1:4" x14ac:dyDescent="0.3">
      <c r="A1091" s="6">
        <v>44184</v>
      </c>
      <c r="B1091" s="8">
        <v>19.287511915</v>
      </c>
      <c r="C1091" s="8">
        <v>3.298370829</v>
      </c>
      <c r="D1091" s="8">
        <v>3.0615188940000002</v>
      </c>
    </row>
    <row r="1092" spans="1:4" x14ac:dyDescent="0.3">
      <c r="A1092" s="6">
        <v>44185</v>
      </c>
      <c r="B1092" s="8">
        <v>19.287511915</v>
      </c>
      <c r="C1092" s="8">
        <v>3.3845643710000002</v>
      </c>
      <c r="D1092" s="8">
        <v>3.1173997299999998</v>
      </c>
    </row>
    <row r="1093" spans="1:4" x14ac:dyDescent="0.3">
      <c r="A1093" s="6">
        <v>44186</v>
      </c>
      <c r="B1093" s="8">
        <v>19.287511915</v>
      </c>
      <c r="C1093" s="8">
        <v>3.3642888599999998</v>
      </c>
      <c r="D1093" s="8">
        <v>3.1312633019999998</v>
      </c>
    </row>
    <row r="1094" spans="1:4" x14ac:dyDescent="0.3">
      <c r="A1094" s="6">
        <v>44187</v>
      </c>
      <c r="B1094" s="8">
        <v>19.437511915000002</v>
      </c>
      <c r="C1094" s="8">
        <v>3.3627306190000001</v>
      </c>
      <c r="D1094" s="8">
        <v>3.1097047309999999</v>
      </c>
    </row>
    <row r="1095" spans="1:4" x14ac:dyDescent="0.3">
      <c r="A1095" s="6">
        <v>44188</v>
      </c>
      <c r="B1095" s="8">
        <v>19.437511915000002</v>
      </c>
      <c r="C1095" s="8">
        <v>3.3809412750000001</v>
      </c>
      <c r="D1095" s="8">
        <v>3.0711761169999998</v>
      </c>
    </row>
    <row r="1096" spans="1:4" x14ac:dyDescent="0.3">
      <c r="A1096" s="6">
        <v>44189</v>
      </c>
      <c r="B1096" s="8">
        <v>19.637511915000001</v>
      </c>
      <c r="C1096" s="8">
        <v>3.448424019</v>
      </c>
      <c r="D1096" s="8">
        <v>3.053252504</v>
      </c>
    </row>
    <row r="1097" spans="1:4" x14ac:dyDescent="0.3">
      <c r="A1097" s="6">
        <v>44190</v>
      </c>
      <c r="B1097" s="8">
        <v>19.837511915</v>
      </c>
      <c r="C1097" s="8">
        <v>3.5521369859999998</v>
      </c>
      <c r="D1097" s="8">
        <v>3.053116288</v>
      </c>
    </row>
    <row r="1098" spans="1:4" x14ac:dyDescent="0.3">
      <c r="A1098" s="6">
        <v>44191</v>
      </c>
      <c r="B1098" s="8">
        <v>19.837511915</v>
      </c>
      <c r="C1098" s="8">
        <v>3.5511767029999999</v>
      </c>
      <c r="D1098" s="8">
        <v>3.088838124</v>
      </c>
    </row>
    <row r="1099" spans="1:4" x14ac:dyDescent="0.3">
      <c r="A1099" s="6">
        <v>44192</v>
      </c>
      <c r="B1099" s="8">
        <v>19.837511915</v>
      </c>
      <c r="C1099" s="8">
        <v>3.5622111749999998</v>
      </c>
      <c r="D1099" s="8">
        <v>3.1016761769999999</v>
      </c>
    </row>
    <row r="1100" spans="1:4" x14ac:dyDescent="0.3">
      <c r="A1100" s="6">
        <v>44193</v>
      </c>
      <c r="B1100" s="8">
        <v>19.837511915</v>
      </c>
      <c r="C1100" s="8">
        <v>3.622466443</v>
      </c>
      <c r="D1100" s="8">
        <v>3.074275761</v>
      </c>
    </row>
    <row r="1101" spans="1:4" x14ac:dyDescent="0.3">
      <c r="A1101" s="6">
        <v>44194</v>
      </c>
      <c r="B1101" s="8">
        <v>20.037511915</v>
      </c>
      <c r="C1101" s="8">
        <v>3.6719157309999999</v>
      </c>
      <c r="D1101" s="8">
        <v>3.0723926179999999</v>
      </c>
    </row>
    <row r="1102" spans="1:4" x14ac:dyDescent="0.3">
      <c r="A1102" s="6">
        <v>44195</v>
      </c>
      <c r="B1102" s="8">
        <v>20.037511915</v>
      </c>
      <c r="C1102" s="8">
        <v>3.7162253289999998</v>
      </c>
      <c r="D1102" s="8">
        <v>3.0832412119999999</v>
      </c>
    </row>
    <row r="1103" spans="1:4" x14ac:dyDescent="0.3">
      <c r="A1103" s="6">
        <v>44196</v>
      </c>
      <c r="B1103" s="8">
        <v>20.037511915</v>
      </c>
      <c r="C1103" s="8">
        <v>3.7064298670000002</v>
      </c>
      <c r="D1103" s="8">
        <v>3.2772235250000001</v>
      </c>
    </row>
    <row r="1104" spans="1:4" x14ac:dyDescent="0.3">
      <c r="A1104" s="6">
        <v>44197</v>
      </c>
      <c r="B1104" s="8">
        <v>20.037511915</v>
      </c>
      <c r="C1104" s="8">
        <v>3.9129045420000002</v>
      </c>
      <c r="D1104" s="8">
        <v>3.4163617240000002</v>
      </c>
    </row>
    <row r="1105" spans="1:4" x14ac:dyDescent="0.3">
      <c r="A1105" s="6">
        <v>44198</v>
      </c>
      <c r="B1105" s="8">
        <v>20.537511915</v>
      </c>
      <c r="C1105" s="8">
        <v>4.1080624329999997</v>
      </c>
      <c r="D1105" s="8">
        <v>3.5755417</v>
      </c>
    </row>
    <row r="1106" spans="1:4" x14ac:dyDescent="0.3">
      <c r="A1106" s="6">
        <v>44199</v>
      </c>
      <c r="B1106" s="8">
        <v>21.337511915</v>
      </c>
      <c r="C1106" s="8">
        <v>4.1771137410000003</v>
      </c>
      <c r="D1106" s="8">
        <v>3.638001418</v>
      </c>
    </row>
    <row r="1107" spans="1:4" x14ac:dyDescent="0.3">
      <c r="A1107" s="6">
        <v>44200</v>
      </c>
      <c r="B1107" s="8">
        <v>21.337511915</v>
      </c>
      <c r="C1107" s="8">
        <v>4.3183398410000002</v>
      </c>
      <c r="D1107" s="8">
        <v>3.7712462000000002</v>
      </c>
    </row>
    <row r="1108" spans="1:4" x14ac:dyDescent="0.3">
      <c r="A1108" s="6">
        <v>44201</v>
      </c>
      <c r="B1108" s="8">
        <v>21.337511915</v>
      </c>
      <c r="C1108" s="8">
        <v>4.3580202909999999</v>
      </c>
      <c r="D1108" s="8">
        <v>3.7158334669999999</v>
      </c>
    </row>
    <row r="1109" spans="1:4" x14ac:dyDescent="0.3">
      <c r="A1109" s="6">
        <v>44202</v>
      </c>
      <c r="B1109" s="8">
        <v>21.937511915000002</v>
      </c>
      <c r="C1109" s="8">
        <v>4.2787502120000003</v>
      </c>
      <c r="D1109" s="8">
        <v>3.8077887600000002</v>
      </c>
    </row>
    <row r="1110" spans="1:4" x14ac:dyDescent="0.3">
      <c r="A1110" s="6">
        <v>44203</v>
      </c>
      <c r="B1110" s="8">
        <v>22.635815112</v>
      </c>
      <c r="C1110" s="8">
        <v>4.4499044909999999</v>
      </c>
      <c r="D1110" s="8">
        <v>3.8466013910000001</v>
      </c>
    </row>
    <row r="1111" spans="1:4" x14ac:dyDescent="0.3">
      <c r="A1111" s="6">
        <v>44204</v>
      </c>
      <c r="B1111" s="8">
        <v>22.635815112</v>
      </c>
      <c r="C1111" s="8">
        <v>4.5779105580000001</v>
      </c>
      <c r="D1111" s="8">
        <v>3.94735265</v>
      </c>
    </row>
    <row r="1112" spans="1:4" x14ac:dyDescent="0.3">
      <c r="A1112" s="6">
        <v>44205</v>
      </c>
      <c r="B1112" s="8">
        <v>23.335815111999999</v>
      </c>
      <c r="C1112" s="8">
        <v>4.6614387400000004</v>
      </c>
      <c r="D1112" s="8">
        <v>3.9933311960000002</v>
      </c>
    </row>
    <row r="1113" spans="1:4" x14ac:dyDescent="0.3">
      <c r="A1113" s="6">
        <v>44206</v>
      </c>
      <c r="B1113" s="8">
        <v>23.335815111999999</v>
      </c>
      <c r="C1113" s="8">
        <v>4.7976599310000001</v>
      </c>
      <c r="D1113" s="8">
        <v>4.0919527689999997</v>
      </c>
    </row>
    <row r="1114" spans="1:4" x14ac:dyDescent="0.3">
      <c r="A1114" s="6">
        <v>44207</v>
      </c>
      <c r="B1114" s="8">
        <v>23.335781472000001</v>
      </c>
      <c r="C1114" s="8">
        <v>4.7394276179999997</v>
      </c>
      <c r="D1114" s="8">
        <v>4.1282445210000001</v>
      </c>
    </row>
    <row r="1115" spans="1:4" x14ac:dyDescent="0.3">
      <c r="A1115" s="6">
        <v>44208</v>
      </c>
      <c r="B1115" s="8">
        <v>23.335292613</v>
      </c>
      <c r="C1115" s="8">
        <v>4.7632266809999999</v>
      </c>
      <c r="D1115" s="8">
        <v>3.9482552989999999</v>
      </c>
    </row>
    <row r="1116" spans="1:4" x14ac:dyDescent="0.3">
      <c r="A1116" s="6">
        <v>44209</v>
      </c>
      <c r="B1116" s="8">
        <v>23.735292612999999</v>
      </c>
      <c r="C1116" s="8">
        <v>4.7530234609999997</v>
      </c>
      <c r="D1116" s="8">
        <v>3.9956301170000001</v>
      </c>
    </row>
    <row r="1117" spans="1:4" x14ac:dyDescent="0.3">
      <c r="A1117" s="6">
        <v>44210</v>
      </c>
      <c r="B1117" s="8">
        <v>23.735292612999999</v>
      </c>
      <c r="C1117" s="8">
        <v>4.7834488989999997</v>
      </c>
      <c r="D1117" s="8">
        <v>4.0217115159999999</v>
      </c>
    </row>
    <row r="1118" spans="1:4" x14ac:dyDescent="0.3">
      <c r="A1118" s="6">
        <v>44211</v>
      </c>
      <c r="B1118" s="8">
        <v>23.735292612999999</v>
      </c>
      <c r="C1118" s="8">
        <v>4.8298300359999997</v>
      </c>
      <c r="D1118" s="8">
        <v>4.0990748989999997</v>
      </c>
    </row>
    <row r="1119" spans="1:4" x14ac:dyDescent="0.3">
      <c r="A1119" s="6">
        <v>44212</v>
      </c>
      <c r="B1119" s="8">
        <v>23.735292612999999</v>
      </c>
      <c r="C1119" s="8">
        <v>4.9870468590000003</v>
      </c>
      <c r="D1119" s="8">
        <v>4.0411488469999997</v>
      </c>
    </row>
    <row r="1120" spans="1:4" x14ac:dyDescent="0.3">
      <c r="A1120" s="6">
        <v>44213</v>
      </c>
      <c r="B1120" s="8">
        <v>23.735292612999999</v>
      </c>
      <c r="C1120" s="8">
        <v>5.0775676440000002</v>
      </c>
      <c r="D1120" s="8">
        <v>4.1502290679999998</v>
      </c>
    </row>
    <row r="1121" spans="1:4" x14ac:dyDescent="0.3">
      <c r="A1121" s="6">
        <v>44214</v>
      </c>
      <c r="B1121" s="8">
        <v>23.735292612999999</v>
      </c>
      <c r="C1121" s="8">
        <v>5.0826658370000004</v>
      </c>
      <c r="D1121" s="8">
        <v>4.2404436260000002</v>
      </c>
    </row>
    <row r="1122" spans="1:4" x14ac:dyDescent="0.3">
      <c r="A1122" s="6">
        <v>44215</v>
      </c>
      <c r="B1122" s="8">
        <v>24.135292613000001</v>
      </c>
      <c r="C1122" s="8">
        <v>5.1356366690000002</v>
      </c>
      <c r="D1122" s="8">
        <v>4.2715103880000003</v>
      </c>
    </row>
    <row r="1123" spans="1:4" x14ac:dyDescent="0.3">
      <c r="A1123" s="6">
        <v>44216</v>
      </c>
      <c r="B1123" s="8">
        <v>24.135292613000001</v>
      </c>
      <c r="C1123" s="8">
        <v>5.2251821280000001</v>
      </c>
      <c r="D1123" s="8">
        <v>4.3253901629999998</v>
      </c>
    </row>
    <row r="1124" spans="1:4" x14ac:dyDescent="0.3">
      <c r="A1124" s="6">
        <v>44217</v>
      </c>
      <c r="B1124" s="8">
        <v>24.135292613000001</v>
      </c>
      <c r="C1124" s="8">
        <v>5.352905443</v>
      </c>
      <c r="D1124" s="8">
        <v>4.3208651700000003</v>
      </c>
    </row>
    <row r="1125" spans="1:4" x14ac:dyDescent="0.3">
      <c r="A1125" s="6">
        <v>44218</v>
      </c>
      <c r="B1125" s="8">
        <v>24.134292613</v>
      </c>
      <c r="C1125" s="8">
        <v>5.4122257449999998</v>
      </c>
      <c r="D1125" s="8">
        <v>4.2516871590000003</v>
      </c>
    </row>
    <row r="1126" spans="1:4" x14ac:dyDescent="0.3">
      <c r="A1126" s="6">
        <v>44219</v>
      </c>
      <c r="B1126" s="8">
        <v>24.114508570999998</v>
      </c>
      <c r="C1126" s="8">
        <v>5.5248370319999998</v>
      </c>
      <c r="D1126" s="8">
        <v>4.4120066260000002</v>
      </c>
    </row>
    <row r="1127" spans="1:4" x14ac:dyDescent="0.3">
      <c r="A1127" s="6">
        <v>44220</v>
      </c>
      <c r="B1127" s="8">
        <v>24.114508570999998</v>
      </c>
      <c r="C1127" s="8">
        <v>5.5931825589999997</v>
      </c>
      <c r="D1127" s="8">
        <v>4.4526856859999997</v>
      </c>
    </row>
    <row r="1128" spans="1:4" x14ac:dyDescent="0.3">
      <c r="A1128" s="6">
        <v>44221</v>
      </c>
      <c r="B1128" s="8">
        <v>24.114508570999998</v>
      </c>
      <c r="C1128" s="8">
        <v>5.5900090660000004</v>
      </c>
      <c r="D1128" s="8">
        <v>4.5805886899999999</v>
      </c>
    </row>
    <row r="1129" spans="1:4" x14ac:dyDescent="0.3">
      <c r="A1129" s="6">
        <v>44222</v>
      </c>
      <c r="B1129" s="8">
        <v>24.114487168</v>
      </c>
      <c r="C1129" s="8">
        <v>5.4736432180000003</v>
      </c>
      <c r="D1129" s="8">
        <v>4.6199186589999996</v>
      </c>
    </row>
    <row r="1130" spans="1:4" x14ac:dyDescent="0.3">
      <c r="A1130" s="6">
        <v>44223</v>
      </c>
      <c r="B1130" s="8">
        <v>24.514487167999999</v>
      </c>
      <c r="C1130" s="8">
        <v>5.4508429219999996</v>
      </c>
      <c r="D1130" s="8">
        <v>4.6875930590000001</v>
      </c>
    </row>
    <row r="1131" spans="1:4" x14ac:dyDescent="0.3">
      <c r="A1131" s="6">
        <v>44224</v>
      </c>
      <c r="B1131" s="8">
        <v>24.914487168000001</v>
      </c>
      <c r="C1131" s="8">
        <v>5.5789129969999998</v>
      </c>
      <c r="D1131" s="8">
        <v>4.8614312430000002</v>
      </c>
    </row>
    <row r="1132" spans="1:4" x14ac:dyDescent="0.3">
      <c r="A1132" s="6">
        <v>44225</v>
      </c>
      <c r="B1132" s="8">
        <v>25.414487168000001</v>
      </c>
      <c r="C1132" s="8">
        <v>5.7643610089999999</v>
      </c>
      <c r="D1132" s="8">
        <v>4.9533068460000003</v>
      </c>
    </row>
    <row r="1133" spans="1:4" x14ac:dyDescent="0.3">
      <c r="A1133" s="6">
        <v>44226</v>
      </c>
      <c r="B1133" s="8">
        <v>25.812442492999999</v>
      </c>
      <c r="C1133" s="8">
        <v>5.8469534230000004</v>
      </c>
      <c r="D1133" s="8">
        <v>5.0482512740000001</v>
      </c>
    </row>
    <row r="1134" spans="1:4" x14ac:dyDescent="0.3">
      <c r="A1134" s="6">
        <v>44227</v>
      </c>
      <c r="B1134" s="8">
        <v>25.812442492999999</v>
      </c>
      <c r="C1134" s="8">
        <v>5.8594225209999999</v>
      </c>
      <c r="D1134" s="8">
        <v>5.0900742970000001</v>
      </c>
    </row>
    <row r="1135" spans="1:4" x14ac:dyDescent="0.3">
      <c r="A1135" s="6">
        <v>44228</v>
      </c>
      <c r="B1135" s="8">
        <v>26.162355430000002</v>
      </c>
      <c r="C1135" s="8">
        <v>5.9101759449999998</v>
      </c>
      <c r="D1135" s="8">
        <v>5.0892098030000001</v>
      </c>
    </row>
    <row r="1136" spans="1:4" x14ac:dyDescent="0.3">
      <c r="A1136" s="6">
        <v>44229</v>
      </c>
      <c r="B1136" s="8">
        <v>26.162355430000002</v>
      </c>
      <c r="C1136" s="8">
        <v>5.9735952809999997</v>
      </c>
      <c r="D1136" s="8">
        <v>5.0370163139999997</v>
      </c>
    </row>
    <row r="1137" spans="1:4" x14ac:dyDescent="0.3">
      <c r="A1137" s="6">
        <v>44230</v>
      </c>
      <c r="B1137" s="8">
        <v>24.56235543</v>
      </c>
      <c r="C1137" s="8">
        <v>6.0008430930000003</v>
      </c>
      <c r="D1137" s="8">
        <v>5.0826014109999997</v>
      </c>
    </row>
    <row r="1138" spans="1:4" x14ac:dyDescent="0.3">
      <c r="A1138" s="6">
        <v>44231</v>
      </c>
      <c r="B1138" s="8">
        <v>26.962355429999999</v>
      </c>
      <c r="C1138" s="8">
        <v>6.1478027830000004</v>
      </c>
      <c r="D1138" s="8">
        <v>5.1343852139999999</v>
      </c>
    </row>
    <row r="1139" spans="1:4" x14ac:dyDescent="0.3">
      <c r="A1139" s="6">
        <v>44232</v>
      </c>
      <c r="B1139" s="8">
        <v>27.31235543</v>
      </c>
      <c r="C1139" s="8">
        <v>6.2676910399999999</v>
      </c>
      <c r="D1139" s="8">
        <v>5.1992379839999998</v>
      </c>
    </row>
    <row r="1140" spans="1:4" x14ac:dyDescent="0.3">
      <c r="A1140" s="6">
        <v>44233</v>
      </c>
      <c r="B1140" s="8">
        <v>28.212355429999999</v>
      </c>
      <c r="C1140" s="8">
        <v>6.357013405</v>
      </c>
      <c r="D1140" s="8">
        <v>5.3417094790000004</v>
      </c>
    </row>
    <row r="1141" spans="1:4" x14ac:dyDescent="0.3">
      <c r="A1141" s="6">
        <v>44234</v>
      </c>
      <c r="B1141" s="8">
        <v>28.212355429999999</v>
      </c>
      <c r="C1141" s="8">
        <v>6.4740656100000002</v>
      </c>
      <c r="D1141" s="8">
        <v>5.412730399</v>
      </c>
    </row>
    <row r="1142" spans="1:4" x14ac:dyDescent="0.3">
      <c r="A1142" s="6">
        <v>44235</v>
      </c>
      <c r="B1142" s="8">
        <v>29.612355430000001</v>
      </c>
      <c r="C1142" s="8">
        <v>6.553273763</v>
      </c>
      <c r="D1142" s="8">
        <v>5.4034043470000004</v>
      </c>
    </row>
    <row r="1143" spans="1:4" x14ac:dyDescent="0.3">
      <c r="A1143" s="6">
        <v>44236</v>
      </c>
      <c r="B1143" s="8">
        <v>29.612355430000001</v>
      </c>
      <c r="C1143" s="8">
        <v>6.5180008230000004</v>
      </c>
      <c r="D1143" s="8">
        <v>5.5944541210000001</v>
      </c>
    </row>
    <row r="1144" spans="1:4" x14ac:dyDescent="0.3">
      <c r="A1144" s="6">
        <v>44237</v>
      </c>
      <c r="B1144" s="8">
        <v>30.612355430000001</v>
      </c>
      <c r="C1144" s="8">
        <v>6.7456578890000003</v>
      </c>
      <c r="D1144" s="8">
        <v>5.840360403</v>
      </c>
    </row>
    <row r="1145" spans="1:4" x14ac:dyDescent="0.3">
      <c r="A1145" s="6">
        <v>44238</v>
      </c>
      <c r="B1145" s="8">
        <v>30.712355429999999</v>
      </c>
      <c r="C1145" s="8">
        <v>6.8297457399999999</v>
      </c>
      <c r="D1145" s="8">
        <v>5.9575885890000002</v>
      </c>
    </row>
    <row r="1146" spans="1:4" x14ac:dyDescent="0.3">
      <c r="A1146" s="6">
        <v>44239</v>
      </c>
      <c r="B1146" s="8">
        <v>30.712355429999999</v>
      </c>
      <c r="C1146" s="8">
        <v>7.0034773120000002</v>
      </c>
      <c r="D1146" s="8">
        <v>6.0362502320000004</v>
      </c>
    </row>
    <row r="1147" spans="1:4" x14ac:dyDescent="0.3">
      <c r="A1147" s="6">
        <v>44240</v>
      </c>
      <c r="B1147" s="8">
        <v>31.712355429999999</v>
      </c>
      <c r="C1147" s="8">
        <v>7.1012338240000004</v>
      </c>
      <c r="D1147" s="8">
        <v>6.0959363780000002</v>
      </c>
    </row>
    <row r="1148" spans="1:4" x14ac:dyDescent="0.3">
      <c r="A1148" s="6">
        <v>44241</v>
      </c>
      <c r="B1148" s="8">
        <v>31.712355429999999</v>
      </c>
      <c r="C1148" s="8">
        <v>7.3438186009999997</v>
      </c>
      <c r="D1148" s="8">
        <v>6.2741818939999998</v>
      </c>
    </row>
    <row r="1149" spans="1:4" x14ac:dyDescent="0.3">
      <c r="A1149" s="6">
        <v>44242</v>
      </c>
      <c r="B1149" s="8">
        <v>31.712355429999999</v>
      </c>
      <c r="C1149" s="8">
        <v>7.4867717220000003</v>
      </c>
      <c r="D1149" s="8">
        <v>6.2820501020000004</v>
      </c>
    </row>
    <row r="1150" spans="1:4" x14ac:dyDescent="0.3">
      <c r="A1150" s="6">
        <v>44243</v>
      </c>
      <c r="B1150" s="8">
        <v>32.112355430000001</v>
      </c>
      <c r="C1150" s="8">
        <v>7.4431190840000001</v>
      </c>
      <c r="D1150" s="8">
        <v>6.2337093320000001</v>
      </c>
    </row>
    <row r="1151" spans="1:4" x14ac:dyDescent="0.3">
      <c r="A1151" s="6">
        <v>44244</v>
      </c>
      <c r="B1151" s="8">
        <v>33.112355430000001</v>
      </c>
      <c r="C1151" s="8">
        <v>7.2562204799999996</v>
      </c>
      <c r="D1151" s="8">
        <v>6.2625981980000001</v>
      </c>
    </row>
    <row r="1152" spans="1:4" x14ac:dyDescent="0.3">
      <c r="A1152" s="6">
        <v>44245</v>
      </c>
      <c r="B1152" s="8">
        <v>33.112355430000001</v>
      </c>
      <c r="C1152" s="8">
        <v>7.2947886999999998</v>
      </c>
      <c r="D1152" s="8">
        <v>6.4106182860000001</v>
      </c>
    </row>
    <row r="1153" spans="1:4" x14ac:dyDescent="0.3">
      <c r="A1153" s="6">
        <v>44246</v>
      </c>
      <c r="B1153" s="8">
        <v>33.51235543</v>
      </c>
      <c r="C1153" s="8">
        <v>7.3880307470000002</v>
      </c>
      <c r="D1153" s="8">
        <v>6.5588500930000002</v>
      </c>
    </row>
    <row r="1154" spans="1:4" x14ac:dyDescent="0.3">
      <c r="A1154" s="6">
        <v>44247</v>
      </c>
      <c r="B1154" s="8">
        <v>34.312355429999997</v>
      </c>
      <c r="C1154" s="8">
        <v>7.6450319440000003</v>
      </c>
      <c r="D1154" s="8">
        <v>6.871208685</v>
      </c>
    </row>
    <row r="1155" spans="1:4" x14ac:dyDescent="0.3">
      <c r="A1155" s="6">
        <v>44248</v>
      </c>
      <c r="B1155" s="8">
        <v>34.312355429999997</v>
      </c>
      <c r="C1155" s="8">
        <v>7.8256131990000002</v>
      </c>
      <c r="D1155" s="8">
        <v>7.1617901210000001</v>
      </c>
    </row>
    <row r="1156" spans="1:4" x14ac:dyDescent="0.3">
      <c r="A1156" s="6">
        <v>44249</v>
      </c>
      <c r="B1156" s="8">
        <v>34.312355429999997</v>
      </c>
      <c r="C1156" s="8">
        <v>7.8038251299999999</v>
      </c>
      <c r="D1156" s="8">
        <v>7.2794506749999996</v>
      </c>
    </row>
    <row r="1157" spans="1:4" x14ac:dyDescent="0.3">
      <c r="A1157" s="6">
        <v>44250</v>
      </c>
      <c r="B1157" s="8">
        <v>34.312355429999997</v>
      </c>
      <c r="C1157" s="8">
        <v>8.1117691660000002</v>
      </c>
      <c r="D1157" s="8">
        <v>7.3079995980000003</v>
      </c>
    </row>
    <row r="1158" spans="1:4" x14ac:dyDescent="0.3">
      <c r="A1158" s="6">
        <v>44251</v>
      </c>
      <c r="B1158" s="8">
        <v>34.312355429999997</v>
      </c>
      <c r="C1158" s="8">
        <v>8.2249381259999996</v>
      </c>
      <c r="D1158" s="8">
        <v>7.2348734759999997</v>
      </c>
    </row>
    <row r="1159" spans="1:4" x14ac:dyDescent="0.3">
      <c r="A1159" s="6">
        <v>44252</v>
      </c>
      <c r="B1159" s="8">
        <v>34.312355429999997</v>
      </c>
      <c r="C1159" s="8">
        <v>8.4071327290000006</v>
      </c>
      <c r="D1159" s="8">
        <v>7.4119853689999999</v>
      </c>
    </row>
    <row r="1160" spans="1:4" x14ac:dyDescent="0.3">
      <c r="A1160" s="6">
        <v>44253</v>
      </c>
      <c r="B1160" s="8">
        <v>34.312355429999997</v>
      </c>
      <c r="C1160" s="8">
        <v>8.5395557600000007</v>
      </c>
      <c r="D1160" s="8">
        <v>7.4656750580000004</v>
      </c>
    </row>
    <row r="1161" spans="1:4" x14ac:dyDescent="0.3">
      <c r="A1161" s="6">
        <v>44254</v>
      </c>
      <c r="B1161" s="8">
        <v>34.312355429999997</v>
      </c>
      <c r="C1161" s="8">
        <v>8.8454260999999992</v>
      </c>
      <c r="D1161" s="8">
        <v>7.5389352010000001</v>
      </c>
    </row>
    <row r="1162" spans="1:4" x14ac:dyDescent="0.3">
      <c r="A1162" s="6">
        <v>44255</v>
      </c>
      <c r="B1162" s="8">
        <v>34.312355429999997</v>
      </c>
      <c r="C1162" s="8">
        <v>8.9404678400000002</v>
      </c>
      <c r="D1162" s="8">
        <v>7.574151563</v>
      </c>
    </row>
    <row r="1163" spans="1:4" x14ac:dyDescent="0.3">
      <c r="A1163" s="6">
        <v>44256</v>
      </c>
      <c r="B1163" s="8">
        <v>35.062355429999997</v>
      </c>
      <c r="C1163" s="8">
        <v>9.0310793530000009</v>
      </c>
      <c r="D1163" s="8">
        <v>7.6623933839999996</v>
      </c>
    </row>
    <row r="1164" spans="1:4" x14ac:dyDescent="0.3">
      <c r="A1164" s="6">
        <v>44257</v>
      </c>
      <c r="B1164" s="8">
        <v>35.062355429999997</v>
      </c>
      <c r="C1164" s="8">
        <v>8.9394957000000002</v>
      </c>
      <c r="D1164" s="8">
        <v>8.1860465859999998</v>
      </c>
    </row>
    <row r="1165" spans="1:4" x14ac:dyDescent="0.3">
      <c r="A1165" s="6">
        <v>44258</v>
      </c>
      <c r="B1165" s="8">
        <v>36.212355430000002</v>
      </c>
      <c r="C1165" s="8">
        <v>8.8656498910000003</v>
      </c>
      <c r="D1165" s="8">
        <v>8.5469694880000002</v>
      </c>
    </row>
    <row r="1166" spans="1:4" x14ac:dyDescent="0.3">
      <c r="A1166" s="6">
        <v>44259</v>
      </c>
      <c r="B1166" s="8">
        <v>36.212355430000002</v>
      </c>
      <c r="C1166" s="8">
        <v>8.7991574579999998</v>
      </c>
      <c r="D1166" s="8">
        <v>8.5191723160000006</v>
      </c>
    </row>
    <row r="1167" spans="1:4" x14ac:dyDescent="0.3">
      <c r="A1167" s="6">
        <v>44260</v>
      </c>
      <c r="B1167" s="8">
        <v>36.212355430000002</v>
      </c>
      <c r="C1167" s="8">
        <v>8.7789913530000003</v>
      </c>
      <c r="D1167" s="8">
        <v>8.6681359320000002</v>
      </c>
    </row>
    <row r="1168" spans="1:4" x14ac:dyDescent="0.3">
      <c r="A1168" s="6">
        <v>44261</v>
      </c>
      <c r="B1168" s="8">
        <v>36.212355430000002</v>
      </c>
      <c r="C1168" s="8">
        <v>8.9322408769999999</v>
      </c>
      <c r="D1168" s="8">
        <v>8.9126739579999992</v>
      </c>
    </row>
    <row r="1169" spans="1:4" x14ac:dyDescent="0.3">
      <c r="A1169" s="6">
        <v>44262</v>
      </c>
      <c r="B1169" s="8">
        <v>36.212355430000002</v>
      </c>
      <c r="C1169" s="8">
        <v>9.1424299300000005</v>
      </c>
      <c r="D1169" s="8">
        <v>8.9431171939999992</v>
      </c>
    </row>
    <row r="1170" spans="1:4" x14ac:dyDescent="0.3">
      <c r="A1170" s="6">
        <v>44263</v>
      </c>
      <c r="B1170" s="8">
        <v>36.212355430000002</v>
      </c>
      <c r="C1170" s="8">
        <v>9.1627195029999999</v>
      </c>
      <c r="D1170" s="8">
        <v>8.8434807279999994</v>
      </c>
    </row>
    <row r="1171" spans="1:4" x14ac:dyDescent="0.3">
      <c r="A1171" s="6">
        <v>44264</v>
      </c>
      <c r="B1171" s="8">
        <v>36.212355430000002</v>
      </c>
      <c r="C1171" s="8">
        <v>9.1108669990000006</v>
      </c>
      <c r="D1171" s="8">
        <v>8.7223094620000001</v>
      </c>
    </row>
    <row r="1172" spans="1:4" x14ac:dyDescent="0.3">
      <c r="A1172" s="6">
        <v>44265</v>
      </c>
      <c r="B1172" s="8">
        <v>37.212355430000002</v>
      </c>
      <c r="C1172" s="8">
        <v>9.1313497029999997</v>
      </c>
      <c r="D1172" s="8">
        <v>8.9865956960000002</v>
      </c>
    </row>
    <row r="1173" spans="1:4" x14ac:dyDescent="0.3">
      <c r="A1173" s="6">
        <v>44266</v>
      </c>
      <c r="B1173" s="8">
        <v>37.612355430000001</v>
      </c>
      <c r="C1173" s="8">
        <v>9.2196250499999994</v>
      </c>
      <c r="D1173" s="8">
        <v>9.0394170930000008</v>
      </c>
    </row>
    <row r="1174" spans="1:4" x14ac:dyDescent="0.3">
      <c r="A1174" s="6">
        <v>44267</v>
      </c>
      <c r="B1174" s="8">
        <v>37.612355430000001</v>
      </c>
      <c r="C1174" s="8">
        <v>9.3003955390000002</v>
      </c>
      <c r="D1174" s="8">
        <v>9.0450630749999998</v>
      </c>
    </row>
    <row r="1175" spans="1:4" x14ac:dyDescent="0.3">
      <c r="A1175" s="6">
        <v>44268</v>
      </c>
      <c r="B1175" s="8">
        <v>37.612355430000001</v>
      </c>
      <c r="C1175" s="8">
        <v>9.4612519160000002</v>
      </c>
      <c r="D1175" s="8">
        <v>9.2519612309999992</v>
      </c>
    </row>
    <row r="1176" spans="1:4" x14ac:dyDescent="0.3">
      <c r="A1176" s="6">
        <v>44269</v>
      </c>
      <c r="B1176" s="8">
        <v>37.612355430000001</v>
      </c>
      <c r="C1176" s="8">
        <v>9.4420607029999992</v>
      </c>
      <c r="D1176" s="8">
        <v>9.3093502279999996</v>
      </c>
    </row>
    <row r="1177" spans="1:4" x14ac:dyDescent="0.3">
      <c r="A1177" s="6">
        <v>44270</v>
      </c>
      <c r="B1177" s="8">
        <v>38.612355430000001</v>
      </c>
      <c r="C1177" s="8">
        <v>9.5160695789999998</v>
      </c>
      <c r="D1177" s="8">
        <v>9.3294191380000004</v>
      </c>
    </row>
    <row r="1178" spans="1:4" x14ac:dyDescent="0.3">
      <c r="A1178" s="6">
        <v>44271</v>
      </c>
      <c r="B1178" s="8">
        <v>39.212355430000002</v>
      </c>
      <c r="C1178" s="8">
        <v>9.5243869340000007</v>
      </c>
      <c r="D1178" s="8">
        <v>9.3900230730000001</v>
      </c>
    </row>
    <row r="1179" spans="1:4" x14ac:dyDescent="0.3">
      <c r="A1179" s="6">
        <v>44272</v>
      </c>
      <c r="B1179" s="8">
        <v>39.212355430000002</v>
      </c>
      <c r="C1179" s="8">
        <v>9.5727957260000007</v>
      </c>
      <c r="D1179" s="8">
        <v>9.4163980429999992</v>
      </c>
    </row>
    <row r="1180" spans="1:4" x14ac:dyDescent="0.3">
      <c r="A1180" s="6">
        <v>44273</v>
      </c>
      <c r="B1180" s="8">
        <v>39.210524739</v>
      </c>
      <c r="C1180" s="8">
        <v>9.677787468</v>
      </c>
      <c r="D1180" s="8">
        <v>9.5539082739999994</v>
      </c>
    </row>
    <row r="1181" spans="1:4" x14ac:dyDescent="0.3">
      <c r="A1181" s="6">
        <v>44274</v>
      </c>
      <c r="B1181" s="8">
        <v>39.210478983000002</v>
      </c>
      <c r="C1181" s="8">
        <v>9.8045333570000004</v>
      </c>
      <c r="D1181" s="8">
        <v>9.7262546039999993</v>
      </c>
    </row>
    <row r="1182" spans="1:4" x14ac:dyDescent="0.3">
      <c r="A1182" s="6">
        <v>44275</v>
      </c>
      <c r="B1182" s="8">
        <v>39.210478983000002</v>
      </c>
      <c r="C1182" s="8">
        <v>10.000638306000001</v>
      </c>
      <c r="D1182" s="8">
        <v>9.7840614539999997</v>
      </c>
    </row>
    <row r="1183" spans="1:4" x14ac:dyDescent="0.3">
      <c r="A1183" s="6">
        <v>44276</v>
      </c>
      <c r="B1183" s="8">
        <v>40.210478983000002</v>
      </c>
      <c r="C1183" s="8">
        <v>10.033128618999999</v>
      </c>
      <c r="D1183" s="8">
        <v>9.8790981569999996</v>
      </c>
    </row>
    <row r="1184" spans="1:4" x14ac:dyDescent="0.3">
      <c r="A1184" s="6">
        <v>44277</v>
      </c>
      <c r="B1184" s="8">
        <v>40.210478983000002</v>
      </c>
      <c r="C1184" s="8">
        <v>10.153875601999999</v>
      </c>
      <c r="D1184" s="8">
        <v>9.9207272750000008</v>
      </c>
    </row>
    <row r="1185" spans="1:4" x14ac:dyDescent="0.3">
      <c r="A1185" s="6">
        <v>44278</v>
      </c>
      <c r="B1185" s="8">
        <v>40.210478983000002</v>
      </c>
      <c r="C1185" s="8">
        <v>10.324918521000001</v>
      </c>
      <c r="D1185" s="8">
        <v>10.084609453000001</v>
      </c>
    </row>
    <row r="1186" spans="1:4" x14ac:dyDescent="0.3">
      <c r="A1186" s="6">
        <v>44279</v>
      </c>
      <c r="B1186" s="8">
        <v>40.210478983000002</v>
      </c>
      <c r="C1186" s="8">
        <v>10.308188647</v>
      </c>
      <c r="D1186" s="8">
        <v>10.117844883</v>
      </c>
    </row>
    <row r="1187" spans="1:4" x14ac:dyDescent="0.3">
      <c r="A1187" s="6">
        <v>44280</v>
      </c>
      <c r="B1187" s="8">
        <v>40.210478983000002</v>
      </c>
      <c r="C1187" s="8">
        <v>10.43123771</v>
      </c>
      <c r="D1187" s="8">
        <v>10.073380256</v>
      </c>
    </row>
    <row r="1188" spans="1:4" x14ac:dyDescent="0.3">
      <c r="A1188" s="6">
        <v>44281</v>
      </c>
      <c r="B1188" s="8">
        <v>40.210478983000002</v>
      </c>
      <c r="C1188" s="8">
        <v>10.662669988999999</v>
      </c>
      <c r="D1188" s="8">
        <v>10.054308859000001</v>
      </c>
    </row>
    <row r="1189" spans="1:4" x14ac:dyDescent="0.3">
      <c r="A1189" s="6">
        <v>44282</v>
      </c>
      <c r="B1189" s="8">
        <v>41.010478982999999</v>
      </c>
      <c r="C1189" s="8">
        <v>10.83302525</v>
      </c>
      <c r="D1189" s="8">
        <v>10.344905381</v>
      </c>
    </row>
    <row r="1190" spans="1:4" x14ac:dyDescent="0.3">
      <c r="A1190" s="6">
        <v>44283</v>
      </c>
      <c r="B1190" s="8">
        <v>41.010478982999999</v>
      </c>
      <c r="C1190" s="8">
        <v>10.923641969</v>
      </c>
      <c r="D1190" s="8">
        <v>10.501741408999999</v>
      </c>
    </row>
    <row r="1191" spans="1:4" x14ac:dyDescent="0.3">
      <c r="A1191" s="6">
        <v>44284</v>
      </c>
      <c r="B1191" s="8">
        <v>41.010478982999999</v>
      </c>
      <c r="C1191" s="8">
        <v>10.952357285</v>
      </c>
      <c r="D1191" s="8">
        <v>10.669704248</v>
      </c>
    </row>
    <row r="1192" spans="1:4" x14ac:dyDescent="0.3">
      <c r="A1192" s="6">
        <v>44285</v>
      </c>
      <c r="B1192" s="8">
        <v>41.010478982999999</v>
      </c>
      <c r="C1192" s="8">
        <v>10.770164341999999</v>
      </c>
      <c r="D1192" s="8">
        <v>10.684636075</v>
      </c>
    </row>
    <row r="1193" spans="1:4" x14ac:dyDescent="0.3">
      <c r="A1193" s="6">
        <v>44286</v>
      </c>
      <c r="B1193" s="8">
        <v>41.010478982999999</v>
      </c>
      <c r="C1193" s="8">
        <v>10.888346539</v>
      </c>
      <c r="D1193" s="8">
        <v>10.844266387999999</v>
      </c>
    </row>
    <row r="1194" spans="1:4" x14ac:dyDescent="0.3">
      <c r="A1194" s="6">
        <v>44287</v>
      </c>
      <c r="B1194" s="8">
        <v>42.210478983000002</v>
      </c>
      <c r="C1194" s="8">
        <v>10.828130503000001</v>
      </c>
      <c r="D1194" s="8">
        <v>10.802066229999999</v>
      </c>
    </row>
    <row r="1195" spans="1:4" x14ac:dyDescent="0.3">
      <c r="A1195" s="6">
        <v>44288</v>
      </c>
      <c r="B1195" s="8">
        <v>42.210478983000002</v>
      </c>
      <c r="C1195" s="8">
        <v>10.910547354</v>
      </c>
      <c r="D1195" s="8">
        <v>10.85107803</v>
      </c>
    </row>
    <row r="1196" spans="1:4" x14ac:dyDescent="0.3">
      <c r="A1196" s="6">
        <v>44289</v>
      </c>
      <c r="B1196" s="8">
        <v>42.210478983000002</v>
      </c>
      <c r="C1196" s="8">
        <v>10.751466471000001</v>
      </c>
      <c r="D1196" s="8">
        <v>13.524793831</v>
      </c>
    </row>
    <row r="1197" spans="1:4" x14ac:dyDescent="0.3">
      <c r="A1197" s="6">
        <v>44290</v>
      </c>
      <c r="B1197" s="8">
        <v>42.210478983000002</v>
      </c>
      <c r="C1197" s="8">
        <v>10.946433079</v>
      </c>
      <c r="D1197" s="8">
        <v>13.687644536000001</v>
      </c>
    </row>
    <row r="1198" spans="1:4" x14ac:dyDescent="0.3">
      <c r="A1198" s="6">
        <v>44291</v>
      </c>
      <c r="B1198" s="8">
        <v>42.210478983000002</v>
      </c>
      <c r="C1198" s="8">
        <v>10.918801266999999</v>
      </c>
      <c r="D1198" s="8">
        <v>14.031272375</v>
      </c>
    </row>
    <row r="1199" spans="1:4" x14ac:dyDescent="0.3">
      <c r="A1199" s="6">
        <v>44292</v>
      </c>
      <c r="B1199" s="8">
        <v>43.410478982999997</v>
      </c>
      <c r="C1199" s="8">
        <v>11.033570163</v>
      </c>
      <c r="D1199" s="8">
        <v>13.982233593</v>
      </c>
    </row>
    <row r="1200" spans="1:4" x14ac:dyDescent="0.3">
      <c r="A1200" s="6">
        <v>44293</v>
      </c>
      <c r="B1200" s="8">
        <v>43.410478982999997</v>
      </c>
      <c r="C1200" s="8">
        <v>10.986219747</v>
      </c>
      <c r="D1200" s="8">
        <v>14.040774207</v>
      </c>
    </row>
    <row r="1201" spans="1:4" x14ac:dyDescent="0.3">
      <c r="A1201" s="6">
        <v>44294</v>
      </c>
      <c r="B1201" s="8">
        <v>44.410478982999997</v>
      </c>
      <c r="C1201" s="8">
        <v>11.03341159</v>
      </c>
      <c r="D1201" s="8">
        <v>13.657299766</v>
      </c>
    </row>
    <row r="1202" spans="1:4" x14ac:dyDescent="0.3">
      <c r="A1202" s="6">
        <v>44295</v>
      </c>
      <c r="B1202" s="8">
        <v>44.410478982999997</v>
      </c>
      <c r="C1202" s="8">
        <v>11.180168578</v>
      </c>
      <c r="D1202" s="8">
        <v>13.988152416</v>
      </c>
    </row>
    <row r="1203" spans="1:4" x14ac:dyDescent="0.3">
      <c r="A1203" s="6">
        <v>44296</v>
      </c>
      <c r="B1203" s="8">
        <v>44.410478982999997</v>
      </c>
      <c r="C1203" s="8">
        <v>11.186033696000001</v>
      </c>
      <c r="D1203" s="8">
        <v>14.369301717000001</v>
      </c>
    </row>
    <row r="1204" spans="1:4" x14ac:dyDescent="0.3">
      <c r="A1204" s="6">
        <v>44297</v>
      </c>
      <c r="B1204" s="8">
        <v>44.410478982999997</v>
      </c>
      <c r="C1204" s="8">
        <v>11.16616556</v>
      </c>
      <c r="D1204" s="8">
        <v>14.535689442000001</v>
      </c>
    </row>
    <row r="1205" spans="1:4" x14ac:dyDescent="0.3">
      <c r="A1205" s="6">
        <v>44298</v>
      </c>
      <c r="B1205" s="8">
        <v>45.410478982999997</v>
      </c>
      <c r="C1205" s="8">
        <v>11.118030197</v>
      </c>
      <c r="D1205" s="8">
        <v>14.564488645999999</v>
      </c>
    </row>
    <row r="1206" spans="1:4" x14ac:dyDescent="0.3">
      <c r="A1206" s="6">
        <v>44299</v>
      </c>
      <c r="B1206" s="8">
        <v>45.410478982999997</v>
      </c>
      <c r="C1206" s="8">
        <v>11.009729528999999</v>
      </c>
      <c r="D1206" s="8">
        <v>14.668048583999999</v>
      </c>
    </row>
    <row r="1207" spans="1:4" x14ac:dyDescent="0.3">
      <c r="A1207" s="6">
        <v>44300</v>
      </c>
      <c r="B1207" s="8">
        <v>47.410478982999997</v>
      </c>
      <c r="C1207" s="8">
        <v>11.310440385</v>
      </c>
      <c r="D1207" s="8">
        <v>14.905622465</v>
      </c>
    </row>
    <row r="1208" spans="1:4" x14ac:dyDescent="0.3">
      <c r="A1208" s="6">
        <v>44301</v>
      </c>
      <c r="B1208" s="8">
        <v>47.410478982999997</v>
      </c>
      <c r="C1208" s="8">
        <v>11.535583494999999</v>
      </c>
      <c r="D1208" s="8">
        <v>15.084980249999999</v>
      </c>
    </row>
    <row r="1209" spans="1:4" x14ac:dyDescent="0.3">
      <c r="A1209" s="6">
        <v>44302</v>
      </c>
      <c r="B1209" s="8">
        <v>47.410478982999997</v>
      </c>
      <c r="C1209" s="8">
        <v>11.812432632</v>
      </c>
      <c r="D1209" s="8">
        <v>15.484055898999999</v>
      </c>
    </row>
    <row r="1210" spans="1:4" x14ac:dyDescent="0.3">
      <c r="A1210" s="6">
        <v>44303</v>
      </c>
      <c r="B1210" s="8">
        <v>48.410478982999997</v>
      </c>
      <c r="C1210" s="8">
        <v>12.115983663</v>
      </c>
      <c r="D1210" s="8">
        <v>16.341901431</v>
      </c>
    </row>
    <row r="1211" spans="1:4" x14ac:dyDescent="0.3">
      <c r="A1211" s="6">
        <v>44304</v>
      </c>
      <c r="B1211" s="8">
        <v>48.410478982999997</v>
      </c>
      <c r="C1211" s="8">
        <v>12.483647552000001</v>
      </c>
      <c r="D1211" s="8">
        <v>16.478255231999999</v>
      </c>
    </row>
    <row r="1212" spans="1:4" x14ac:dyDescent="0.3">
      <c r="A1212" s="6">
        <v>44305</v>
      </c>
      <c r="B1212" s="8">
        <v>50.410478982999997</v>
      </c>
      <c r="C1212" s="8">
        <v>12.639137279</v>
      </c>
      <c r="D1212" s="8">
        <v>17.360917239999999</v>
      </c>
    </row>
    <row r="1213" spans="1:4" x14ac:dyDescent="0.3">
      <c r="A1213" s="6">
        <v>44306</v>
      </c>
      <c r="B1213" s="8">
        <v>50.410478982999997</v>
      </c>
      <c r="C1213" s="8">
        <v>12.930239053999999</v>
      </c>
      <c r="D1213" s="8">
        <v>17.360287237000001</v>
      </c>
    </row>
    <row r="1214" spans="1:4" x14ac:dyDescent="0.3">
      <c r="A1214" s="6">
        <v>44307</v>
      </c>
      <c r="B1214" s="8">
        <v>50.410478984000001</v>
      </c>
      <c r="C1214" s="8">
        <v>12.987391569</v>
      </c>
      <c r="D1214" s="8">
        <v>18.032632565</v>
      </c>
    </row>
    <row r="1215" spans="1:4" x14ac:dyDescent="0.3">
      <c r="A1215" s="6">
        <v>44308</v>
      </c>
      <c r="B1215" s="8">
        <v>50.410478984000001</v>
      </c>
      <c r="C1215" s="8">
        <v>13.043977699999999</v>
      </c>
      <c r="D1215" s="8">
        <v>18.474133077000001</v>
      </c>
    </row>
    <row r="1216" spans="1:4" x14ac:dyDescent="0.3">
      <c r="A1216" s="6">
        <v>44309</v>
      </c>
      <c r="B1216" s="8">
        <v>50.410478984000001</v>
      </c>
      <c r="C1216" s="8">
        <v>12.988860201</v>
      </c>
      <c r="D1216" s="8">
        <v>18.588587581999999</v>
      </c>
    </row>
    <row r="1217" spans="1:4" x14ac:dyDescent="0.3">
      <c r="A1217" s="6">
        <v>44310</v>
      </c>
      <c r="B1217" s="8">
        <v>50.410478984000001</v>
      </c>
      <c r="C1217" s="8">
        <v>13.41112253</v>
      </c>
      <c r="D1217" s="8">
        <v>18.326604975999999</v>
      </c>
    </row>
    <row r="1218" spans="1:4" x14ac:dyDescent="0.3">
      <c r="A1218" s="6">
        <v>44311</v>
      </c>
      <c r="B1218" s="8">
        <v>50.410478984000001</v>
      </c>
      <c r="C1218" s="8">
        <v>13.590355337</v>
      </c>
      <c r="D1218" s="8">
        <v>18.425703038999998</v>
      </c>
    </row>
    <row r="1219" spans="1:4" x14ac:dyDescent="0.3">
      <c r="A1219" s="6">
        <v>44312</v>
      </c>
      <c r="B1219" s="8">
        <v>50.410478984000001</v>
      </c>
      <c r="C1219" s="8">
        <v>13.630330298000001</v>
      </c>
      <c r="D1219" s="8">
        <v>18.634844958999999</v>
      </c>
    </row>
    <row r="1220" spans="1:4" x14ac:dyDescent="0.3">
      <c r="A1220" s="6">
        <v>44313</v>
      </c>
      <c r="B1220" s="8">
        <v>50.410478984000001</v>
      </c>
      <c r="C1220" s="8">
        <v>13.836785645000001</v>
      </c>
      <c r="D1220" s="8">
        <v>18.910560757999999</v>
      </c>
    </row>
    <row r="1221" spans="1:4" x14ac:dyDescent="0.3">
      <c r="A1221" s="6">
        <v>44314</v>
      </c>
      <c r="B1221" s="8">
        <v>50.410478984000001</v>
      </c>
      <c r="C1221" s="8">
        <v>13.822975633</v>
      </c>
      <c r="D1221" s="8">
        <v>19.240580295000001</v>
      </c>
    </row>
    <row r="1222" spans="1:4" x14ac:dyDescent="0.3">
      <c r="A1222" s="6">
        <v>44315</v>
      </c>
      <c r="B1222" s="8">
        <v>50.910478984000001</v>
      </c>
      <c r="C1222" s="8">
        <v>13.915412068</v>
      </c>
      <c r="D1222" s="8">
        <v>19.130833023000001</v>
      </c>
    </row>
    <row r="1223" spans="1:4" x14ac:dyDescent="0.3">
      <c r="A1223" s="6">
        <v>44316</v>
      </c>
      <c r="B1223" s="8">
        <v>50.910478984000001</v>
      </c>
      <c r="C1223" s="8">
        <v>13.916570668</v>
      </c>
      <c r="D1223" s="8">
        <v>18.693951083999998</v>
      </c>
    </row>
    <row r="1224" spans="1:4" x14ac:dyDescent="0.3">
      <c r="A1224" s="6">
        <v>44317</v>
      </c>
      <c r="B1224" s="8">
        <v>51.910478984000001</v>
      </c>
      <c r="C1224" s="8">
        <v>14.005444842999999</v>
      </c>
      <c r="D1224" s="8">
        <v>18.946187604999999</v>
      </c>
    </row>
    <row r="1225" spans="1:4" x14ac:dyDescent="0.3">
      <c r="A1225" s="6">
        <v>44318</v>
      </c>
      <c r="B1225" s="8">
        <v>51.910478984000001</v>
      </c>
      <c r="C1225" s="8">
        <v>14.06287229</v>
      </c>
      <c r="D1225" s="8">
        <v>19.433078789</v>
      </c>
    </row>
    <row r="1226" spans="1:4" x14ac:dyDescent="0.3">
      <c r="A1226" s="6">
        <v>44319</v>
      </c>
      <c r="B1226" s="8">
        <v>52.910478984000001</v>
      </c>
      <c r="C1226" s="8">
        <v>14.042296758999999</v>
      </c>
      <c r="D1226" s="8">
        <v>19.723889687</v>
      </c>
    </row>
    <row r="1227" spans="1:4" x14ac:dyDescent="0.3">
      <c r="A1227" s="6">
        <v>44320</v>
      </c>
      <c r="B1227" s="8">
        <v>52.910478984000001</v>
      </c>
      <c r="C1227" s="8">
        <v>14.009748555</v>
      </c>
      <c r="D1227" s="8">
        <v>19.800346906000001</v>
      </c>
    </row>
    <row r="1228" spans="1:4" x14ac:dyDescent="0.3">
      <c r="A1228" s="6">
        <v>44321</v>
      </c>
      <c r="B1228" s="8">
        <v>54.910478984000001</v>
      </c>
      <c r="C1228" s="8">
        <v>14.339394586999999</v>
      </c>
      <c r="D1228" s="8">
        <v>19.889740982999999</v>
      </c>
    </row>
    <row r="1229" spans="1:4" x14ac:dyDescent="0.3">
      <c r="A1229" s="6">
        <v>44322</v>
      </c>
      <c r="B1229" s="8">
        <v>54.910478984000001</v>
      </c>
      <c r="C1229" s="8">
        <v>14.493174963</v>
      </c>
      <c r="D1229" s="8">
        <v>20.350495311</v>
      </c>
    </row>
    <row r="1230" spans="1:4" x14ac:dyDescent="0.3">
      <c r="A1230" s="6">
        <v>44323</v>
      </c>
      <c r="B1230" s="8">
        <v>54.910478984000001</v>
      </c>
      <c r="C1230" s="8">
        <v>14.537012168</v>
      </c>
      <c r="D1230" s="8">
        <v>20.810962241999999</v>
      </c>
    </row>
    <row r="1231" spans="1:4" x14ac:dyDescent="0.3">
      <c r="A1231" s="6">
        <v>44324</v>
      </c>
      <c r="B1231" s="8">
        <v>54.910478984000001</v>
      </c>
      <c r="C1231" s="8">
        <v>14.595495830000001</v>
      </c>
      <c r="D1231" s="8">
        <v>20.731414233999999</v>
      </c>
    </row>
    <row r="1232" spans="1:4" x14ac:dyDescent="0.3">
      <c r="A1232" s="6">
        <v>44325</v>
      </c>
      <c r="B1232" s="8">
        <v>54.910478984000001</v>
      </c>
      <c r="C1232" s="8">
        <v>14.854492488</v>
      </c>
      <c r="D1232" s="8">
        <v>21.005137963999999</v>
      </c>
    </row>
    <row r="1233" spans="1:4" x14ac:dyDescent="0.3">
      <c r="A1233" s="6">
        <v>44326</v>
      </c>
      <c r="B1233" s="8">
        <v>55.910478984000001</v>
      </c>
      <c r="C1233" s="8">
        <v>15.084907372</v>
      </c>
      <c r="D1233" s="8">
        <v>21.141841826</v>
      </c>
    </row>
    <row r="1234" spans="1:4" x14ac:dyDescent="0.3">
      <c r="A1234" s="6">
        <v>44327</v>
      </c>
      <c r="B1234" s="8">
        <v>56.910478984000001</v>
      </c>
      <c r="C1234" s="8">
        <v>15.129779105000001</v>
      </c>
      <c r="D1234" s="8">
        <v>21.362049859999999</v>
      </c>
    </row>
    <row r="1235" spans="1:4" x14ac:dyDescent="0.3">
      <c r="A1235" s="6">
        <v>44328</v>
      </c>
      <c r="B1235" s="8">
        <v>57.910478984000001</v>
      </c>
      <c r="C1235" s="8">
        <v>15.169491544</v>
      </c>
      <c r="D1235" s="8">
        <v>21.413195859000002</v>
      </c>
    </row>
    <row r="1236" spans="1:4" x14ac:dyDescent="0.3">
      <c r="A1236" s="6">
        <v>44329</v>
      </c>
      <c r="B1236" s="8">
        <v>57.910478984000001</v>
      </c>
      <c r="C1236" s="8">
        <v>15.233860869000001</v>
      </c>
      <c r="D1236" s="8">
        <v>21.537739333000001</v>
      </c>
    </row>
    <row r="1237" spans="1:4" x14ac:dyDescent="0.3">
      <c r="A1237" s="6">
        <v>44330</v>
      </c>
      <c r="B1237" s="8">
        <v>57.910478984000001</v>
      </c>
      <c r="C1237" s="8">
        <v>15.406742575999999</v>
      </c>
      <c r="D1237" s="8">
        <v>21.206860866</v>
      </c>
    </row>
    <row r="1238" spans="1:4" x14ac:dyDescent="0.3">
      <c r="A1238" s="6">
        <v>44331</v>
      </c>
      <c r="B1238" s="8">
        <v>57.910478984000001</v>
      </c>
      <c r="C1238" s="8">
        <v>15.674809138000001</v>
      </c>
      <c r="D1238" s="8">
        <v>21.385302200999998</v>
      </c>
    </row>
    <row r="1239" spans="1:4" x14ac:dyDescent="0.3">
      <c r="A1239" s="6">
        <v>44332</v>
      </c>
      <c r="B1239" s="8">
        <v>57.910478984000001</v>
      </c>
      <c r="C1239" s="8">
        <v>15.876014069</v>
      </c>
      <c r="D1239" s="8">
        <v>21.372923771</v>
      </c>
    </row>
    <row r="1240" spans="1:4" x14ac:dyDescent="0.3">
      <c r="A1240" s="6">
        <v>44333</v>
      </c>
      <c r="B1240" s="8">
        <v>57.910478984000001</v>
      </c>
      <c r="C1240" s="8">
        <v>15.871710143</v>
      </c>
      <c r="D1240" s="8">
        <v>21.432519931000002</v>
      </c>
    </row>
    <row r="1241" spans="1:4" x14ac:dyDescent="0.3">
      <c r="A1241" s="6">
        <v>44334</v>
      </c>
      <c r="B1241" s="8">
        <v>58.910478984000001</v>
      </c>
      <c r="C1241" s="8">
        <v>16.201756775</v>
      </c>
      <c r="D1241" s="8">
        <v>21.466131805</v>
      </c>
    </row>
    <row r="1242" spans="1:4" x14ac:dyDescent="0.3">
      <c r="A1242" s="6">
        <v>44335</v>
      </c>
      <c r="B1242" s="8">
        <v>58.910478984000001</v>
      </c>
      <c r="C1242" s="8">
        <v>16.336061648000001</v>
      </c>
      <c r="D1242" s="8">
        <v>21.399984521</v>
      </c>
    </row>
    <row r="1243" spans="1:4" x14ac:dyDescent="0.3">
      <c r="A1243" s="6">
        <v>44336</v>
      </c>
      <c r="B1243" s="8">
        <v>58.910478984000001</v>
      </c>
      <c r="C1243" s="8">
        <v>16.978168513</v>
      </c>
      <c r="D1243" s="8">
        <v>20.053709685000001</v>
      </c>
    </row>
    <row r="1244" spans="1:4" x14ac:dyDescent="0.3">
      <c r="A1244" s="6">
        <v>44337</v>
      </c>
      <c r="B1244" s="8">
        <v>58.910478984000001</v>
      </c>
      <c r="C1244" s="8">
        <v>17.808298066999999</v>
      </c>
      <c r="D1244" s="8">
        <v>20.285342538999998</v>
      </c>
    </row>
    <row r="1245" spans="1:4" x14ac:dyDescent="0.3">
      <c r="A1245" s="6">
        <v>44338</v>
      </c>
      <c r="B1245" s="8">
        <v>59.910478984000001</v>
      </c>
      <c r="C1245" s="8">
        <v>18.907721004999999</v>
      </c>
      <c r="D1245" s="8">
        <v>20.510459206</v>
      </c>
    </row>
    <row r="1246" spans="1:4" x14ac:dyDescent="0.3">
      <c r="A1246" s="6">
        <v>44339</v>
      </c>
      <c r="B1246" s="8">
        <v>59.910478984000001</v>
      </c>
      <c r="C1246" s="8">
        <v>19.272769588999999</v>
      </c>
      <c r="D1246" s="8">
        <v>20.642577538000001</v>
      </c>
    </row>
    <row r="1247" spans="1:4" x14ac:dyDescent="0.3">
      <c r="A1247" s="6">
        <v>44340</v>
      </c>
      <c r="B1247" s="8">
        <v>60.910478984000001</v>
      </c>
      <c r="C1247" s="8">
        <v>19.819733508999999</v>
      </c>
      <c r="D1247" s="8">
        <v>20.263948239000001</v>
      </c>
    </row>
    <row r="1248" spans="1:4" x14ac:dyDescent="0.3">
      <c r="A1248" s="6">
        <v>44341</v>
      </c>
      <c r="B1248" s="8">
        <v>60.910478984000001</v>
      </c>
      <c r="C1248" s="8">
        <v>20.129350332000001</v>
      </c>
      <c r="D1248" s="8">
        <v>20.417268858</v>
      </c>
    </row>
    <row r="1249" spans="1:4" x14ac:dyDescent="0.3">
      <c r="A1249" s="6">
        <v>44342</v>
      </c>
      <c r="B1249" s="8">
        <v>60.910478984000001</v>
      </c>
      <c r="C1249" s="8">
        <v>20.298460835</v>
      </c>
      <c r="D1249" s="8">
        <v>20.632472095000001</v>
      </c>
    </row>
    <row r="1250" spans="1:4" x14ac:dyDescent="0.3">
      <c r="A1250" s="6">
        <v>44343</v>
      </c>
      <c r="B1250" s="8">
        <v>60.910478984000001</v>
      </c>
      <c r="C1250" s="8">
        <v>20.933949207000001</v>
      </c>
      <c r="D1250" s="8">
        <v>21.084531975000001</v>
      </c>
    </row>
    <row r="1251" spans="1:4" x14ac:dyDescent="0.3">
      <c r="A1251" s="6">
        <v>44344</v>
      </c>
      <c r="B1251" s="8">
        <v>61.910478984000001</v>
      </c>
      <c r="C1251" s="8">
        <v>21.314460474000001</v>
      </c>
      <c r="D1251" s="8">
        <v>20.880007470999999</v>
      </c>
    </row>
    <row r="1252" spans="1:4" x14ac:dyDescent="0.3">
      <c r="A1252" s="6">
        <v>44345</v>
      </c>
      <c r="B1252" s="8">
        <v>61.910478984000001</v>
      </c>
      <c r="C1252" s="8">
        <v>21.48878255</v>
      </c>
      <c r="D1252" s="8">
        <v>21.143053188</v>
      </c>
    </row>
    <row r="1253" spans="1:4" x14ac:dyDescent="0.3">
      <c r="A1253" s="6">
        <v>44346</v>
      </c>
      <c r="B1253" s="8">
        <v>61.910478984000001</v>
      </c>
      <c r="C1253" s="8">
        <v>21.597915268000001</v>
      </c>
      <c r="D1253" s="8">
        <v>20.975554873</v>
      </c>
    </row>
    <row r="1254" spans="1:4" x14ac:dyDescent="0.3">
      <c r="A1254" s="6">
        <v>44347</v>
      </c>
      <c r="B1254" s="8">
        <v>59.910478984000001</v>
      </c>
      <c r="C1254" s="8">
        <v>21.804393701999999</v>
      </c>
      <c r="D1254" s="8">
        <v>20.780016005</v>
      </c>
    </row>
    <row r="1255" spans="1:4" x14ac:dyDescent="0.3">
      <c r="A1255" s="6">
        <v>44348</v>
      </c>
      <c r="B1255" s="8">
        <v>62.910478984000001</v>
      </c>
      <c r="C1255" s="8">
        <v>22.016650629000001</v>
      </c>
      <c r="D1255" s="8">
        <v>20.873799716000001</v>
      </c>
    </row>
    <row r="1256" spans="1:4" x14ac:dyDescent="0.3">
      <c r="A1256" s="6">
        <v>44349</v>
      </c>
      <c r="B1256" s="8">
        <v>62.910478984000001</v>
      </c>
      <c r="C1256" s="8">
        <v>22.051151006000001</v>
      </c>
      <c r="D1256" s="8">
        <v>21.156805657</v>
      </c>
    </row>
    <row r="1257" spans="1:4" x14ac:dyDescent="0.3">
      <c r="A1257" s="6">
        <v>44350</v>
      </c>
      <c r="B1257" s="8">
        <v>62.910478984000001</v>
      </c>
      <c r="C1257" s="8">
        <v>22.072022033</v>
      </c>
      <c r="D1257" s="8">
        <v>21.423014649999999</v>
      </c>
    </row>
    <row r="1258" spans="1:4" x14ac:dyDescent="0.3">
      <c r="A1258" s="6">
        <v>44351</v>
      </c>
      <c r="B1258" s="8">
        <v>62.910478984000001</v>
      </c>
      <c r="C1258" s="8">
        <v>22.103354296999999</v>
      </c>
      <c r="D1258" s="8">
        <v>21.817298288</v>
      </c>
    </row>
    <row r="1259" spans="1:4" x14ac:dyDescent="0.3">
      <c r="A1259" s="6">
        <v>44352</v>
      </c>
      <c r="B1259" s="8">
        <v>62.910478984000001</v>
      </c>
      <c r="C1259" s="8">
        <v>22.178155975999999</v>
      </c>
      <c r="D1259" s="8">
        <v>22.04443762</v>
      </c>
    </row>
    <row r="1260" spans="1:4" x14ac:dyDescent="0.3">
      <c r="A1260" s="6">
        <v>44353</v>
      </c>
      <c r="B1260" s="8">
        <v>62.910478984000001</v>
      </c>
      <c r="C1260" s="8">
        <v>22.259877855999999</v>
      </c>
      <c r="D1260" s="8">
        <v>22.180666129999999</v>
      </c>
    </row>
    <row r="1261" spans="1:4" x14ac:dyDescent="0.3">
      <c r="A1261" s="6">
        <v>44354</v>
      </c>
      <c r="B1261" s="8">
        <v>62.909700684999997</v>
      </c>
      <c r="C1261" s="8">
        <v>22.3975814</v>
      </c>
      <c r="D1261" s="8">
        <v>22.352626903000001</v>
      </c>
    </row>
    <row r="1262" spans="1:4" x14ac:dyDescent="0.3">
      <c r="A1262" s="6">
        <v>44355</v>
      </c>
      <c r="B1262" s="8">
        <v>62.905955597000002</v>
      </c>
      <c r="C1262" s="8">
        <v>22.327443676000001</v>
      </c>
      <c r="D1262" s="8">
        <v>22.325083003</v>
      </c>
    </row>
    <row r="1263" spans="1:4" x14ac:dyDescent="0.3">
      <c r="A1263" s="6">
        <v>44356</v>
      </c>
      <c r="B1263" s="8">
        <v>62.905955597000002</v>
      </c>
      <c r="C1263" s="8">
        <v>22.532015851000001</v>
      </c>
      <c r="D1263" s="8">
        <v>22.448655545000001</v>
      </c>
    </row>
    <row r="1264" spans="1:4" x14ac:dyDescent="0.3">
      <c r="A1264" s="6">
        <v>44357</v>
      </c>
      <c r="B1264" s="8">
        <v>62.905955597000002</v>
      </c>
      <c r="C1264" s="8">
        <v>22.523679742999999</v>
      </c>
      <c r="D1264" s="8">
        <v>22.749668131</v>
      </c>
    </row>
    <row r="1265" spans="1:4" x14ac:dyDescent="0.3">
      <c r="A1265" s="6">
        <v>44358</v>
      </c>
      <c r="B1265" s="8">
        <v>62.905955597000002</v>
      </c>
      <c r="C1265" s="8">
        <v>22.723444934</v>
      </c>
      <c r="D1265" s="8">
        <v>22.151054753</v>
      </c>
    </row>
    <row r="1266" spans="1:4" x14ac:dyDescent="0.3">
      <c r="A1266" s="6">
        <v>44359</v>
      </c>
      <c r="B1266" s="8">
        <v>62.905955597000002</v>
      </c>
      <c r="C1266" s="8">
        <v>22.853962822</v>
      </c>
      <c r="D1266" s="8">
        <v>22.003370328999999</v>
      </c>
    </row>
    <row r="1267" spans="1:4" x14ac:dyDescent="0.3">
      <c r="A1267" s="6">
        <v>44360</v>
      </c>
      <c r="B1267" s="8">
        <v>62.905955597000002</v>
      </c>
      <c r="C1267" s="8">
        <v>22.918644320999999</v>
      </c>
      <c r="D1267" s="8">
        <v>22.037741833999998</v>
      </c>
    </row>
    <row r="1268" spans="1:4" x14ac:dyDescent="0.3">
      <c r="A1268" s="6">
        <v>44361</v>
      </c>
      <c r="B1268" s="8">
        <v>62.905955597000002</v>
      </c>
      <c r="C1268" s="8">
        <v>23.074734566</v>
      </c>
      <c r="D1268" s="8">
        <v>22.075532701</v>
      </c>
    </row>
    <row r="1269" spans="1:4" x14ac:dyDescent="0.3">
      <c r="A1269" s="6">
        <v>44362</v>
      </c>
      <c r="B1269" s="8">
        <v>62.905955597000002</v>
      </c>
      <c r="C1269" s="8">
        <v>23.114348913000001</v>
      </c>
      <c r="D1269" s="8">
        <v>22.042462809</v>
      </c>
    </row>
    <row r="1270" spans="1:4" x14ac:dyDescent="0.3">
      <c r="A1270" s="6">
        <v>44363</v>
      </c>
      <c r="B1270" s="8">
        <v>62.905955597000002</v>
      </c>
      <c r="C1270" s="8">
        <v>23.170626519999999</v>
      </c>
      <c r="D1270" s="8">
        <v>22.087761174000001</v>
      </c>
    </row>
    <row r="1271" spans="1:4" x14ac:dyDescent="0.3">
      <c r="A1271" s="6">
        <v>44364</v>
      </c>
      <c r="B1271" s="8">
        <v>62.905955597000002</v>
      </c>
      <c r="C1271" s="8">
        <v>23.268904688999999</v>
      </c>
      <c r="D1271" s="8">
        <v>21.740132681999999</v>
      </c>
    </row>
    <row r="1272" spans="1:4" x14ac:dyDescent="0.3">
      <c r="A1272" s="6">
        <v>44365</v>
      </c>
      <c r="B1272" s="8">
        <v>62.905955597000002</v>
      </c>
      <c r="C1272" s="8">
        <v>23.225391282</v>
      </c>
      <c r="D1272" s="8">
        <v>21.58386788</v>
      </c>
    </row>
    <row r="1273" spans="1:4" x14ac:dyDescent="0.3">
      <c r="A1273" s="6">
        <v>44366</v>
      </c>
      <c r="B1273" s="8">
        <v>62.905955597000002</v>
      </c>
      <c r="C1273" s="8">
        <v>23.51640205</v>
      </c>
      <c r="D1273" s="8">
        <v>21.716796458000001</v>
      </c>
    </row>
    <row r="1274" spans="1:4" x14ac:dyDescent="0.3">
      <c r="A1274" s="6">
        <v>44367</v>
      </c>
      <c r="B1274" s="8">
        <v>62.905955597000002</v>
      </c>
      <c r="C1274" s="8">
        <v>23.672636545</v>
      </c>
      <c r="D1274" s="8">
        <v>21.743620351000001</v>
      </c>
    </row>
    <row r="1275" spans="1:4" x14ac:dyDescent="0.3">
      <c r="A1275" s="6">
        <v>44368</v>
      </c>
      <c r="B1275" s="8">
        <v>62.905955597000002</v>
      </c>
      <c r="C1275" s="8">
        <v>23.759863777</v>
      </c>
      <c r="D1275" s="8">
        <v>21.961482604</v>
      </c>
    </row>
    <row r="1276" spans="1:4" x14ac:dyDescent="0.3">
      <c r="A1276" s="6">
        <v>44369</v>
      </c>
      <c r="B1276" s="8">
        <v>62.905955597000002</v>
      </c>
      <c r="C1276" s="8">
        <v>24.383420529999999</v>
      </c>
      <c r="D1276" s="8">
        <v>21.613964922000001</v>
      </c>
    </row>
    <row r="1277" spans="1:4" x14ac:dyDescent="0.3">
      <c r="A1277" s="6">
        <v>44370</v>
      </c>
      <c r="B1277" s="8">
        <v>62.905955597000002</v>
      </c>
      <c r="C1277" s="8">
        <v>24.571507368999999</v>
      </c>
      <c r="D1277" s="8">
        <v>21.587881108000001</v>
      </c>
    </row>
    <row r="1278" spans="1:4" x14ac:dyDescent="0.3">
      <c r="A1278" s="6">
        <v>44371</v>
      </c>
      <c r="B1278" s="8">
        <v>62.905955597000002</v>
      </c>
      <c r="C1278" s="8">
        <v>24.753912152000002</v>
      </c>
      <c r="D1278" s="8">
        <v>21.669349822000001</v>
      </c>
    </row>
    <row r="1279" spans="1:4" x14ac:dyDescent="0.3">
      <c r="A1279" s="6">
        <v>44372</v>
      </c>
      <c r="B1279" s="8">
        <v>62.905955597000002</v>
      </c>
      <c r="C1279" s="8">
        <v>24.862198755000001</v>
      </c>
      <c r="D1279" s="8">
        <v>21.912225093</v>
      </c>
    </row>
    <row r="1280" spans="1:4" x14ac:dyDescent="0.3">
      <c r="A1280" s="6">
        <v>44373</v>
      </c>
      <c r="B1280" s="8">
        <v>62.905955597000002</v>
      </c>
      <c r="C1280" s="8">
        <v>25.010707739000001</v>
      </c>
      <c r="D1280" s="8">
        <v>21.847129655</v>
      </c>
    </row>
    <row r="1281" spans="1:4" x14ac:dyDescent="0.3">
      <c r="A1281" s="6">
        <v>44374</v>
      </c>
      <c r="B1281" s="8">
        <v>62.905955597000002</v>
      </c>
      <c r="C1281" s="8">
        <v>25.070575006999999</v>
      </c>
      <c r="D1281" s="8">
        <v>21.930606825000002</v>
      </c>
    </row>
    <row r="1282" spans="1:4" x14ac:dyDescent="0.3">
      <c r="A1282" s="6">
        <v>44375</v>
      </c>
      <c r="B1282" s="8">
        <v>62.905955597000002</v>
      </c>
      <c r="C1282" s="8">
        <v>25.260194155000001</v>
      </c>
      <c r="D1282" s="8">
        <v>21.982235429999999</v>
      </c>
    </row>
    <row r="1283" spans="1:4" x14ac:dyDescent="0.3">
      <c r="A1283" s="6">
        <v>44376</v>
      </c>
      <c r="B1283" s="8">
        <v>62.905955597000002</v>
      </c>
      <c r="C1283" s="8">
        <v>24.687952275000001</v>
      </c>
      <c r="D1283" s="8">
        <v>21.988876116</v>
      </c>
    </row>
    <row r="1284" spans="1:4" x14ac:dyDescent="0.3">
      <c r="A1284" s="6">
        <v>44377</v>
      </c>
      <c r="B1284" s="8">
        <v>62.905955597000002</v>
      </c>
      <c r="C1284" s="8">
        <v>24.573756744000001</v>
      </c>
      <c r="D1284" s="8">
        <v>22.106060976999999</v>
      </c>
    </row>
    <row r="1285" spans="1:4" x14ac:dyDescent="0.3">
      <c r="A1285" s="6">
        <v>44378</v>
      </c>
      <c r="B1285" s="8">
        <v>62.905955597000002</v>
      </c>
      <c r="C1285" s="8">
        <v>24.381470184000001</v>
      </c>
      <c r="D1285" s="8">
        <v>22.358926471</v>
      </c>
    </row>
    <row r="1286" spans="1:4" x14ac:dyDescent="0.3">
      <c r="A1286" s="6">
        <v>44379</v>
      </c>
      <c r="B1286" s="8">
        <v>62.905955597000002</v>
      </c>
      <c r="C1286" s="8">
        <v>24.439450888</v>
      </c>
      <c r="D1286" s="8">
        <v>22.633809073999998</v>
      </c>
    </row>
    <row r="1287" spans="1:4" x14ac:dyDescent="0.3">
      <c r="A1287" s="6">
        <v>44380</v>
      </c>
      <c r="B1287" s="8">
        <v>62.905955597000002</v>
      </c>
      <c r="C1287" s="8">
        <v>24.654720307000002</v>
      </c>
      <c r="D1287" s="8">
        <v>23.016689063000001</v>
      </c>
    </row>
    <row r="1288" spans="1:4" x14ac:dyDescent="0.3">
      <c r="A1288" s="6">
        <v>44381</v>
      </c>
      <c r="B1288" s="8">
        <v>62.903955596999999</v>
      </c>
      <c r="C1288" s="8">
        <v>24.686785713999999</v>
      </c>
      <c r="D1288" s="8">
        <v>23.07488489</v>
      </c>
    </row>
    <row r="1289" spans="1:4" x14ac:dyDescent="0.3">
      <c r="A1289" s="6">
        <v>44382</v>
      </c>
      <c r="B1289" s="8">
        <v>62.903955596999999</v>
      </c>
      <c r="C1289" s="8">
        <v>24.671631080000001</v>
      </c>
      <c r="D1289" s="8">
        <v>23.172870085</v>
      </c>
    </row>
    <row r="1290" spans="1:4" x14ac:dyDescent="0.3">
      <c r="A1290" s="6">
        <v>44383</v>
      </c>
      <c r="B1290" s="8">
        <v>62.903955596999999</v>
      </c>
      <c r="C1290" s="8">
        <v>24.744825004999999</v>
      </c>
      <c r="D1290" s="8">
        <v>23.222743184999999</v>
      </c>
    </row>
    <row r="1291" spans="1:4" x14ac:dyDescent="0.3">
      <c r="A1291" s="6">
        <v>44384</v>
      </c>
      <c r="B1291" s="8">
        <v>62.903955596999999</v>
      </c>
      <c r="C1291" s="8">
        <v>24.955768208999999</v>
      </c>
      <c r="D1291" s="8">
        <v>23.418528274</v>
      </c>
    </row>
    <row r="1292" spans="1:4" x14ac:dyDescent="0.3">
      <c r="A1292" s="6">
        <v>44385</v>
      </c>
      <c r="B1292" s="8">
        <v>62.903955596999999</v>
      </c>
      <c r="C1292" s="8">
        <v>25.042262564000001</v>
      </c>
      <c r="D1292" s="8">
        <v>23.450823594999999</v>
      </c>
    </row>
    <row r="1293" spans="1:4" x14ac:dyDescent="0.3">
      <c r="A1293" s="6">
        <v>44386</v>
      </c>
      <c r="B1293" s="8">
        <v>62.903955596999999</v>
      </c>
      <c r="C1293" s="8">
        <v>25.110227234</v>
      </c>
      <c r="D1293" s="8">
        <v>23.544462082999999</v>
      </c>
    </row>
    <row r="1294" spans="1:4" x14ac:dyDescent="0.3">
      <c r="A1294" s="6">
        <v>44387</v>
      </c>
      <c r="B1294" s="8">
        <v>62.903955596999999</v>
      </c>
      <c r="C1294" s="8">
        <v>25.250790003999999</v>
      </c>
      <c r="D1294" s="8">
        <v>23.415909998</v>
      </c>
    </row>
    <row r="1295" spans="1:4" x14ac:dyDescent="0.3">
      <c r="A1295" s="6">
        <v>44388</v>
      </c>
      <c r="B1295" s="8">
        <v>62.903955596999999</v>
      </c>
      <c r="C1295" s="8">
        <v>25.271561169999998</v>
      </c>
      <c r="D1295" s="8">
        <v>23.415226649000001</v>
      </c>
    </row>
    <row r="1296" spans="1:4" x14ac:dyDescent="0.3">
      <c r="A1296" s="6">
        <v>44389</v>
      </c>
      <c r="B1296" s="8">
        <v>62.903955596999999</v>
      </c>
      <c r="C1296" s="8">
        <v>25.271742837000001</v>
      </c>
      <c r="D1296" s="8">
        <v>23.460121297000001</v>
      </c>
    </row>
    <row r="1297" spans="1:4" x14ac:dyDescent="0.3">
      <c r="A1297" s="6">
        <v>44390</v>
      </c>
      <c r="B1297" s="8">
        <v>62.903955596999999</v>
      </c>
      <c r="C1297" s="8">
        <v>25.717273665</v>
      </c>
      <c r="D1297" s="8">
        <v>23.194652899000001</v>
      </c>
    </row>
    <row r="1298" spans="1:4" x14ac:dyDescent="0.3">
      <c r="A1298" s="6">
        <v>44391</v>
      </c>
      <c r="B1298" s="8">
        <v>62.903955596999999</v>
      </c>
      <c r="C1298" s="8">
        <v>25.721428807999999</v>
      </c>
      <c r="D1298" s="8">
        <v>22.964379095999998</v>
      </c>
    </row>
    <row r="1299" spans="1:4" x14ac:dyDescent="0.3">
      <c r="A1299" s="6">
        <v>44392</v>
      </c>
      <c r="B1299" s="8">
        <v>62.903955596999999</v>
      </c>
      <c r="C1299" s="8">
        <v>25.294025006999998</v>
      </c>
      <c r="D1299" s="8">
        <v>23.429896781</v>
      </c>
    </row>
    <row r="1300" spans="1:4" x14ac:dyDescent="0.3">
      <c r="A1300" s="6">
        <v>44393</v>
      </c>
      <c r="B1300" s="8">
        <v>62.903955596999999</v>
      </c>
      <c r="C1300" s="8">
        <v>25.583613001</v>
      </c>
      <c r="D1300" s="8">
        <v>23.833028146</v>
      </c>
    </row>
    <row r="1301" spans="1:4" x14ac:dyDescent="0.3">
      <c r="A1301" s="6">
        <v>44394</v>
      </c>
      <c r="B1301" s="8">
        <v>62.903955596999999</v>
      </c>
      <c r="C1301" s="8">
        <v>25.719555637999999</v>
      </c>
      <c r="D1301" s="8">
        <v>23.372705068999998</v>
      </c>
    </row>
    <row r="1302" spans="1:4" x14ac:dyDescent="0.3">
      <c r="A1302" s="6">
        <v>44395</v>
      </c>
      <c r="B1302" s="8">
        <v>62.903955596999999</v>
      </c>
      <c r="C1302" s="8">
        <v>25.792550926000001</v>
      </c>
      <c r="D1302" s="8">
        <v>23.485033696999999</v>
      </c>
    </row>
    <row r="1303" spans="1:4" x14ac:dyDescent="0.3">
      <c r="A1303" s="6">
        <v>44396</v>
      </c>
      <c r="B1303" s="8">
        <v>62.903955596999999</v>
      </c>
      <c r="C1303" s="8">
        <v>25.859342388999998</v>
      </c>
      <c r="D1303" s="8">
        <v>23.546276410000001</v>
      </c>
    </row>
    <row r="1304" spans="1:4" x14ac:dyDescent="0.3">
      <c r="A1304" s="6">
        <v>44397</v>
      </c>
      <c r="B1304" s="8">
        <v>62.903955596999999</v>
      </c>
      <c r="C1304" s="8">
        <v>25.966619854000001</v>
      </c>
      <c r="D1304" s="8">
        <v>23.368913956</v>
      </c>
    </row>
    <row r="1305" spans="1:4" x14ac:dyDescent="0.3">
      <c r="A1305" s="6">
        <v>44398</v>
      </c>
      <c r="B1305" s="8">
        <v>62.903955596999999</v>
      </c>
      <c r="C1305" s="8">
        <v>25.994113785</v>
      </c>
      <c r="D1305" s="8">
        <v>23.354193811999998</v>
      </c>
    </row>
    <row r="1306" spans="1:4" x14ac:dyDescent="0.3">
      <c r="A1306" s="6">
        <v>44399</v>
      </c>
      <c r="B1306" s="8">
        <v>62.903955596999999</v>
      </c>
      <c r="C1306" s="8">
        <v>26.087221284000002</v>
      </c>
      <c r="D1306" s="8">
        <v>23.519542650000002</v>
      </c>
    </row>
    <row r="1307" spans="1:4" x14ac:dyDescent="0.3">
      <c r="A1307" s="6">
        <v>44400</v>
      </c>
      <c r="B1307" s="8">
        <v>62.903955596999999</v>
      </c>
      <c r="C1307" s="8">
        <v>26.119242440000001</v>
      </c>
      <c r="D1307" s="8">
        <v>23.665739039999998</v>
      </c>
    </row>
    <row r="1308" spans="1:4" x14ac:dyDescent="0.3">
      <c r="A1308" s="6">
        <v>44401</v>
      </c>
      <c r="B1308" s="8">
        <v>62.903925764999997</v>
      </c>
      <c r="C1308" s="8">
        <v>26.176013588</v>
      </c>
      <c r="D1308" s="8">
        <v>23.859782988999999</v>
      </c>
    </row>
    <row r="1309" spans="1:4" x14ac:dyDescent="0.3">
      <c r="A1309" s="6">
        <v>44402</v>
      </c>
      <c r="B1309" s="8">
        <v>62.903925764999997</v>
      </c>
      <c r="C1309" s="8">
        <v>26.228817272000001</v>
      </c>
      <c r="D1309" s="8">
        <v>24.031552514000001</v>
      </c>
    </row>
    <row r="1310" spans="1:4" x14ac:dyDescent="0.3">
      <c r="A1310" s="6">
        <v>44403</v>
      </c>
      <c r="B1310" s="8">
        <v>62.903925764999997</v>
      </c>
      <c r="C1310" s="8">
        <v>26.329323958</v>
      </c>
      <c r="D1310" s="8">
        <v>24.215606939000001</v>
      </c>
    </row>
    <row r="1311" spans="1:4" x14ac:dyDescent="0.3">
      <c r="A1311" s="6">
        <v>44404</v>
      </c>
      <c r="B1311" s="8">
        <v>62.903925764999997</v>
      </c>
      <c r="C1311" s="8">
        <v>26.399764270999999</v>
      </c>
      <c r="D1311" s="8">
        <v>24.214056322000001</v>
      </c>
    </row>
    <row r="1312" spans="1:4" x14ac:dyDescent="0.3">
      <c r="A1312" s="6">
        <v>44405</v>
      </c>
      <c r="B1312" s="8">
        <v>62.903925764999997</v>
      </c>
      <c r="C1312" s="8">
        <v>26.422439552</v>
      </c>
      <c r="D1312" s="8">
        <v>24.528239395</v>
      </c>
    </row>
    <row r="1313" spans="1:4" x14ac:dyDescent="0.3">
      <c r="A1313" s="6">
        <v>44406</v>
      </c>
      <c r="B1313" s="8">
        <v>62.903925764999997</v>
      </c>
      <c r="C1313" s="8">
        <v>26.494404347</v>
      </c>
      <c r="D1313" s="8">
        <v>24.587520556000001</v>
      </c>
    </row>
    <row r="1314" spans="1:4" x14ac:dyDescent="0.3">
      <c r="A1314" s="6">
        <v>44407</v>
      </c>
      <c r="B1314" s="8">
        <v>62.903925764999997</v>
      </c>
      <c r="C1314" s="8">
        <v>26.410392448</v>
      </c>
      <c r="D1314" s="8">
        <v>24.608730285</v>
      </c>
    </row>
    <row r="1315" spans="1:4" x14ac:dyDescent="0.3">
      <c r="A1315" s="6">
        <v>44408</v>
      </c>
      <c r="B1315" s="8">
        <v>62.903925764999997</v>
      </c>
      <c r="C1315" s="8">
        <v>26.501892495</v>
      </c>
      <c r="D1315" s="8">
        <v>24.80106876</v>
      </c>
    </row>
    <row r="1316" spans="1:4" x14ac:dyDescent="0.3">
      <c r="A1316" s="6">
        <v>44409</v>
      </c>
      <c r="B1316" s="8">
        <v>62.903925764999997</v>
      </c>
      <c r="C1316" s="8">
        <v>26.536204254000001</v>
      </c>
      <c r="D1316" s="8">
        <v>24.690811945</v>
      </c>
    </row>
    <row r="1317" spans="1:4" x14ac:dyDescent="0.3">
      <c r="A1317" s="6">
        <v>44410</v>
      </c>
      <c r="B1317" s="8">
        <v>62.903925764999997</v>
      </c>
      <c r="C1317" s="8">
        <v>26.565127068999999</v>
      </c>
      <c r="D1317" s="8">
        <v>24.546594752000001</v>
      </c>
    </row>
    <row r="1318" spans="1:4" x14ac:dyDescent="0.3">
      <c r="A1318" s="6">
        <v>44411</v>
      </c>
      <c r="B1318" s="8">
        <v>62.903925764999997</v>
      </c>
      <c r="C1318" s="8">
        <v>26.579266575999998</v>
      </c>
      <c r="D1318" s="8">
        <v>24.675219727999998</v>
      </c>
    </row>
    <row r="1319" spans="1:4" x14ac:dyDescent="0.3">
      <c r="A1319" s="6">
        <v>44412</v>
      </c>
      <c r="B1319" s="8">
        <v>62.903925764999997</v>
      </c>
      <c r="C1319" s="8">
        <v>26.598047938000001</v>
      </c>
      <c r="D1319" s="8">
        <v>24.663132205</v>
      </c>
    </row>
    <row r="1320" spans="1:4" x14ac:dyDescent="0.3">
      <c r="A1320" s="6">
        <v>44413</v>
      </c>
      <c r="B1320" s="8">
        <v>61.903638976000003</v>
      </c>
      <c r="C1320" s="8">
        <v>26.721362290999998</v>
      </c>
      <c r="D1320" s="8">
        <v>24.498556738000001</v>
      </c>
    </row>
    <row r="1321" spans="1:4" x14ac:dyDescent="0.3">
      <c r="A1321" s="6">
        <v>44414</v>
      </c>
      <c r="B1321" s="8">
        <v>61.903035039000002</v>
      </c>
      <c r="C1321" s="8">
        <v>26.766156969000001</v>
      </c>
      <c r="D1321" s="8">
        <v>24.606478558999999</v>
      </c>
    </row>
    <row r="1322" spans="1:4" x14ac:dyDescent="0.3">
      <c r="A1322" s="6">
        <v>44415</v>
      </c>
      <c r="B1322" s="8">
        <v>61.903035039000002</v>
      </c>
      <c r="C1322" s="8">
        <v>26.768807352</v>
      </c>
      <c r="D1322" s="8">
        <v>24.856015804999998</v>
      </c>
    </row>
    <row r="1323" spans="1:4" x14ac:dyDescent="0.3">
      <c r="A1323" s="6">
        <v>44416</v>
      </c>
      <c r="B1323" s="8">
        <v>62.903035039000002</v>
      </c>
      <c r="C1323" s="8">
        <v>26.852275029000001</v>
      </c>
      <c r="D1323" s="8">
        <v>24.996906803000002</v>
      </c>
    </row>
    <row r="1324" spans="1:4" x14ac:dyDescent="0.3">
      <c r="A1324" s="6">
        <v>44417</v>
      </c>
      <c r="B1324" s="8">
        <v>62.903035039000002</v>
      </c>
      <c r="C1324" s="8">
        <v>26.938626430999999</v>
      </c>
      <c r="D1324" s="8">
        <v>25.014188679</v>
      </c>
    </row>
    <row r="1325" spans="1:4" x14ac:dyDescent="0.3">
      <c r="A1325" s="6">
        <v>44418</v>
      </c>
      <c r="B1325" s="8">
        <v>62.903035039000002</v>
      </c>
      <c r="C1325" s="8">
        <v>26.764596625999999</v>
      </c>
      <c r="D1325" s="8">
        <v>25.002110104</v>
      </c>
    </row>
    <row r="1326" spans="1:4" x14ac:dyDescent="0.3">
      <c r="A1326" s="6">
        <v>44419</v>
      </c>
      <c r="B1326" s="8">
        <v>62.903035039000002</v>
      </c>
      <c r="C1326" s="8">
        <v>26.635488063</v>
      </c>
      <c r="D1326" s="8">
        <v>25.013944646999999</v>
      </c>
    </row>
    <row r="1327" spans="1:4" x14ac:dyDescent="0.3">
      <c r="A1327" s="6">
        <v>44420</v>
      </c>
      <c r="B1327" s="8">
        <v>62.903035039000002</v>
      </c>
      <c r="C1327" s="8">
        <v>26.567142461</v>
      </c>
      <c r="D1327" s="8">
        <v>25.063419808999999</v>
      </c>
    </row>
    <row r="1328" spans="1:4" x14ac:dyDescent="0.3">
      <c r="A1328" s="6">
        <v>44421</v>
      </c>
      <c r="B1328" s="8">
        <v>62.903035039000002</v>
      </c>
      <c r="C1328" s="8">
        <v>26.607935896000001</v>
      </c>
      <c r="D1328" s="8">
        <v>25.173580499</v>
      </c>
    </row>
    <row r="1329" spans="1:4" x14ac:dyDescent="0.3">
      <c r="A1329" s="6">
        <v>44422</v>
      </c>
      <c r="B1329" s="8">
        <v>62.903035039000002</v>
      </c>
      <c r="C1329" s="8">
        <v>26.489971598</v>
      </c>
      <c r="D1329" s="8">
        <v>25.202005404000001</v>
      </c>
    </row>
    <row r="1330" spans="1:4" x14ac:dyDescent="0.3">
      <c r="A1330" s="6">
        <v>44423</v>
      </c>
      <c r="B1330" s="8">
        <v>63.903035039000002</v>
      </c>
      <c r="C1330" s="8">
        <v>26.472784442999998</v>
      </c>
      <c r="D1330" s="8">
        <v>25.271715526000001</v>
      </c>
    </row>
    <row r="1331" spans="1:4" x14ac:dyDescent="0.3">
      <c r="A1331" s="6">
        <v>44424</v>
      </c>
      <c r="B1331" s="8">
        <v>63.903035039000002</v>
      </c>
      <c r="C1331" s="8">
        <v>26.492011551000001</v>
      </c>
      <c r="D1331" s="8">
        <v>25.375430059999999</v>
      </c>
    </row>
    <row r="1332" spans="1:4" x14ac:dyDescent="0.3">
      <c r="A1332" s="6">
        <v>44425</v>
      </c>
      <c r="B1332" s="8">
        <v>63.903035039000002</v>
      </c>
      <c r="C1332" s="8">
        <v>26.456711066</v>
      </c>
      <c r="D1332" s="8">
        <v>25.329381386000001</v>
      </c>
    </row>
    <row r="1333" spans="1:4" x14ac:dyDescent="0.3">
      <c r="A1333" s="6">
        <v>44426</v>
      </c>
      <c r="B1333" s="8">
        <v>63.903035039000002</v>
      </c>
      <c r="C1333" s="8">
        <v>26.480743713999999</v>
      </c>
      <c r="D1333" s="8">
        <v>25.259987609</v>
      </c>
    </row>
    <row r="1334" spans="1:4" x14ac:dyDescent="0.3">
      <c r="A1334" s="6">
        <v>44427</v>
      </c>
      <c r="B1334" s="8">
        <v>63.903035039000002</v>
      </c>
      <c r="C1334" s="8">
        <v>26.328862181000002</v>
      </c>
      <c r="D1334" s="8">
        <v>25.463333065</v>
      </c>
    </row>
    <row r="1335" spans="1:4" x14ac:dyDescent="0.3">
      <c r="A1335" s="6">
        <v>44428</v>
      </c>
      <c r="B1335" s="8">
        <v>63.903035039000002</v>
      </c>
      <c r="C1335" s="8">
        <v>26.040861036999999</v>
      </c>
      <c r="D1335" s="8">
        <v>25.697804607999998</v>
      </c>
    </row>
    <row r="1336" spans="1:4" x14ac:dyDescent="0.3">
      <c r="A1336" s="6">
        <v>44429</v>
      </c>
      <c r="B1336" s="8">
        <v>64.903035039000002</v>
      </c>
      <c r="C1336" s="8">
        <v>25.839526963000001</v>
      </c>
      <c r="D1336" s="8">
        <v>25.752896992</v>
      </c>
    </row>
    <row r="1337" spans="1:4" x14ac:dyDescent="0.3">
      <c r="A1337" s="6">
        <v>44430</v>
      </c>
      <c r="B1337" s="8">
        <v>64.903035039000002</v>
      </c>
      <c r="C1337" s="8">
        <v>25.859885347999999</v>
      </c>
      <c r="D1337" s="8">
        <v>25.863251239</v>
      </c>
    </row>
    <row r="1338" spans="1:4" x14ac:dyDescent="0.3">
      <c r="A1338" s="6">
        <v>44431</v>
      </c>
      <c r="B1338" s="8">
        <v>65.903035039000002</v>
      </c>
      <c r="C1338" s="8">
        <v>25.872442057000001</v>
      </c>
      <c r="D1338" s="8">
        <v>25.997210450000001</v>
      </c>
    </row>
    <row r="1339" spans="1:4" x14ac:dyDescent="0.3">
      <c r="A1339" s="6">
        <v>44432</v>
      </c>
      <c r="B1339" s="8">
        <v>63.903035039000002</v>
      </c>
      <c r="C1339" s="8">
        <v>25.841134558</v>
      </c>
      <c r="D1339" s="8">
        <v>26.038499817000002</v>
      </c>
    </row>
    <row r="1340" spans="1:4" x14ac:dyDescent="0.3">
      <c r="A1340" s="6">
        <v>44433</v>
      </c>
      <c r="B1340" s="8">
        <v>65.903035039000002</v>
      </c>
      <c r="C1340" s="8">
        <v>25.858643110999999</v>
      </c>
      <c r="D1340" s="8">
        <v>25.917123351000001</v>
      </c>
    </row>
    <row r="1341" spans="1:4" x14ac:dyDescent="0.3">
      <c r="A1341" s="6">
        <v>44434</v>
      </c>
      <c r="B1341" s="8">
        <v>65.867856075999995</v>
      </c>
      <c r="C1341" s="8">
        <v>25.866097492000002</v>
      </c>
      <c r="D1341" s="8">
        <v>25.883093155000001</v>
      </c>
    </row>
    <row r="1342" spans="1:4" x14ac:dyDescent="0.3">
      <c r="A1342" s="6">
        <v>44435</v>
      </c>
      <c r="B1342" s="8">
        <v>65.866273215999996</v>
      </c>
      <c r="C1342" s="8">
        <v>25.922310595999999</v>
      </c>
      <c r="D1342" s="8">
        <v>25.983381048999998</v>
      </c>
    </row>
    <row r="1343" spans="1:4" x14ac:dyDescent="0.3">
      <c r="A1343" s="6">
        <v>44436</v>
      </c>
      <c r="B1343" s="8">
        <v>65.866273215999996</v>
      </c>
      <c r="C1343" s="8">
        <v>25.968977386999999</v>
      </c>
      <c r="D1343" s="8">
        <v>26.118036578000002</v>
      </c>
    </row>
    <row r="1344" spans="1:4" x14ac:dyDescent="0.3">
      <c r="A1344" s="6">
        <v>44437</v>
      </c>
      <c r="B1344" s="8">
        <v>65.866273215999996</v>
      </c>
      <c r="C1344" s="8">
        <v>26.023568159</v>
      </c>
      <c r="D1344" s="8">
        <v>26.078697636000001</v>
      </c>
    </row>
    <row r="1345" spans="1:4" x14ac:dyDescent="0.3">
      <c r="A1345" s="6">
        <v>44438</v>
      </c>
      <c r="B1345" s="8">
        <v>65.866273215999996</v>
      </c>
      <c r="C1345" s="8">
        <v>26.043510833999999</v>
      </c>
      <c r="D1345" s="8">
        <v>26.116370411999998</v>
      </c>
    </row>
    <row r="1346" spans="1:4" x14ac:dyDescent="0.3">
      <c r="A1346" s="6">
        <v>44439</v>
      </c>
      <c r="B1346" s="8">
        <v>65.866273215999996</v>
      </c>
      <c r="C1346" s="8">
        <v>26.197671647</v>
      </c>
      <c r="D1346" s="8">
        <v>26.088184331000001</v>
      </c>
    </row>
    <row r="1347" spans="1:4" x14ac:dyDescent="0.3">
      <c r="A1347" s="6">
        <v>44440</v>
      </c>
      <c r="B1347" s="8">
        <v>65.866273215999996</v>
      </c>
      <c r="C1347" s="8">
        <v>26.173617716999999</v>
      </c>
      <c r="D1347" s="8">
        <v>26.219275754000002</v>
      </c>
    </row>
    <row r="1348" spans="1:4" x14ac:dyDescent="0.3">
      <c r="A1348" s="6">
        <v>44441</v>
      </c>
      <c r="B1348" s="8">
        <v>65.866273215999996</v>
      </c>
      <c r="C1348" s="8">
        <v>26.087515585999999</v>
      </c>
      <c r="D1348" s="8">
        <v>26.524992073</v>
      </c>
    </row>
    <row r="1349" spans="1:4" x14ac:dyDescent="0.3">
      <c r="A1349" s="6">
        <v>44442</v>
      </c>
      <c r="B1349" s="8">
        <v>66.866273215999996</v>
      </c>
      <c r="C1349" s="8">
        <v>26.227262633999999</v>
      </c>
      <c r="D1349" s="8">
        <v>26.655734212999999</v>
      </c>
    </row>
    <row r="1350" spans="1:4" x14ac:dyDescent="0.3">
      <c r="A1350" s="6">
        <v>44443</v>
      </c>
      <c r="B1350" s="8">
        <v>66.866273215999996</v>
      </c>
      <c r="C1350" s="8">
        <v>26.243385119999999</v>
      </c>
      <c r="D1350" s="8">
        <v>26.770531172999998</v>
      </c>
    </row>
    <row r="1351" spans="1:4" x14ac:dyDescent="0.3">
      <c r="A1351" s="6">
        <v>44444</v>
      </c>
      <c r="B1351" s="8">
        <v>66.866273215999996</v>
      </c>
      <c r="C1351" s="8">
        <v>26.334475047000002</v>
      </c>
      <c r="D1351" s="8">
        <v>26.893679121000002</v>
      </c>
    </row>
    <row r="1352" spans="1:4" x14ac:dyDescent="0.3">
      <c r="A1352" s="6">
        <v>44445</v>
      </c>
      <c r="B1352" s="8">
        <v>67.866273215999996</v>
      </c>
      <c r="C1352" s="8">
        <v>26.276363279000002</v>
      </c>
      <c r="D1352" s="8">
        <v>26.856139166999998</v>
      </c>
    </row>
    <row r="1353" spans="1:4" x14ac:dyDescent="0.3">
      <c r="A1353" s="6">
        <v>44446</v>
      </c>
      <c r="B1353" s="8">
        <v>69.866273215999996</v>
      </c>
      <c r="C1353" s="8">
        <v>26.216068951</v>
      </c>
      <c r="D1353" s="8">
        <v>26.981715948000002</v>
      </c>
    </row>
    <row r="1354" spans="1:4" x14ac:dyDescent="0.3">
      <c r="A1354" s="6">
        <v>44447</v>
      </c>
      <c r="B1354" s="8">
        <v>69.866273215999996</v>
      </c>
      <c r="C1354" s="8">
        <v>26.596570633999999</v>
      </c>
      <c r="D1354" s="8">
        <v>26.952714966999999</v>
      </c>
    </row>
    <row r="1355" spans="1:4" x14ac:dyDescent="0.3">
      <c r="A1355" s="6">
        <v>44448</v>
      </c>
      <c r="B1355" s="8">
        <v>69.866273215999996</v>
      </c>
      <c r="C1355" s="8">
        <v>26.737068494999999</v>
      </c>
      <c r="D1355" s="8">
        <v>27.166479408000001</v>
      </c>
    </row>
    <row r="1356" spans="1:4" x14ac:dyDescent="0.3">
      <c r="A1356" s="6">
        <v>44449</v>
      </c>
      <c r="B1356" s="8">
        <v>69.866273215999996</v>
      </c>
      <c r="C1356" s="8">
        <v>26.705320358000002</v>
      </c>
      <c r="D1356" s="8">
        <v>27.432459522999999</v>
      </c>
    </row>
    <row r="1357" spans="1:4" x14ac:dyDescent="0.3">
      <c r="A1357" s="6">
        <v>44450</v>
      </c>
      <c r="B1357" s="8">
        <v>69.866273215999996</v>
      </c>
      <c r="C1357" s="8">
        <v>26.794583207999999</v>
      </c>
      <c r="D1357" s="8">
        <v>26.994891187975178</v>
      </c>
    </row>
    <row r="1358" spans="1:4" x14ac:dyDescent="0.3">
      <c r="A1358" s="6">
        <v>44451</v>
      </c>
      <c r="B1358" s="8">
        <v>69.866273215999996</v>
      </c>
      <c r="C1358" s="8">
        <v>26.766456313999999</v>
      </c>
      <c r="D1358" s="8">
        <v>27.13333884</v>
      </c>
    </row>
    <row r="1359" spans="1:4" x14ac:dyDescent="0.3">
      <c r="A1359" s="6">
        <v>44452</v>
      </c>
      <c r="B1359" s="8">
        <v>69.866273215999996</v>
      </c>
      <c r="C1359" s="8">
        <v>26.738357661999999</v>
      </c>
      <c r="D1359" s="8">
        <v>27.169285760000001</v>
      </c>
    </row>
    <row r="1360" spans="1:4" x14ac:dyDescent="0.3">
      <c r="A1360" s="6">
        <v>44453</v>
      </c>
      <c r="B1360" s="8">
        <v>69.866273215999996</v>
      </c>
      <c r="C1360" s="8">
        <v>26.639308467999999</v>
      </c>
      <c r="D1360" s="8">
        <v>27.186720142954407</v>
      </c>
    </row>
    <row r="1361" spans="1:4" x14ac:dyDescent="0.3">
      <c r="A1361" s="6">
        <v>44454</v>
      </c>
      <c r="B1361" s="8">
        <v>69.854865454999995</v>
      </c>
      <c r="C1361" s="8">
        <v>26.579660573999998</v>
      </c>
      <c r="D1361" s="8">
        <v>27.519327995000001</v>
      </c>
    </row>
    <row r="1362" spans="1:4" x14ac:dyDescent="0.3">
      <c r="A1362" s="6">
        <v>44455</v>
      </c>
      <c r="B1362" s="8">
        <v>69.854865454999995</v>
      </c>
      <c r="C1362" s="8">
        <v>26.645488915000001</v>
      </c>
      <c r="D1362" s="8">
        <v>27.56429378</v>
      </c>
    </row>
    <row r="1363" spans="1:4" x14ac:dyDescent="0.3">
      <c r="A1363" s="6">
        <v>44456</v>
      </c>
      <c r="B1363" s="8">
        <v>69.854865454999995</v>
      </c>
      <c r="C1363" s="8">
        <v>26.645466874</v>
      </c>
      <c r="D1363" s="8">
        <v>27.722295420999998</v>
      </c>
    </row>
    <row r="1364" spans="1:4" x14ac:dyDescent="0.3">
      <c r="A1364" s="6">
        <v>44457</v>
      </c>
      <c r="B1364" s="8">
        <v>69.854865454999995</v>
      </c>
      <c r="C1364" s="8">
        <v>26.801934533000001</v>
      </c>
      <c r="D1364" s="8">
        <v>27.899694194999999</v>
      </c>
    </row>
    <row r="1365" spans="1:4" x14ac:dyDescent="0.3">
      <c r="A1365" s="6">
        <v>44458</v>
      </c>
      <c r="B1365" s="8">
        <v>69.854866564999995</v>
      </c>
      <c r="C1365" s="8">
        <v>26.826637040000001</v>
      </c>
      <c r="D1365" s="8">
        <v>27.850450990999999</v>
      </c>
    </row>
    <row r="1366" spans="1:4" x14ac:dyDescent="0.3">
      <c r="A1366" s="6">
        <v>44459</v>
      </c>
      <c r="B1366" s="8">
        <v>69.854867147999997</v>
      </c>
      <c r="C1366" s="8">
        <v>26.856289070999999</v>
      </c>
      <c r="D1366" s="8">
        <v>27.942377576999998</v>
      </c>
    </row>
    <row r="1367" spans="1:4" x14ac:dyDescent="0.3">
      <c r="A1367" s="6">
        <v>44460</v>
      </c>
      <c r="B1367" s="8">
        <v>69.854866236999996</v>
      </c>
      <c r="C1367" s="8">
        <v>26.890217535000001</v>
      </c>
      <c r="D1367" s="8">
        <v>27.588520401</v>
      </c>
    </row>
    <row r="1368" spans="1:4" x14ac:dyDescent="0.3">
      <c r="A1368" s="6">
        <v>44461</v>
      </c>
      <c r="B1368" s="8">
        <v>69.854866236999996</v>
      </c>
      <c r="C1368" s="8">
        <v>27.218846550999999</v>
      </c>
      <c r="D1368" s="8">
        <v>27.575853668000001</v>
      </c>
    </row>
    <row r="1369" spans="1:4" x14ac:dyDescent="0.3">
      <c r="A1369" s="6">
        <v>44462</v>
      </c>
      <c r="B1369" s="8">
        <v>69.854866236999996</v>
      </c>
      <c r="C1369" s="8">
        <v>27.463684987000001</v>
      </c>
      <c r="D1369" s="8">
        <v>27.779066312000001</v>
      </c>
    </row>
    <row r="1370" spans="1:4" x14ac:dyDescent="0.3">
      <c r="A1370" s="6">
        <v>44463</v>
      </c>
      <c r="B1370" s="8">
        <v>69.854866677000004</v>
      </c>
      <c r="C1370" s="8">
        <v>27.610838640000001</v>
      </c>
      <c r="D1370" s="8">
        <v>28.079393563</v>
      </c>
    </row>
    <row r="1371" spans="1:4" x14ac:dyDescent="0.3">
      <c r="A1371" s="6">
        <v>44464</v>
      </c>
      <c r="B1371" s="8">
        <v>69.854866776999998</v>
      </c>
      <c r="C1371" s="8">
        <v>28.011510582</v>
      </c>
      <c r="D1371" s="8">
        <v>28.575237342000001</v>
      </c>
    </row>
    <row r="1372" spans="1:4" x14ac:dyDescent="0.3">
      <c r="A1372" s="6">
        <v>44465</v>
      </c>
      <c r="B1372" s="8">
        <v>69.854866826000006</v>
      </c>
      <c r="C1372" s="8">
        <v>28.242681908000002</v>
      </c>
      <c r="D1372" s="8">
        <v>28.741016795</v>
      </c>
    </row>
    <row r="1373" spans="1:4" x14ac:dyDescent="0.3">
      <c r="A1373" s="6">
        <v>44466</v>
      </c>
      <c r="B1373" s="8">
        <v>69.854866829000002</v>
      </c>
      <c r="C1373" s="8">
        <v>28.536821135</v>
      </c>
      <c r="D1373" s="8">
        <v>28.829638256999999</v>
      </c>
    </row>
    <row r="1374" spans="1:4" x14ac:dyDescent="0.3">
      <c r="A1374" s="6">
        <v>44467</v>
      </c>
      <c r="B1374" s="8">
        <v>69.854867329000001</v>
      </c>
      <c r="C1374" s="8">
        <v>28.467552420000001</v>
      </c>
      <c r="D1374" s="8">
        <v>28.577763883999999</v>
      </c>
    </row>
    <row r="1375" spans="1:4" x14ac:dyDescent="0.3">
      <c r="A1375" s="6">
        <v>44468</v>
      </c>
      <c r="B1375" s="8">
        <v>69.854866928000007</v>
      </c>
      <c r="C1375" s="8">
        <v>28.358231035999999</v>
      </c>
      <c r="D1375" s="8">
        <v>28.526966845</v>
      </c>
    </row>
    <row r="1376" spans="1:4" x14ac:dyDescent="0.3">
      <c r="A1376" s="6">
        <v>44469</v>
      </c>
      <c r="B1376" s="8">
        <v>69.854866928000007</v>
      </c>
      <c r="C1376" s="8">
        <v>28.636867578</v>
      </c>
      <c r="D1376" s="8">
        <v>28.440315468000001</v>
      </c>
    </row>
    <row r="1377" spans="1:4" x14ac:dyDescent="0.3">
      <c r="A1377" s="6">
        <v>44470</v>
      </c>
      <c r="B1377" s="8">
        <v>69.854866947999994</v>
      </c>
      <c r="C1377" s="8">
        <v>28.906272123000001</v>
      </c>
      <c r="D1377" s="8">
        <v>28.015619645000001</v>
      </c>
    </row>
    <row r="1378" spans="1:4" x14ac:dyDescent="0.3">
      <c r="A1378" s="6">
        <v>44471</v>
      </c>
      <c r="B1378" s="8">
        <v>69.854866960999999</v>
      </c>
      <c r="C1378" s="8">
        <v>29.034929718000001</v>
      </c>
      <c r="D1378" s="8">
        <v>28.064705945</v>
      </c>
    </row>
    <row r="1379" spans="1:4" x14ac:dyDescent="0.3">
      <c r="A1379" s="6">
        <v>44472</v>
      </c>
      <c r="B1379" s="8">
        <v>69.854867397999996</v>
      </c>
      <c r="C1379" s="8">
        <v>29.196108739</v>
      </c>
      <c r="D1379" s="8">
        <v>28.067184139999998</v>
      </c>
    </row>
    <row r="1380" spans="1:4" x14ac:dyDescent="0.3">
      <c r="A1380" s="6">
        <v>44473</v>
      </c>
      <c r="B1380" s="8">
        <v>69.854867416000005</v>
      </c>
      <c r="C1380" s="8">
        <v>29.335103084</v>
      </c>
      <c r="D1380" s="8">
        <v>28.215986723</v>
      </c>
    </row>
    <row r="1381" spans="1:4" x14ac:dyDescent="0.3">
      <c r="A1381" s="6">
        <v>44474</v>
      </c>
      <c r="B1381" s="8">
        <v>69.854867916000003</v>
      </c>
      <c r="C1381" s="8">
        <v>29.318381873</v>
      </c>
      <c r="D1381" s="8">
        <v>28.284844464999999</v>
      </c>
    </row>
    <row r="1382" spans="1:4" x14ac:dyDescent="0.3">
      <c r="A1382" s="6">
        <v>44475</v>
      </c>
      <c r="B1382" s="8">
        <v>69.854867916000003</v>
      </c>
      <c r="C1382" s="8">
        <v>29.457097766</v>
      </c>
      <c r="D1382" s="8">
        <v>28.345689326999999</v>
      </c>
    </row>
    <row r="1383" spans="1:4" x14ac:dyDescent="0.3">
      <c r="A1383" s="6">
        <v>44476</v>
      </c>
      <c r="B1383" s="8">
        <v>69.854868848999999</v>
      </c>
      <c r="C1383" s="8">
        <v>29.644208597999999</v>
      </c>
      <c r="D1383" s="8">
        <v>28.676803663000001</v>
      </c>
    </row>
    <row r="1384" spans="1:4" x14ac:dyDescent="0.3">
      <c r="A1384" s="6">
        <v>44477</v>
      </c>
      <c r="B1384" s="8">
        <v>69.854868948999993</v>
      </c>
      <c r="C1384" s="8">
        <v>29.873275485000001</v>
      </c>
      <c r="D1384" s="8">
        <v>28.551460942999999</v>
      </c>
    </row>
    <row r="1385" spans="1:4" x14ac:dyDescent="0.3">
      <c r="A1385" s="6">
        <v>44478</v>
      </c>
      <c r="B1385" s="8">
        <v>69.854868948999993</v>
      </c>
      <c r="C1385" s="8">
        <v>29.940014950999998</v>
      </c>
      <c r="D1385" s="8">
        <v>28.744406815000001</v>
      </c>
    </row>
    <row r="1386" spans="1:4" x14ac:dyDescent="0.3">
      <c r="A1386" s="6">
        <v>44479</v>
      </c>
      <c r="B1386" s="8">
        <v>69.854868948999993</v>
      </c>
      <c r="C1386" s="8">
        <v>29.990191867</v>
      </c>
      <c r="D1386" s="8">
        <v>28.848155408</v>
      </c>
    </row>
    <row r="1387" spans="1:4" x14ac:dyDescent="0.3">
      <c r="A1387" s="6">
        <v>44480</v>
      </c>
      <c r="B1387" s="8">
        <v>69.854869292000004</v>
      </c>
      <c r="C1387" s="8">
        <v>30.126990277000001</v>
      </c>
      <c r="D1387" s="8">
        <v>28.900793998000001</v>
      </c>
    </row>
    <row r="1388" spans="1:4" x14ac:dyDescent="0.3">
      <c r="A1388" s="6">
        <v>44481</v>
      </c>
      <c r="B1388" s="8">
        <v>69.854869385000001</v>
      </c>
      <c r="C1388" s="8">
        <v>30.164503469</v>
      </c>
      <c r="D1388" s="8">
        <v>29.005669246</v>
      </c>
    </row>
    <row r="1389" spans="1:4" x14ac:dyDescent="0.3">
      <c r="A1389" s="6">
        <v>44482</v>
      </c>
      <c r="B1389" s="8">
        <v>69.854868417999995</v>
      </c>
      <c r="C1389" s="8">
        <v>29.985270121999999</v>
      </c>
      <c r="D1389" s="8">
        <v>29.109205183</v>
      </c>
    </row>
    <row r="1390" spans="1:4" x14ac:dyDescent="0.3">
      <c r="A1390" s="6">
        <v>44483</v>
      </c>
      <c r="B1390" s="8">
        <v>69.854868510000003</v>
      </c>
      <c r="C1390" s="8">
        <v>29.914298551000002</v>
      </c>
      <c r="D1390" s="8">
        <v>29.127374417999999</v>
      </c>
    </row>
    <row r="1391" spans="1:4" x14ac:dyDescent="0.3">
      <c r="A1391" s="6">
        <v>44484</v>
      </c>
      <c r="B1391" s="8">
        <v>69.854868514000003</v>
      </c>
      <c r="C1391" s="8">
        <v>29.982070909000001</v>
      </c>
      <c r="D1391" s="8">
        <v>29.564050265999999</v>
      </c>
    </row>
    <row r="1392" spans="1:4" x14ac:dyDescent="0.3">
      <c r="A1392" s="6">
        <v>44485</v>
      </c>
      <c r="B1392" s="8">
        <v>69.85486822</v>
      </c>
      <c r="C1392" s="8">
        <v>29.911165814</v>
      </c>
      <c r="D1392" s="8">
        <v>29.633655438000002</v>
      </c>
    </row>
    <row r="1393" spans="1:4" x14ac:dyDescent="0.3">
      <c r="A1393" s="6">
        <v>44486</v>
      </c>
      <c r="B1393" s="8">
        <v>69.854868214999996</v>
      </c>
      <c r="C1393" s="8">
        <v>29.883146058000001</v>
      </c>
      <c r="D1393" s="8">
        <v>29.691125834000001</v>
      </c>
    </row>
    <row r="1394" spans="1:4" x14ac:dyDescent="0.3">
      <c r="A1394" s="6">
        <v>44487</v>
      </c>
      <c r="B1394" s="8">
        <v>69.854868216</v>
      </c>
      <c r="C1394" s="8">
        <v>29.807322287000002</v>
      </c>
      <c r="D1394" s="8">
        <v>29.609778862999999</v>
      </c>
    </row>
    <row r="1395" spans="1:4" x14ac:dyDescent="0.3">
      <c r="A1395" s="6">
        <v>44488</v>
      </c>
      <c r="B1395" s="8">
        <v>69.854868234999998</v>
      </c>
      <c r="C1395" s="8">
        <v>29.786559263000001</v>
      </c>
      <c r="D1395" s="8">
        <v>29.763593728</v>
      </c>
    </row>
    <row r="1396" spans="1:4" x14ac:dyDescent="0.3">
      <c r="A1396" s="6">
        <v>44489</v>
      </c>
      <c r="B1396" s="8">
        <v>69.851688809999999</v>
      </c>
      <c r="C1396" s="8">
        <v>29.409166541000001</v>
      </c>
      <c r="D1396" s="8">
        <v>29.851299748999999</v>
      </c>
    </row>
    <row r="1397" spans="1:4" x14ac:dyDescent="0.3">
      <c r="A1397" s="6">
        <v>44490</v>
      </c>
      <c r="B1397" s="8">
        <v>69.851687894999998</v>
      </c>
      <c r="C1397" s="8">
        <v>29.593936221</v>
      </c>
      <c r="D1397" s="8">
        <v>30.296089874</v>
      </c>
    </row>
    <row r="1398" spans="1:4" x14ac:dyDescent="0.3">
      <c r="A1398" s="6">
        <v>44491</v>
      </c>
      <c r="B1398" s="8">
        <v>69.827036382000003</v>
      </c>
      <c r="C1398" s="8">
        <v>29.492912055000001</v>
      </c>
      <c r="D1398" s="8">
        <v>30.219721946</v>
      </c>
    </row>
    <row r="1399" spans="1:4" x14ac:dyDescent="0.3">
      <c r="A1399" s="6">
        <v>44492</v>
      </c>
      <c r="B1399" s="8">
        <v>69.827036366000002</v>
      </c>
      <c r="C1399" s="8">
        <v>29.577500477000001</v>
      </c>
      <c r="D1399" s="8">
        <v>30.230086505999999</v>
      </c>
    </row>
    <row r="1400" spans="1:4" x14ac:dyDescent="0.3">
      <c r="A1400" s="6">
        <v>44493</v>
      </c>
      <c r="B1400" s="8">
        <v>69.827036480000004</v>
      </c>
      <c r="C1400" s="8">
        <v>29.580198687999999</v>
      </c>
      <c r="D1400" s="8">
        <v>30.322105563000001</v>
      </c>
    </row>
    <row r="1401" spans="1:4" x14ac:dyDescent="0.3">
      <c r="A1401" s="6">
        <v>44494</v>
      </c>
      <c r="B1401" s="8">
        <v>69.827036293000006</v>
      </c>
      <c r="C1401" s="8">
        <v>29.677955847</v>
      </c>
      <c r="D1401" s="8">
        <v>30.229103326000001</v>
      </c>
    </row>
    <row r="1402" spans="1:4" x14ac:dyDescent="0.3">
      <c r="A1402" s="6">
        <v>44495</v>
      </c>
      <c r="B1402" s="8">
        <v>69.827036429000003</v>
      </c>
      <c r="C1402" s="8">
        <v>29.718228951</v>
      </c>
      <c r="D1402" s="8">
        <v>30.334390370000001</v>
      </c>
    </row>
    <row r="1403" spans="1:4" x14ac:dyDescent="0.3">
      <c r="A1403" s="6">
        <v>44496</v>
      </c>
      <c r="B1403" s="8">
        <v>69.827037411000006</v>
      </c>
      <c r="C1403" s="8">
        <v>29.639563852999999</v>
      </c>
      <c r="D1403" s="8">
        <v>30.364714382999999</v>
      </c>
    </row>
    <row r="1404" spans="1:4" x14ac:dyDescent="0.3">
      <c r="A1404" s="6">
        <v>44497</v>
      </c>
      <c r="B1404" s="8">
        <v>69.827037344999994</v>
      </c>
      <c r="C1404" s="8">
        <v>29.859532891000001</v>
      </c>
      <c r="D1404" s="8">
        <v>30.812422222999999</v>
      </c>
    </row>
    <row r="1405" spans="1:4" x14ac:dyDescent="0.3">
      <c r="A1405" s="6">
        <v>44498</v>
      </c>
      <c r="B1405" s="8">
        <v>69.827041933000004</v>
      </c>
      <c r="C1405" s="8">
        <v>29.830271453999998</v>
      </c>
      <c r="D1405" s="8">
        <v>31.148896926999999</v>
      </c>
    </row>
    <row r="1406" spans="1:4" x14ac:dyDescent="0.3">
      <c r="A1406" s="6">
        <v>44499</v>
      </c>
      <c r="B1406" s="8">
        <v>69.827037365999999</v>
      </c>
      <c r="C1406" s="8">
        <v>30.093078444</v>
      </c>
      <c r="D1406" s="8">
        <v>31.368551491000002</v>
      </c>
    </row>
    <row r="1407" spans="1:4" x14ac:dyDescent="0.3">
      <c r="A1407" s="6">
        <v>44500</v>
      </c>
      <c r="B1407" s="8">
        <v>69.827038133000002</v>
      </c>
      <c r="C1407" s="8">
        <v>30.282457485999998</v>
      </c>
      <c r="D1407" s="8">
        <v>31.480895986</v>
      </c>
    </row>
    <row r="1408" spans="1:4" x14ac:dyDescent="0.3">
      <c r="A1408" s="6">
        <v>44501</v>
      </c>
      <c r="B1408" s="8">
        <v>69.827036481999997</v>
      </c>
      <c r="C1408" s="8">
        <v>30.191297571</v>
      </c>
      <c r="D1408" s="8">
        <v>31.723236095000001</v>
      </c>
    </row>
    <row r="1409" spans="1:4" x14ac:dyDescent="0.3">
      <c r="A1409" s="6">
        <v>44502</v>
      </c>
      <c r="B1409" s="8">
        <v>70.827036542000002</v>
      </c>
      <c r="C1409" s="8">
        <v>30.35037655</v>
      </c>
      <c r="D1409" s="8">
        <v>31.888260456000001</v>
      </c>
    </row>
    <row r="1410" spans="1:4" x14ac:dyDescent="0.3">
      <c r="A1410" s="6">
        <v>44503</v>
      </c>
      <c r="B1410" s="8">
        <v>70.827066349999996</v>
      </c>
      <c r="C1410" s="8">
        <v>30.481678941999999</v>
      </c>
      <c r="D1410" s="8">
        <v>32.474670543999999</v>
      </c>
    </row>
    <row r="1411" spans="1:4" x14ac:dyDescent="0.3">
      <c r="A1411" s="6">
        <v>44504</v>
      </c>
      <c r="B1411" s="8">
        <v>70.827038739000002</v>
      </c>
      <c r="C1411" s="8">
        <v>30.670289751999999</v>
      </c>
      <c r="D1411" s="8">
        <v>32.53652743</v>
      </c>
    </row>
    <row r="1412" spans="1:4" x14ac:dyDescent="0.3">
      <c r="A1412" s="6">
        <v>44505</v>
      </c>
      <c r="B1412" s="8">
        <v>71.827038872000003</v>
      </c>
      <c r="C1412" s="8">
        <v>30.658382707000001</v>
      </c>
      <c r="D1412" s="8">
        <v>32.454062397000001</v>
      </c>
    </row>
    <row r="1413" spans="1:4" x14ac:dyDescent="0.3">
      <c r="A1413" s="6">
        <v>44506</v>
      </c>
      <c r="B1413" s="8">
        <v>72.827041832999996</v>
      </c>
      <c r="C1413" s="8">
        <v>30.943053258999999</v>
      </c>
      <c r="D1413" s="8">
        <v>32.746032696</v>
      </c>
    </row>
    <row r="1414" spans="1:4" x14ac:dyDescent="0.3">
      <c r="A1414" s="6">
        <v>44507</v>
      </c>
      <c r="B1414" s="8">
        <v>72.827040354999994</v>
      </c>
      <c r="C1414" s="8">
        <v>31.109831366000002</v>
      </c>
      <c r="D1414" s="8">
        <v>32.401784892000002</v>
      </c>
    </row>
    <row r="1415" spans="1:4" x14ac:dyDescent="0.3">
      <c r="A1415" s="6">
        <v>44508</v>
      </c>
      <c r="B1415" s="8">
        <v>73.827043696000004</v>
      </c>
      <c r="C1415" s="8">
        <v>31.059361285000001</v>
      </c>
      <c r="D1415" s="8">
        <v>32.713364462000001</v>
      </c>
    </row>
    <row r="1416" spans="1:4" x14ac:dyDescent="0.3">
      <c r="A1416" s="6">
        <v>44509</v>
      </c>
      <c r="B1416" s="8">
        <v>72.826247457999997</v>
      </c>
      <c r="C1416" s="8">
        <v>31.111888775000001</v>
      </c>
      <c r="D1416" s="8">
        <v>33.031412971999998</v>
      </c>
    </row>
    <row r="1417" spans="1:4" x14ac:dyDescent="0.3">
      <c r="A1417" s="6">
        <v>44510</v>
      </c>
      <c r="B1417" s="8">
        <v>74.826247594999998</v>
      </c>
      <c r="C1417" s="8">
        <v>31.322223077</v>
      </c>
      <c r="D1417" s="8">
        <v>33.236407147999998</v>
      </c>
    </row>
    <row r="1418" spans="1:4" x14ac:dyDescent="0.3">
      <c r="A1418" s="6">
        <v>44511</v>
      </c>
      <c r="B1418" s="8">
        <v>74.827256204999998</v>
      </c>
      <c r="C1418" s="8">
        <v>31.175956243000002</v>
      </c>
      <c r="D1418" s="8">
        <v>33.08683568</v>
      </c>
    </row>
    <row r="1419" spans="1:4" x14ac:dyDescent="0.3">
      <c r="A1419" s="6">
        <v>44512</v>
      </c>
      <c r="B1419" s="8">
        <v>74.827254378000006</v>
      </c>
      <c r="C1419" s="8">
        <v>31.094550560999998</v>
      </c>
      <c r="D1419" s="8">
        <v>33.396016217000003</v>
      </c>
    </row>
    <row r="1420" spans="1:4" x14ac:dyDescent="0.3">
      <c r="A1420" s="6">
        <v>44513</v>
      </c>
      <c r="B1420" s="8">
        <v>74.827254413000006</v>
      </c>
      <c r="C1420" s="8">
        <v>31.094291288000001</v>
      </c>
      <c r="D1420" s="8">
        <v>33.847464897999998</v>
      </c>
    </row>
    <row r="1421" spans="1:4" x14ac:dyDescent="0.3">
      <c r="A1421" s="6">
        <v>44514</v>
      </c>
      <c r="B1421" s="8">
        <v>74.827267246000005</v>
      </c>
      <c r="C1421" s="8">
        <v>31.095110440999999</v>
      </c>
      <c r="D1421" s="8">
        <v>34.470436548999999</v>
      </c>
    </row>
    <row r="1422" spans="1:4" x14ac:dyDescent="0.3">
      <c r="A1422" s="6">
        <v>44515</v>
      </c>
      <c r="B1422" s="8">
        <v>74.827248400000002</v>
      </c>
      <c r="C1422" s="8">
        <v>31.174186590000001</v>
      </c>
      <c r="D1422" s="8">
        <v>35.038333629999997</v>
      </c>
    </row>
    <row r="1423" spans="1:4" x14ac:dyDescent="0.3">
      <c r="A1423" s="6">
        <v>44516</v>
      </c>
      <c r="B1423" s="8">
        <v>74.827248041999994</v>
      </c>
      <c r="C1423" s="8">
        <v>31.365834530000001</v>
      </c>
      <c r="D1423" s="8">
        <v>35.480619185000002</v>
      </c>
    </row>
    <row r="1424" spans="1:4" x14ac:dyDescent="0.3">
      <c r="A1424" s="6">
        <v>44517</v>
      </c>
      <c r="B1424" s="8">
        <v>74.827248495000006</v>
      </c>
      <c r="C1424" s="8">
        <v>31.619044874</v>
      </c>
      <c r="D1424" s="8">
        <v>36.201086340000003</v>
      </c>
    </row>
    <row r="1425" spans="1:4" x14ac:dyDescent="0.3">
      <c r="A1425" s="6">
        <v>44518</v>
      </c>
      <c r="B1425" s="8">
        <v>74.828257862000001</v>
      </c>
      <c r="C1425" s="8">
        <v>31.651215611000001</v>
      </c>
      <c r="D1425" s="8">
        <v>36.866930234000002</v>
      </c>
    </row>
    <row r="1426" spans="1:4" x14ac:dyDescent="0.3">
      <c r="A1426" s="6">
        <v>44519</v>
      </c>
      <c r="B1426" s="8">
        <v>74.829258656999997</v>
      </c>
      <c r="C1426" s="8">
        <v>31.910484844999999</v>
      </c>
      <c r="D1426" s="8">
        <v>37.058004918000002</v>
      </c>
    </row>
    <row r="1427" spans="1:4" x14ac:dyDescent="0.3">
      <c r="A1427" s="6">
        <v>44520</v>
      </c>
      <c r="B1427" s="8">
        <v>74.830266434999999</v>
      </c>
      <c r="C1427" s="8">
        <v>32.371040233000002</v>
      </c>
      <c r="D1427" s="8">
        <v>37.804952501000002</v>
      </c>
    </row>
    <row r="1428" spans="1:4" x14ac:dyDescent="0.3">
      <c r="A1428" s="6">
        <v>44521</v>
      </c>
      <c r="B1428" s="8">
        <v>74.830281044000003</v>
      </c>
      <c r="C1428" s="8">
        <v>32.585312645999998</v>
      </c>
      <c r="D1428" s="8">
        <v>38.339714917000002</v>
      </c>
    </row>
    <row r="1429" spans="1:4" x14ac:dyDescent="0.3">
      <c r="A1429" s="6">
        <v>44522</v>
      </c>
      <c r="B1429" s="8">
        <v>74.830286299999997</v>
      </c>
      <c r="C1429" s="8">
        <v>32.821282216</v>
      </c>
      <c r="D1429" s="8">
        <v>38.395133268000002</v>
      </c>
    </row>
    <row r="1430" spans="1:4" x14ac:dyDescent="0.3">
      <c r="A1430" s="6">
        <v>44523</v>
      </c>
      <c r="B1430" s="8">
        <v>74.830333624999994</v>
      </c>
      <c r="C1430" s="8">
        <v>33.022273370000001</v>
      </c>
      <c r="D1430" s="8">
        <v>38.247916682000003</v>
      </c>
    </row>
    <row r="1431" spans="1:4" x14ac:dyDescent="0.3">
      <c r="A1431" s="6">
        <v>44524</v>
      </c>
      <c r="B1431" s="8">
        <v>74.830359666999996</v>
      </c>
      <c r="C1431" s="8">
        <v>33.415931233000002</v>
      </c>
      <c r="D1431" s="8">
        <v>38.104632129000002</v>
      </c>
    </row>
    <row r="1432" spans="1:4" x14ac:dyDescent="0.3">
      <c r="A1432" s="6">
        <v>44525</v>
      </c>
      <c r="B1432" s="8">
        <v>74.825327934000001</v>
      </c>
      <c r="C1432" s="8">
        <v>33.628100934000003</v>
      </c>
      <c r="D1432" s="8">
        <v>38.380777088999999</v>
      </c>
    </row>
    <row r="1433" spans="1:4" x14ac:dyDescent="0.3">
      <c r="A1433" s="6">
        <v>44526</v>
      </c>
      <c r="B1433" s="8">
        <v>75.825324253000005</v>
      </c>
      <c r="C1433" s="8">
        <v>33.788152345</v>
      </c>
      <c r="D1433" s="8">
        <v>38.443691952000002</v>
      </c>
    </row>
    <row r="1434" spans="1:4" x14ac:dyDescent="0.3">
      <c r="A1434" s="6">
        <v>44527</v>
      </c>
      <c r="B1434" s="8">
        <v>75.825372955999995</v>
      </c>
      <c r="C1434" s="8">
        <v>34.215777809000002</v>
      </c>
      <c r="D1434" s="8">
        <v>38.420580151000003</v>
      </c>
    </row>
    <row r="1435" spans="1:4" x14ac:dyDescent="0.3">
      <c r="A1435" s="6">
        <v>44528</v>
      </c>
      <c r="B1435" s="8">
        <v>75.825215933999999</v>
      </c>
      <c r="C1435" s="8">
        <v>34.353890954999997</v>
      </c>
      <c r="D1435" s="8">
        <v>38.566818838000003</v>
      </c>
    </row>
    <row r="1436" spans="1:4" x14ac:dyDescent="0.3">
      <c r="A1436" s="6">
        <v>44529</v>
      </c>
      <c r="B1436" s="8">
        <v>75.825282560999995</v>
      </c>
      <c r="C1436" s="8">
        <v>34.389661719000003</v>
      </c>
      <c r="D1436" s="8">
        <v>38.769989535000001</v>
      </c>
    </row>
    <row r="1437" spans="1:4" x14ac:dyDescent="0.3">
      <c r="A1437" s="6">
        <v>44530</v>
      </c>
      <c r="B1437" s="8">
        <v>74.825288076000007</v>
      </c>
      <c r="C1437" s="8">
        <v>34.527673155000002</v>
      </c>
      <c r="D1437" s="8">
        <v>39.115341727999997</v>
      </c>
    </row>
    <row r="1438" spans="1:4" x14ac:dyDescent="0.3">
      <c r="A1438" s="6">
        <v>44531</v>
      </c>
      <c r="B1438" s="8">
        <v>74.825304935000005</v>
      </c>
      <c r="C1438" s="8">
        <v>34.695791833999998</v>
      </c>
      <c r="D1438" s="8">
        <v>39.769409504000002</v>
      </c>
    </row>
    <row r="1439" spans="1:4" x14ac:dyDescent="0.3">
      <c r="A1439" s="6">
        <v>44532</v>
      </c>
      <c r="B1439" s="8">
        <v>74.825346385000003</v>
      </c>
      <c r="C1439" s="8">
        <v>34.812394372999997</v>
      </c>
      <c r="D1439" s="8">
        <v>40.076287553</v>
      </c>
    </row>
    <row r="1440" spans="1:4" x14ac:dyDescent="0.3">
      <c r="A1440" s="6">
        <v>44533</v>
      </c>
      <c r="B1440" s="8">
        <v>74.825349041999999</v>
      </c>
      <c r="C1440" s="8">
        <v>34.933554847000003</v>
      </c>
      <c r="D1440" s="8">
        <v>40.223798956000003</v>
      </c>
    </row>
    <row r="1441" spans="1:4" x14ac:dyDescent="0.3">
      <c r="A1441" s="6">
        <v>44534</v>
      </c>
      <c r="B1441" s="8">
        <v>75.825357980000007</v>
      </c>
      <c r="C1441" s="8">
        <v>35.181666061000001</v>
      </c>
      <c r="D1441" s="8">
        <v>40.318831813999999</v>
      </c>
    </row>
    <row r="1442" spans="1:4" x14ac:dyDescent="0.3">
      <c r="A1442" s="6">
        <v>44535</v>
      </c>
      <c r="B1442" s="8">
        <v>76.825212403999998</v>
      </c>
      <c r="C1442" s="8">
        <v>35.600852879999998</v>
      </c>
      <c r="D1442" s="8">
        <v>40.175254471999999</v>
      </c>
    </row>
    <row r="1443" spans="1:4" x14ac:dyDescent="0.3">
      <c r="A1443" s="6">
        <v>44536</v>
      </c>
      <c r="B1443" s="8">
        <v>76.825217045000002</v>
      </c>
      <c r="C1443" s="8">
        <v>36.026646159000002</v>
      </c>
      <c r="D1443" s="8">
        <v>40.468830447999999</v>
      </c>
    </row>
    <row r="1444" spans="1:4" x14ac:dyDescent="0.3">
      <c r="A1444" s="6">
        <v>44537</v>
      </c>
      <c r="B1444" s="8">
        <v>77.825497682000005</v>
      </c>
      <c r="C1444" s="8">
        <v>36.094667281</v>
      </c>
      <c r="D1444" s="8">
        <v>40.243256909000003</v>
      </c>
    </row>
    <row r="1445" spans="1:4" x14ac:dyDescent="0.3">
      <c r="A1445" s="6">
        <v>44538</v>
      </c>
      <c r="B1445" s="8">
        <v>77.825511844999994</v>
      </c>
      <c r="C1445" s="8">
        <v>36.182931175999997</v>
      </c>
      <c r="D1445" s="8">
        <v>40.761152981000002</v>
      </c>
    </row>
    <row r="1446" spans="1:4" x14ac:dyDescent="0.3">
      <c r="A1446" s="6">
        <v>44539</v>
      </c>
      <c r="B1446" s="8">
        <v>75.826548664000001</v>
      </c>
      <c r="C1446" s="8">
        <v>36.195995142000001</v>
      </c>
      <c r="D1446" s="8">
        <v>41.061359312</v>
      </c>
    </row>
    <row r="1447" spans="1:4" x14ac:dyDescent="0.3">
      <c r="A1447" s="6">
        <v>44540</v>
      </c>
      <c r="B1447" s="8">
        <v>77.826563879000005</v>
      </c>
      <c r="C1447" s="8">
        <v>36.259784709000002</v>
      </c>
      <c r="D1447" s="8">
        <v>41.668591321000001</v>
      </c>
    </row>
    <row r="1448" spans="1:4" x14ac:dyDescent="0.3">
      <c r="A1448" s="6">
        <v>44541</v>
      </c>
      <c r="B1448" s="8">
        <v>77.826566388000003</v>
      </c>
      <c r="C1448" s="8">
        <v>36.610078696000002</v>
      </c>
      <c r="D1448" s="8">
        <v>41.684475958999997</v>
      </c>
    </row>
    <row r="1449" spans="1:4" x14ac:dyDescent="0.3">
      <c r="A1449" s="6">
        <v>44542</v>
      </c>
      <c r="B1449" s="8">
        <v>77.826583951999993</v>
      </c>
      <c r="C1449" s="8">
        <v>36.738352866</v>
      </c>
      <c r="D1449" s="8">
        <v>41.784731288000003</v>
      </c>
    </row>
    <row r="1450" spans="1:4" x14ac:dyDescent="0.3">
      <c r="A1450" s="6">
        <v>44543</v>
      </c>
      <c r="B1450" s="8">
        <v>77.826576923000005</v>
      </c>
      <c r="C1450" s="8">
        <v>36.829045198000003</v>
      </c>
      <c r="D1450" s="8">
        <v>41.812264773000003</v>
      </c>
    </row>
    <row r="1451" spans="1:4" x14ac:dyDescent="0.3">
      <c r="A1451" s="6">
        <v>44544</v>
      </c>
      <c r="B1451" s="8">
        <v>77.826582576000007</v>
      </c>
      <c r="C1451" s="8">
        <v>36.892798595000002</v>
      </c>
      <c r="D1451" s="8">
        <v>41.847350452999997</v>
      </c>
    </row>
    <row r="1452" spans="1:4" x14ac:dyDescent="0.3">
      <c r="A1452" s="6">
        <v>44545</v>
      </c>
      <c r="B1452" s="8">
        <v>78.826668917999996</v>
      </c>
      <c r="C1452" s="8">
        <v>36.981384204000001</v>
      </c>
      <c r="D1452" s="8">
        <v>42.028927523999997</v>
      </c>
    </row>
    <row r="1453" spans="1:4" x14ac:dyDescent="0.3">
      <c r="A1453" s="6">
        <v>44546</v>
      </c>
      <c r="B1453" s="8">
        <v>78.826503907000003</v>
      </c>
      <c r="C1453" s="8">
        <v>37.077691678000001</v>
      </c>
      <c r="D1453" s="8">
        <v>42.266070094</v>
      </c>
    </row>
    <row r="1454" spans="1:4" x14ac:dyDescent="0.3">
      <c r="A1454" s="6">
        <v>44547</v>
      </c>
      <c r="B1454" s="8">
        <v>78.826506202000004</v>
      </c>
      <c r="C1454" s="8">
        <v>37.073253309000002</v>
      </c>
      <c r="D1454" s="8">
        <v>42.196219196999998</v>
      </c>
    </row>
    <row r="1455" spans="1:4" x14ac:dyDescent="0.3">
      <c r="A1455" s="6">
        <v>44548</v>
      </c>
      <c r="B1455" s="8">
        <v>78.826510608000007</v>
      </c>
      <c r="C1455" s="8">
        <v>37.220428320000003</v>
      </c>
      <c r="D1455" s="8">
        <v>42.619310517000002</v>
      </c>
    </row>
    <row r="1456" spans="1:4" x14ac:dyDescent="0.3">
      <c r="A1456" s="6">
        <v>44549</v>
      </c>
      <c r="B1456" s="8">
        <v>78.826516824999999</v>
      </c>
      <c r="C1456" s="8">
        <v>37.296508590000002</v>
      </c>
      <c r="D1456" s="8">
        <v>42.923928263000001</v>
      </c>
    </row>
    <row r="1457" spans="1:4" x14ac:dyDescent="0.3">
      <c r="A1457" s="6">
        <v>44550</v>
      </c>
      <c r="B1457" s="8">
        <v>78.826515056000005</v>
      </c>
      <c r="C1457" s="8">
        <v>37.299514649999999</v>
      </c>
      <c r="D1457" s="8">
        <v>42.916710557999998</v>
      </c>
    </row>
    <row r="1458" spans="1:4" x14ac:dyDescent="0.3">
      <c r="A1458" s="6">
        <v>44551</v>
      </c>
      <c r="B1458" s="8">
        <v>78.826513845999997</v>
      </c>
      <c r="C1458" s="8">
        <v>37.530007226999999</v>
      </c>
      <c r="D1458" s="8">
        <v>43.419973474999999</v>
      </c>
    </row>
    <row r="1459" spans="1:4" x14ac:dyDescent="0.3">
      <c r="A1459" s="6">
        <v>44552</v>
      </c>
      <c r="B1459" s="8">
        <v>78.826518046999993</v>
      </c>
      <c r="C1459" s="8">
        <v>37.751450628999997</v>
      </c>
      <c r="D1459" s="8">
        <v>43.783404224999998</v>
      </c>
    </row>
    <row r="1460" spans="1:4" x14ac:dyDescent="0.3">
      <c r="A1460" s="6">
        <v>44553</v>
      </c>
      <c r="B1460" s="8">
        <v>77.326660025999999</v>
      </c>
      <c r="C1460" s="8">
        <v>37.645692212</v>
      </c>
      <c r="D1460" s="8">
        <v>44.110845851000001</v>
      </c>
    </row>
    <row r="1461" spans="1:4" x14ac:dyDescent="0.3">
      <c r="A1461" s="6">
        <v>44554</v>
      </c>
      <c r="B1461" s="8">
        <v>77.326526474000005</v>
      </c>
      <c r="C1461" s="8">
        <v>37.830603816</v>
      </c>
      <c r="D1461" s="8">
        <v>44.268574549</v>
      </c>
    </row>
    <row r="1462" spans="1:4" x14ac:dyDescent="0.3">
      <c r="A1462" s="6">
        <v>44555</v>
      </c>
      <c r="B1462" s="8">
        <v>77.326549330999995</v>
      </c>
      <c r="C1462" s="8">
        <v>37.764246395000001</v>
      </c>
      <c r="D1462" s="8">
        <v>44.763498370999997</v>
      </c>
    </row>
    <row r="1463" spans="1:4" x14ac:dyDescent="0.3">
      <c r="A1463" s="6">
        <v>44556</v>
      </c>
      <c r="B1463" s="8">
        <v>77.326548012000003</v>
      </c>
      <c r="C1463" s="8">
        <v>37.757745900000003</v>
      </c>
      <c r="D1463" s="8">
        <v>44.968864468</v>
      </c>
    </row>
    <row r="1464" spans="1:4" x14ac:dyDescent="0.3">
      <c r="A1464" s="6">
        <v>44557</v>
      </c>
      <c r="B1464" s="8">
        <v>78.326568754999997</v>
      </c>
      <c r="C1464" s="8">
        <v>37.744670401999997</v>
      </c>
      <c r="D1464" s="8">
        <v>45.143913953999999</v>
      </c>
    </row>
    <row r="1465" spans="1:4" x14ac:dyDescent="0.3">
      <c r="A1465" s="6">
        <v>44558</v>
      </c>
      <c r="B1465" s="8">
        <v>78.326826932000003</v>
      </c>
      <c r="C1465" s="8">
        <v>37.830272801</v>
      </c>
      <c r="D1465" s="8">
        <v>45.197638969000003</v>
      </c>
    </row>
    <row r="1466" spans="1:4" x14ac:dyDescent="0.3">
      <c r="A1466" s="6">
        <v>44559</v>
      </c>
      <c r="B1466" s="8">
        <v>78.326603399999996</v>
      </c>
      <c r="C1466" s="8">
        <v>37.757431298</v>
      </c>
      <c r="D1466" s="8">
        <v>45.293822489999997</v>
      </c>
    </row>
    <row r="1467" spans="1:4" x14ac:dyDescent="0.3">
      <c r="A1467" s="6">
        <v>44560</v>
      </c>
      <c r="B1467" s="8">
        <v>78.326516689000002</v>
      </c>
      <c r="C1467" s="8">
        <v>37.665480715000001</v>
      </c>
      <c r="D1467" s="8">
        <v>44.832269068999999</v>
      </c>
    </row>
    <row r="1468" spans="1:4" x14ac:dyDescent="0.3">
      <c r="A1468" s="6">
        <v>44561</v>
      </c>
      <c r="B1468" s="8">
        <v>79.326548035000002</v>
      </c>
      <c r="C1468" s="8">
        <v>37.967254181000001</v>
      </c>
      <c r="D1468" s="8">
        <v>44.914764327</v>
      </c>
    </row>
    <row r="1469" spans="1:4" x14ac:dyDescent="0.3">
      <c r="A1469" s="6">
        <v>44562</v>
      </c>
      <c r="B1469" s="8">
        <v>79.326554298000005</v>
      </c>
      <c r="C1469" s="8">
        <v>38.019686686</v>
      </c>
      <c r="D1469" s="8">
        <v>44.696139473000002</v>
      </c>
    </row>
    <row r="1470" spans="1:4" x14ac:dyDescent="0.3">
      <c r="A1470" s="6">
        <v>44563</v>
      </c>
      <c r="B1470" s="8">
        <v>78.778422989999996</v>
      </c>
      <c r="C1470" s="8">
        <v>42.549565817999998</v>
      </c>
      <c r="D1470" s="8">
        <v>44.793441922</v>
      </c>
    </row>
    <row r="1471" spans="1:4" x14ac:dyDescent="0.3">
      <c r="A1471" s="6">
        <v>44564</v>
      </c>
      <c r="B1471" s="8">
        <v>78.481342990000002</v>
      </c>
      <c r="C1471" s="8">
        <v>42.641327349000001</v>
      </c>
      <c r="D1471" s="8">
        <v>44.850794178999998</v>
      </c>
    </row>
    <row r="1472" spans="1:4" x14ac:dyDescent="0.3">
      <c r="A1472" s="6">
        <v>44565</v>
      </c>
      <c r="B1472" s="8">
        <v>78.388221317000003</v>
      </c>
      <c r="C1472" s="8">
        <v>42.687912490999999</v>
      </c>
      <c r="D1472" s="8">
        <v>45.066708519999999</v>
      </c>
    </row>
    <row r="1473" spans="1:4" x14ac:dyDescent="0.3">
      <c r="A1473" s="6">
        <v>44566</v>
      </c>
      <c r="B1473" s="8">
        <v>78.502373121000005</v>
      </c>
      <c r="C1473" s="8">
        <v>42.785333024000003</v>
      </c>
      <c r="D1473" s="8">
        <v>45.154280792000002</v>
      </c>
    </row>
    <row r="1474" spans="1:4" x14ac:dyDescent="0.3">
      <c r="A1474" s="6">
        <v>44567</v>
      </c>
      <c r="B1474" s="8">
        <v>78.772213378999993</v>
      </c>
      <c r="C1474" s="8">
        <v>42.961099326000003</v>
      </c>
      <c r="D1474" s="8">
        <v>45.141713787999997</v>
      </c>
    </row>
    <row r="1475" spans="1:4" x14ac:dyDescent="0.3">
      <c r="A1475" s="6">
        <v>44568</v>
      </c>
      <c r="B1475" s="8">
        <v>78.639572254000001</v>
      </c>
      <c r="C1475" s="8">
        <v>43.225368240000002</v>
      </c>
      <c r="D1475" s="8">
        <v>45.073099628000001</v>
      </c>
    </row>
    <row r="1476" spans="1:4" x14ac:dyDescent="0.3">
      <c r="A1476" s="6">
        <v>44569</v>
      </c>
      <c r="B1476" s="8">
        <v>78.498478180000006</v>
      </c>
      <c r="C1476" s="8">
        <v>43.225368240000002</v>
      </c>
      <c r="D1476" s="8">
        <v>44.872350793999999</v>
      </c>
    </row>
    <row r="1477" spans="1:4" x14ac:dyDescent="0.3">
      <c r="A1477" s="6">
        <v>44570</v>
      </c>
      <c r="B1477" s="8">
        <v>78.296609764999999</v>
      </c>
      <c r="C1477" s="8">
        <v>43.582658995000003</v>
      </c>
      <c r="D1477" s="8">
        <v>44.785094624000003</v>
      </c>
    </row>
    <row r="1478" spans="1:4" x14ac:dyDescent="0.3">
      <c r="A1478" s="6">
        <v>44571</v>
      </c>
      <c r="B1478" s="8">
        <v>78.054241927999996</v>
      </c>
      <c r="C1478" s="8">
        <v>43.635931591999999</v>
      </c>
      <c r="D1478" s="8">
        <v>44.595916658999997</v>
      </c>
    </row>
    <row r="1479" spans="1:4" x14ac:dyDescent="0.3">
      <c r="A1479" s="6">
        <v>44572</v>
      </c>
      <c r="B1479" s="8">
        <v>78.481657326999994</v>
      </c>
      <c r="C1479" s="8">
        <v>43.987565687999997</v>
      </c>
      <c r="D1479" s="8">
        <v>44.857356254999999</v>
      </c>
    </row>
    <row r="1480" spans="1:4" x14ac:dyDescent="0.3">
      <c r="A1480" s="6">
        <v>44573</v>
      </c>
      <c r="B1480" s="8">
        <v>78.555065236999994</v>
      </c>
      <c r="C1480" s="8">
        <v>44.166089917000001</v>
      </c>
      <c r="D1480" s="8">
        <v>44.975216748000001</v>
      </c>
    </row>
    <row r="1481" spans="1:4" x14ac:dyDescent="0.3">
      <c r="A1481" s="6">
        <v>44574</v>
      </c>
      <c r="B1481" s="8">
        <v>78.482021770000003</v>
      </c>
      <c r="C1481" s="8">
        <v>44.774203526000001</v>
      </c>
      <c r="D1481" s="8">
        <v>45.209619625000002</v>
      </c>
    </row>
    <row r="1482" spans="1:4" x14ac:dyDescent="0.3">
      <c r="A1482" s="6">
        <v>44575</v>
      </c>
      <c r="B1482" s="8">
        <v>78.355483483</v>
      </c>
      <c r="C1482" s="8">
        <v>45.035577584000002</v>
      </c>
      <c r="D1482" s="8">
        <v>45.451788061999999</v>
      </c>
    </row>
    <row r="1483" spans="1:4" x14ac:dyDescent="0.3">
      <c r="A1483" s="6">
        <v>44576</v>
      </c>
      <c r="B1483" s="8">
        <v>78.464443411999994</v>
      </c>
      <c r="C1483" s="8">
        <v>45.137094666000003</v>
      </c>
      <c r="D1483" s="8">
        <v>45.474850605999997</v>
      </c>
    </row>
    <row r="1484" spans="1:4" x14ac:dyDescent="0.3">
      <c r="A1484" s="6">
        <v>44577</v>
      </c>
      <c r="B1484" s="8">
        <v>78.324639023000003</v>
      </c>
      <c r="C1484" s="8">
        <v>45.237354152999998</v>
      </c>
      <c r="D1484" s="8">
        <v>45.745255221999997</v>
      </c>
    </row>
    <row r="1485" spans="1:4" x14ac:dyDescent="0.3">
      <c r="A1485" s="6">
        <v>44578</v>
      </c>
      <c r="B1485" s="8">
        <v>78.423364532999997</v>
      </c>
      <c r="C1485" s="8">
        <v>45.430902660000001</v>
      </c>
      <c r="D1485" s="8">
        <v>45.806273529000002</v>
      </c>
    </row>
    <row r="1486" spans="1:4" x14ac:dyDescent="0.3">
      <c r="A1486" s="6">
        <v>44579</v>
      </c>
      <c r="B1486" s="8">
        <v>78.444685550000003</v>
      </c>
      <c r="C1486" s="8">
        <v>45.637274267000002</v>
      </c>
      <c r="D1486" s="8">
        <v>45.813941944</v>
      </c>
    </row>
    <row r="1487" spans="1:4" x14ac:dyDescent="0.3">
      <c r="A1487" s="6">
        <v>44580</v>
      </c>
      <c r="B1487" s="8">
        <v>78.383467334000002</v>
      </c>
      <c r="C1487" s="8">
        <v>45.764592268999998</v>
      </c>
      <c r="D1487" s="8">
        <v>45.651137611000003</v>
      </c>
    </row>
    <row r="1488" spans="1:4" x14ac:dyDescent="0.3">
      <c r="A1488" s="6">
        <v>44581</v>
      </c>
      <c r="B1488" s="8">
        <v>78.380618748000003</v>
      </c>
      <c r="C1488" s="8">
        <v>46.058070985999997</v>
      </c>
      <c r="D1488" s="8">
        <v>46.135481431999999</v>
      </c>
    </row>
    <row r="1489" spans="1:4" x14ac:dyDescent="0.3">
      <c r="A1489" s="6">
        <v>44582</v>
      </c>
      <c r="B1489" s="8">
        <v>78.282598757000002</v>
      </c>
      <c r="C1489" s="8">
        <v>46.428142403999999</v>
      </c>
      <c r="D1489" s="8">
        <v>46.382884769</v>
      </c>
    </row>
    <row r="1490" spans="1:4" x14ac:dyDescent="0.3">
      <c r="A1490" s="6">
        <v>44583</v>
      </c>
      <c r="B1490" s="8">
        <v>78.144826788000003</v>
      </c>
      <c r="C1490" s="8">
        <v>46.428142403999999</v>
      </c>
      <c r="D1490" s="8">
        <v>45.656553041999999</v>
      </c>
    </row>
    <row r="1491" spans="1:4" x14ac:dyDescent="0.3">
      <c r="A1491" s="6">
        <v>44584</v>
      </c>
      <c r="B1491" s="8">
        <v>78.448336905000005</v>
      </c>
      <c r="C1491" s="8">
        <v>47.960656737999997</v>
      </c>
      <c r="D1491" s="8">
        <v>45.448152768999996</v>
      </c>
    </row>
    <row r="1492" spans="1:4" x14ac:dyDescent="0.3">
      <c r="A1492" s="6">
        <v>44585</v>
      </c>
      <c r="B1492" s="8">
        <v>78.310182893999993</v>
      </c>
      <c r="C1492" s="8">
        <v>47.960656737999997</v>
      </c>
      <c r="D1492" s="8">
        <v>45.213173337000001</v>
      </c>
    </row>
    <row r="1493" spans="1:4" x14ac:dyDescent="0.3">
      <c r="A1493" s="6">
        <v>44586</v>
      </c>
      <c r="B1493" s="8">
        <v>78.669518056000001</v>
      </c>
      <c r="C1493" s="8">
        <v>48.227447406000003</v>
      </c>
      <c r="D1493" s="8">
        <v>45.508664566</v>
      </c>
    </row>
    <row r="1494" spans="1:4" x14ac:dyDescent="0.3">
      <c r="A1494" s="6">
        <v>44587</v>
      </c>
      <c r="B1494" s="8">
        <v>78.269272661000002</v>
      </c>
      <c r="C1494" s="8">
        <v>48.751308899999998</v>
      </c>
      <c r="D1494" s="8">
        <v>45.521765651000003</v>
      </c>
    </row>
    <row r="1495" spans="1:4" x14ac:dyDescent="0.3">
      <c r="A1495" s="6">
        <v>44588</v>
      </c>
      <c r="B1495" s="8">
        <v>78.752828371999996</v>
      </c>
      <c r="C1495" s="8">
        <v>49.162186990000002</v>
      </c>
      <c r="D1495" s="8">
        <v>45.849637293000001</v>
      </c>
    </row>
    <row r="1496" spans="1:4" x14ac:dyDescent="0.3">
      <c r="A1496" s="6">
        <v>44589</v>
      </c>
      <c r="B1496" s="8">
        <v>78.718773466000002</v>
      </c>
      <c r="C1496" s="8">
        <v>49.593244050000003</v>
      </c>
      <c r="D1496" s="8">
        <v>45.151934449999999</v>
      </c>
    </row>
    <row r="1497" spans="1:4" x14ac:dyDescent="0.3">
      <c r="A1497" s="6">
        <v>44590</v>
      </c>
      <c r="B1497" s="8">
        <v>78.249351192999995</v>
      </c>
      <c r="C1497" s="8">
        <v>49.629722995999998</v>
      </c>
      <c r="D1497" s="8">
        <v>44.783357731000002</v>
      </c>
    </row>
    <row r="1498" spans="1:4" x14ac:dyDescent="0.3">
      <c r="A1498" s="6">
        <v>44591</v>
      </c>
      <c r="B1498" s="8">
        <v>78.366901631000005</v>
      </c>
      <c r="C1498" s="8">
        <v>49.822470987999999</v>
      </c>
      <c r="D1498" s="8">
        <v>44.971534374999997</v>
      </c>
    </row>
    <row r="1499" spans="1:4" x14ac:dyDescent="0.3">
      <c r="A1499" s="6">
        <v>44592</v>
      </c>
      <c r="B1499" s="8">
        <v>78.198382292999995</v>
      </c>
      <c r="C1499" s="8">
        <v>49.794511800999999</v>
      </c>
      <c r="D1499" s="8">
        <v>45.034586224000002</v>
      </c>
    </row>
    <row r="1500" spans="1:4" x14ac:dyDescent="0.3">
      <c r="A1500" s="6">
        <v>44593</v>
      </c>
      <c r="B1500" s="8">
        <v>78.062781790000003</v>
      </c>
      <c r="C1500" s="8">
        <v>49.918615203999998</v>
      </c>
      <c r="D1500" s="8">
        <v>45.467218496999998</v>
      </c>
    </row>
    <row r="1501" spans="1:4" x14ac:dyDescent="0.3">
      <c r="A1501" s="6">
        <v>44594</v>
      </c>
      <c r="B1501" s="8">
        <v>78.016936424999997</v>
      </c>
      <c r="C1501" s="8">
        <v>50.255165742000003</v>
      </c>
      <c r="D1501" s="8">
        <v>45.769043869999997</v>
      </c>
    </row>
    <row r="1502" spans="1:4" x14ac:dyDescent="0.3">
      <c r="A1502" s="6">
        <v>44595</v>
      </c>
      <c r="B1502" s="8">
        <v>78.038075903999996</v>
      </c>
      <c r="C1502" s="8">
        <v>50.530744243000001</v>
      </c>
      <c r="D1502" s="8">
        <v>46.013518026</v>
      </c>
    </row>
    <row r="1503" spans="1:4" x14ac:dyDescent="0.3">
      <c r="A1503" s="6">
        <v>44596</v>
      </c>
      <c r="B1503" s="8">
        <v>78.064010105999998</v>
      </c>
      <c r="C1503" s="8">
        <v>50.891956573999998</v>
      </c>
      <c r="D1503" s="8">
        <v>46.515859106999997</v>
      </c>
    </row>
    <row r="1504" spans="1:4" x14ac:dyDescent="0.3">
      <c r="A1504" s="6">
        <v>44597</v>
      </c>
      <c r="B1504" s="8">
        <v>78.063205577000005</v>
      </c>
      <c r="C1504" s="8">
        <v>51.126955862999999</v>
      </c>
      <c r="D1504" s="8">
        <v>46.879402165000002</v>
      </c>
    </row>
    <row r="1505" spans="1:4" x14ac:dyDescent="0.3">
      <c r="A1505" s="6">
        <v>44598</v>
      </c>
      <c r="B1505" s="8">
        <v>78.062854578</v>
      </c>
      <c r="C1505" s="8">
        <v>51.125781969000002</v>
      </c>
      <c r="D1505" s="8">
        <v>47.029709298999997</v>
      </c>
    </row>
    <row r="1506" spans="1:4" x14ac:dyDescent="0.3">
      <c r="A1506" s="6">
        <v>44599</v>
      </c>
      <c r="B1506" s="8">
        <v>78.163472784000007</v>
      </c>
      <c r="C1506" s="8">
        <v>51.171401396</v>
      </c>
      <c r="D1506" s="8">
        <v>47.130993459999999</v>
      </c>
    </row>
    <row r="1507" spans="1:4" x14ac:dyDescent="0.3">
      <c r="A1507" s="6">
        <v>44600</v>
      </c>
      <c r="B1507" s="8">
        <v>78.096593702000007</v>
      </c>
      <c r="C1507" s="8">
        <v>51.376105826</v>
      </c>
      <c r="D1507" s="8">
        <v>47.379729218999998</v>
      </c>
    </row>
    <row r="1508" spans="1:4" x14ac:dyDescent="0.3">
      <c r="A1508" s="6">
        <v>44601</v>
      </c>
      <c r="B1508" s="8">
        <v>78.040221424999999</v>
      </c>
      <c r="C1508" s="8">
        <v>51.61730859</v>
      </c>
      <c r="D1508" s="8">
        <v>47.805564464</v>
      </c>
    </row>
    <row r="1509" spans="1:4" x14ac:dyDescent="0.3">
      <c r="A1509" s="6">
        <v>44602</v>
      </c>
      <c r="B1509" s="8">
        <v>78.012911278999994</v>
      </c>
      <c r="C1509" s="8">
        <v>51.900324269999999</v>
      </c>
      <c r="D1509" s="8">
        <v>48.130551257999997</v>
      </c>
    </row>
    <row r="1510" spans="1:4" x14ac:dyDescent="0.3">
      <c r="A1510" s="6">
        <v>44603</v>
      </c>
      <c r="B1510" s="8">
        <v>78.515301961999995</v>
      </c>
      <c r="C1510" s="8">
        <v>52.054797409000003</v>
      </c>
      <c r="D1510" s="8">
        <v>48.345859349000001</v>
      </c>
    </row>
    <row r="1511" spans="1:4" x14ac:dyDescent="0.3">
      <c r="A1511" s="6">
        <v>44604</v>
      </c>
      <c r="B1511" s="8">
        <v>78.510632874999999</v>
      </c>
      <c r="C1511" s="8">
        <v>52.250598201999999</v>
      </c>
      <c r="D1511" s="8">
        <v>48.823178591000001</v>
      </c>
    </row>
    <row r="1512" spans="1:4" x14ac:dyDescent="0.3">
      <c r="A1512" s="6">
        <v>44605</v>
      </c>
      <c r="B1512" s="8">
        <v>78.531121017000004</v>
      </c>
      <c r="C1512" s="8">
        <v>52.335045827999998</v>
      </c>
      <c r="D1512" s="8">
        <v>48.650587422999998</v>
      </c>
    </row>
    <row r="1513" spans="1:4" x14ac:dyDescent="0.3">
      <c r="A1513" s="6">
        <v>44606</v>
      </c>
      <c r="B1513" s="8">
        <v>78.636273860000003</v>
      </c>
      <c r="C1513" s="8">
        <v>52.473422561</v>
      </c>
      <c r="D1513" s="8">
        <v>48.731170861999999</v>
      </c>
    </row>
    <row r="1514" spans="1:4" x14ac:dyDescent="0.3">
      <c r="A1514" s="6">
        <v>44607</v>
      </c>
      <c r="B1514" s="8">
        <v>78.558940144000005</v>
      </c>
      <c r="C1514" s="8">
        <v>52.507811955000001</v>
      </c>
      <c r="D1514" s="8">
        <v>48.650469819000001</v>
      </c>
    </row>
    <row r="1515" spans="1:4" x14ac:dyDescent="0.3">
      <c r="A1515" s="6">
        <v>44608</v>
      </c>
      <c r="B1515" s="8">
        <v>78.623518665999995</v>
      </c>
      <c r="C1515" s="8">
        <v>52.544445045000003</v>
      </c>
      <c r="D1515" s="8">
        <v>49.282955829999999</v>
      </c>
    </row>
    <row r="1516" spans="1:4" x14ac:dyDescent="0.3">
      <c r="A1516" s="6">
        <v>44609</v>
      </c>
      <c r="B1516" s="8">
        <v>78.732790424000001</v>
      </c>
      <c r="C1516" s="8">
        <v>52.583527242999999</v>
      </c>
      <c r="D1516" s="8">
        <v>49.040330290999997</v>
      </c>
    </row>
    <row r="1517" spans="1:4" x14ac:dyDescent="0.3">
      <c r="A1517" s="6">
        <v>44610</v>
      </c>
      <c r="B1517" s="8">
        <v>78.772769797999999</v>
      </c>
      <c r="C1517" s="8">
        <v>52.570695424</v>
      </c>
      <c r="D1517" s="8">
        <v>49.279363164000003</v>
      </c>
    </row>
    <row r="1518" spans="1:4" x14ac:dyDescent="0.3">
      <c r="A1518" s="6">
        <v>44611</v>
      </c>
      <c r="B1518" s="8">
        <v>78.727591077</v>
      </c>
      <c r="C1518" s="8">
        <v>52.556151806999999</v>
      </c>
      <c r="D1518" s="8">
        <v>49.657817692000002</v>
      </c>
    </row>
    <row r="1519" spans="1:4" x14ac:dyDescent="0.3">
      <c r="A1519" s="6">
        <v>44612</v>
      </c>
      <c r="B1519" s="8">
        <v>79.138436958</v>
      </c>
      <c r="C1519" s="8">
        <v>52.684758315000003</v>
      </c>
      <c r="D1519" s="8">
        <v>49.772541973999999</v>
      </c>
    </row>
    <row r="1520" spans="1:4" x14ac:dyDescent="0.3">
      <c r="A1520" s="6">
        <v>44613</v>
      </c>
      <c r="B1520" s="8">
        <v>79.163080614999998</v>
      </c>
      <c r="C1520" s="8">
        <v>52.682266468999998</v>
      </c>
      <c r="D1520" s="8">
        <v>49.641415363</v>
      </c>
    </row>
    <row r="1521" spans="1:4" x14ac:dyDescent="0.3">
      <c r="A1521" s="6">
        <v>44614</v>
      </c>
      <c r="B1521" s="8">
        <v>79.390647857999994</v>
      </c>
      <c r="C1521" s="8">
        <v>52.707824144</v>
      </c>
      <c r="D1521" s="8">
        <v>49.600804631999999</v>
      </c>
    </row>
    <row r="1522" spans="1:4" x14ac:dyDescent="0.3">
      <c r="A1522" s="6">
        <v>44615</v>
      </c>
      <c r="B1522" s="8">
        <v>79.377609211000006</v>
      </c>
      <c r="C1522" s="8">
        <v>52.829973428000002</v>
      </c>
      <c r="D1522" s="8">
        <v>49.983874728000004</v>
      </c>
    </row>
    <row r="1523" spans="1:4" x14ac:dyDescent="0.3">
      <c r="A1523" s="6">
        <v>44616</v>
      </c>
      <c r="B1523" s="8">
        <v>79.629945703999994</v>
      </c>
      <c r="C1523" s="8">
        <v>52.870303585999999</v>
      </c>
      <c r="D1523" s="8">
        <v>49.886040084000001</v>
      </c>
    </row>
    <row r="1524" spans="1:4" x14ac:dyDescent="0.3">
      <c r="A1524" s="6">
        <v>44617</v>
      </c>
      <c r="B1524" s="8">
        <v>79.631571238999996</v>
      </c>
      <c r="C1524" s="8">
        <v>53.249174588999999</v>
      </c>
      <c r="D1524" s="8">
        <v>50.025948464000003</v>
      </c>
    </row>
    <row r="1525" spans="1:4" x14ac:dyDescent="0.3">
      <c r="A1525" s="6">
        <v>44618</v>
      </c>
      <c r="B1525" s="8">
        <v>79.474403713000001</v>
      </c>
      <c r="C1525" s="8">
        <v>53.155258428000003</v>
      </c>
      <c r="D1525" s="8">
        <v>49.641728495000002</v>
      </c>
    </row>
    <row r="1526" spans="1:4" x14ac:dyDescent="0.3">
      <c r="A1526" s="6">
        <v>44619</v>
      </c>
      <c r="B1526" s="8">
        <v>79.679402405000005</v>
      </c>
      <c r="C1526" s="8">
        <v>53.354079812999998</v>
      </c>
      <c r="D1526" s="8">
        <v>49.836557864</v>
      </c>
    </row>
    <row r="1527" spans="1:4" x14ac:dyDescent="0.3">
      <c r="A1527" s="6">
        <v>44620</v>
      </c>
      <c r="B1527" s="8">
        <v>79.854422103999994</v>
      </c>
      <c r="C1527" s="8">
        <v>53.569960348000002</v>
      </c>
      <c r="D1527" s="8">
        <v>50.147487976999997</v>
      </c>
    </row>
    <row r="1528" spans="1:4" x14ac:dyDescent="0.3">
      <c r="A1528" s="6">
        <v>44621</v>
      </c>
      <c r="B1528" s="8">
        <v>79.537958059999994</v>
      </c>
      <c r="C1528" s="8">
        <v>53.458489274999998</v>
      </c>
      <c r="D1528" s="8">
        <v>50.335513896999998</v>
      </c>
    </row>
    <row r="1529" spans="1:4" x14ac:dyDescent="0.3">
      <c r="A1529" s="6">
        <v>44622</v>
      </c>
      <c r="B1529" s="8">
        <v>79.425591343999997</v>
      </c>
      <c r="C1529" s="8">
        <v>53.535209641000002</v>
      </c>
      <c r="D1529" s="8">
        <v>50.505580143000003</v>
      </c>
    </row>
    <row r="1530" spans="1:4" x14ac:dyDescent="0.3">
      <c r="A1530" s="6">
        <v>44623</v>
      </c>
      <c r="B1530" s="8">
        <v>79.854759317000003</v>
      </c>
      <c r="C1530" s="8">
        <v>53.460734123999998</v>
      </c>
      <c r="D1530" s="8">
        <v>50.362198151000001</v>
      </c>
    </row>
    <row r="1531" spans="1:4" x14ac:dyDescent="0.3">
      <c r="A1531" s="6">
        <v>44624</v>
      </c>
      <c r="B1531" s="8">
        <v>79.609484425999995</v>
      </c>
      <c r="C1531" s="8">
        <v>53.414694791000002</v>
      </c>
      <c r="D1531" s="8">
        <v>50.435895250999998</v>
      </c>
    </row>
    <row r="1532" spans="1:4" x14ac:dyDescent="0.3">
      <c r="A1532" s="6">
        <v>44625</v>
      </c>
      <c r="B1532" s="8">
        <v>79.843809461999996</v>
      </c>
      <c r="C1532" s="8">
        <v>52.845480301000002</v>
      </c>
      <c r="D1532" s="8">
        <v>50.574918900999997</v>
      </c>
    </row>
    <row r="1533" spans="1:4" x14ac:dyDescent="0.3">
      <c r="A1533" s="6">
        <v>44626</v>
      </c>
      <c r="B1533" s="8">
        <v>79.862020237999999</v>
      </c>
      <c r="C1533" s="8">
        <v>52.941838087999997</v>
      </c>
      <c r="D1533" s="8">
        <v>50.622923249999999</v>
      </c>
    </row>
    <row r="1534" spans="1:4" x14ac:dyDescent="0.3">
      <c r="A1534" s="6">
        <v>44627</v>
      </c>
      <c r="B1534" s="8">
        <v>80.091190392000001</v>
      </c>
      <c r="C1534" s="8">
        <v>52.806695838000003</v>
      </c>
      <c r="D1534" s="8">
        <v>50.865577467999998</v>
      </c>
    </row>
    <row r="1535" spans="1:4" x14ac:dyDescent="0.3">
      <c r="A1535" s="6">
        <v>44628</v>
      </c>
      <c r="B1535" s="8">
        <v>79.896920565000002</v>
      </c>
      <c r="C1535" s="8">
        <v>52.183496667</v>
      </c>
      <c r="D1535" s="8">
        <v>50.966429654000002</v>
      </c>
    </row>
    <row r="1536" spans="1:4" x14ac:dyDescent="0.3">
      <c r="A1536" s="6">
        <v>44629</v>
      </c>
      <c r="B1536" s="8">
        <v>80.070927071</v>
      </c>
      <c r="C1536" s="8">
        <v>52.392565505999997</v>
      </c>
      <c r="D1536" s="8">
        <v>51.015617652000003</v>
      </c>
    </row>
    <row r="1537" spans="1:4" x14ac:dyDescent="0.3">
      <c r="A1537" s="6">
        <v>44630</v>
      </c>
      <c r="B1537" s="8">
        <v>80.044018129999998</v>
      </c>
      <c r="C1537" s="8">
        <v>52.382602556000002</v>
      </c>
      <c r="D1537" s="8">
        <v>51.412294226</v>
      </c>
    </row>
    <row r="1538" spans="1:4" x14ac:dyDescent="0.3">
      <c r="A1538" s="6">
        <v>44631</v>
      </c>
      <c r="B1538" s="8">
        <v>80.042053179999996</v>
      </c>
      <c r="C1538" s="8">
        <v>52.536873749000002</v>
      </c>
      <c r="D1538" s="8">
        <v>51.605194601000001</v>
      </c>
    </row>
    <row r="1539" spans="1:4" x14ac:dyDescent="0.3">
      <c r="A1539" s="6">
        <v>44632</v>
      </c>
      <c r="B1539" s="8">
        <v>80.132712134000002</v>
      </c>
      <c r="C1539" s="8">
        <v>52.458033804999999</v>
      </c>
      <c r="D1539" s="8">
        <v>51.744798213000003</v>
      </c>
    </row>
    <row r="1540" spans="1:4" x14ac:dyDescent="0.3">
      <c r="A1540" s="6">
        <v>44633</v>
      </c>
      <c r="B1540" s="8">
        <v>80.116438307999999</v>
      </c>
      <c r="C1540" s="8">
        <v>52.421564168000003</v>
      </c>
      <c r="D1540" s="8">
        <v>51.932595692</v>
      </c>
    </row>
    <row r="1541" spans="1:4" x14ac:dyDescent="0.3">
      <c r="A1541" s="6">
        <v>44634</v>
      </c>
      <c r="B1541" s="8">
        <v>80.129528500000006</v>
      </c>
      <c r="C1541" s="8">
        <v>52.430189478000003</v>
      </c>
      <c r="D1541" s="8">
        <v>52.013418618999999</v>
      </c>
    </row>
    <row r="1542" spans="1:4" x14ac:dyDescent="0.3">
      <c r="A1542" s="6">
        <v>44635</v>
      </c>
      <c r="B1542" s="8">
        <v>80.072305020000002</v>
      </c>
      <c r="C1542" s="8">
        <v>52.442627223000002</v>
      </c>
      <c r="D1542" s="8">
        <v>51.985996083000003</v>
      </c>
    </row>
    <row r="1543" spans="1:4" x14ac:dyDescent="0.3">
      <c r="A1543" s="6">
        <v>44636</v>
      </c>
      <c r="B1543" s="8">
        <v>80.062438311999998</v>
      </c>
      <c r="C1543" s="8">
        <v>52.304672902999997</v>
      </c>
      <c r="D1543" s="8">
        <v>52.084523296</v>
      </c>
    </row>
    <row r="1544" spans="1:4" x14ac:dyDescent="0.3">
      <c r="A1544" s="6">
        <v>44637</v>
      </c>
      <c r="B1544" s="8">
        <v>80.082861270999999</v>
      </c>
      <c r="C1544" s="8">
        <v>52.316342175000003</v>
      </c>
      <c r="D1544" s="8">
        <v>52.164331625000003</v>
      </c>
    </row>
    <row r="1545" spans="1:4" x14ac:dyDescent="0.3">
      <c r="A1545" s="6">
        <v>44638</v>
      </c>
      <c r="B1545" s="8">
        <v>80.158683652999997</v>
      </c>
      <c r="C1545" s="8">
        <v>52.799091236000002</v>
      </c>
      <c r="D1545" s="8">
        <v>52.263743437999999</v>
      </c>
    </row>
    <row r="1546" spans="1:4" x14ac:dyDescent="0.3">
      <c r="A1546" s="6">
        <v>44639</v>
      </c>
      <c r="B1546" s="8">
        <v>80.532285250000001</v>
      </c>
      <c r="C1546" s="8">
        <v>52.830384958000003</v>
      </c>
      <c r="D1546" s="8">
        <v>52.523287558</v>
      </c>
    </row>
    <row r="1547" spans="1:4" x14ac:dyDescent="0.3">
      <c r="A1547" s="6">
        <v>44640</v>
      </c>
      <c r="B1547" s="8">
        <v>80.740243738999993</v>
      </c>
      <c r="C1547" s="8">
        <v>52.865924687000003</v>
      </c>
      <c r="D1547" s="8">
        <v>52.584842555000002</v>
      </c>
    </row>
    <row r="1548" spans="1:4" x14ac:dyDescent="0.3">
      <c r="A1548" s="6">
        <v>44641</v>
      </c>
      <c r="B1548" s="8">
        <v>80.827449076999997</v>
      </c>
      <c r="C1548" s="8">
        <v>52.986600672999998</v>
      </c>
      <c r="D1548" s="8">
        <v>52.730619924999999</v>
      </c>
    </row>
    <row r="1549" spans="1:4" x14ac:dyDescent="0.3">
      <c r="A1549" s="6">
        <v>44642</v>
      </c>
      <c r="B1549" s="8">
        <v>80.724926155000006</v>
      </c>
      <c r="C1549" s="8">
        <v>53.033013664999999</v>
      </c>
      <c r="D1549" s="8">
        <v>52.740190179000003</v>
      </c>
    </row>
    <row r="1550" spans="1:4" x14ac:dyDescent="0.3">
      <c r="A1550" s="6">
        <v>44643</v>
      </c>
      <c r="B1550" s="8">
        <v>80.845440414999999</v>
      </c>
      <c r="C1550" s="8">
        <v>52.648557138000001</v>
      </c>
      <c r="D1550" s="8">
        <v>52.738387412000002</v>
      </c>
    </row>
    <row r="1551" spans="1:4" x14ac:dyDescent="0.3">
      <c r="A1551" s="6">
        <v>44644</v>
      </c>
      <c r="B1551" s="8">
        <v>80.751116253999996</v>
      </c>
      <c r="C1551" s="8">
        <v>52.312387348999998</v>
      </c>
      <c r="D1551" s="8">
        <v>52.743144909000002</v>
      </c>
    </row>
    <row r="1552" spans="1:4" x14ac:dyDescent="0.3">
      <c r="A1552" s="6">
        <v>44645</v>
      </c>
      <c r="B1552" s="8">
        <v>80.927589776999994</v>
      </c>
      <c r="C1552" s="8">
        <v>52.500264885</v>
      </c>
      <c r="D1552" s="8">
        <v>52.555758527999998</v>
      </c>
    </row>
    <row r="1553" spans="1:4" x14ac:dyDescent="0.3">
      <c r="A1553" s="6">
        <v>44646</v>
      </c>
      <c r="B1553" s="8">
        <v>81.291023435</v>
      </c>
      <c r="C1553" s="8">
        <v>51.872642831</v>
      </c>
      <c r="D1553" s="8">
        <v>52.429279123000001</v>
      </c>
    </row>
    <row r="1554" spans="1:4" x14ac:dyDescent="0.3">
      <c r="A1554" s="6">
        <v>44647</v>
      </c>
      <c r="B1554" s="8">
        <v>81.304845677000003</v>
      </c>
      <c r="C1554" s="8">
        <v>51.968286155000001</v>
      </c>
      <c r="D1554" s="8">
        <v>52.557426559</v>
      </c>
    </row>
    <row r="1555" spans="1:4" x14ac:dyDescent="0.3">
      <c r="A1555" s="6">
        <v>44648</v>
      </c>
      <c r="B1555" s="8">
        <v>81.196385910999993</v>
      </c>
      <c r="C1555" s="8">
        <v>51.983272483</v>
      </c>
      <c r="D1555" s="8">
        <v>52.568557566000003</v>
      </c>
    </row>
    <row r="1556" spans="1:4" x14ac:dyDescent="0.3">
      <c r="A1556" s="6">
        <v>44649</v>
      </c>
      <c r="B1556" s="8">
        <v>81.349955672999997</v>
      </c>
      <c r="C1556" s="8">
        <v>52.033109392999997</v>
      </c>
      <c r="D1556" s="8">
        <v>52.439000827999998</v>
      </c>
    </row>
    <row r="1557" spans="1:4" x14ac:dyDescent="0.3">
      <c r="A1557" s="6">
        <v>44650</v>
      </c>
      <c r="B1557" s="8">
        <v>81.664851060000004</v>
      </c>
      <c r="C1557" s="8">
        <v>51.996541151000002</v>
      </c>
      <c r="D1557" s="8">
        <v>52.643089105000001</v>
      </c>
    </row>
    <row r="1558" spans="1:4" x14ac:dyDescent="0.3">
      <c r="A1558" s="6">
        <v>44651</v>
      </c>
      <c r="B1558" s="8">
        <v>81.930453189000005</v>
      </c>
      <c r="C1558" s="8">
        <v>52.132452506</v>
      </c>
      <c r="D1558" s="8">
        <v>52.711727906</v>
      </c>
    </row>
    <row r="1559" spans="1:4" x14ac:dyDescent="0.3">
      <c r="A1559" s="6">
        <v>44652</v>
      </c>
      <c r="B1559" s="8">
        <v>82.044965079999997</v>
      </c>
      <c r="C1559" s="8">
        <v>51.709881549000002</v>
      </c>
      <c r="D1559" s="8">
        <v>52.459525036000002</v>
      </c>
    </row>
    <row r="1560" spans="1:4" x14ac:dyDescent="0.3">
      <c r="A1560" s="6">
        <v>44653</v>
      </c>
      <c r="B1560" s="8">
        <v>82.105881307999994</v>
      </c>
      <c r="C1560" s="8">
        <v>51.950236855</v>
      </c>
      <c r="D1560" s="8">
        <v>53.019004588999998</v>
      </c>
    </row>
    <row r="1561" spans="1:4" x14ac:dyDescent="0.3">
      <c r="A1561" s="6">
        <v>44654</v>
      </c>
      <c r="B1561" s="8">
        <v>82.272678352</v>
      </c>
      <c r="C1561" s="8">
        <v>51.852952209000001</v>
      </c>
      <c r="D1561" s="8">
        <v>52.877406430000001</v>
      </c>
    </row>
    <row r="1562" spans="1:4" x14ac:dyDescent="0.3">
      <c r="A1562" s="6">
        <v>44655</v>
      </c>
      <c r="B1562" s="8">
        <v>82.388674421000005</v>
      </c>
      <c r="C1562" s="8">
        <v>51.625573576000001</v>
      </c>
      <c r="D1562" s="8">
        <v>52.96363959</v>
      </c>
    </row>
    <row r="1563" spans="1:4" x14ac:dyDescent="0.3">
      <c r="A1563" s="6">
        <v>44656</v>
      </c>
      <c r="B1563" s="8">
        <v>82.449008616</v>
      </c>
      <c r="C1563" s="8">
        <v>51.611805895000003</v>
      </c>
      <c r="D1563" s="8">
        <v>52.900532394999999</v>
      </c>
    </row>
    <row r="1564" spans="1:4" x14ac:dyDescent="0.3">
      <c r="A1564" s="6">
        <v>44657</v>
      </c>
      <c r="B1564" s="8">
        <v>82.412689459000006</v>
      </c>
      <c r="C1564" s="8">
        <v>51.298300548999997</v>
      </c>
      <c r="D1564" s="8">
        <v>53.327486896000003</v>
      </c>
    </row>
    <row r="1565" spans="1:4" x14ac:dyDescent="0.3">
      <c r="A1565" s="6">
        <v>44658</v>
      </c>
      <c r="B1565" s="8">
        <v>82.422893105</v>
      </c>
      <c r="C1565" s="8">
        <v>50.746204263000003</v>
      </c>
      <c r="D1565" s="8">
        <v>52.925816259000001</v>
      </c>
    </row>
    <row r="1566" spans="1:4" x14ac:dyDescent="0.3">
      <c r="A1566" s="6">
        <v>44659</v>
      </c>
      <c r="B1566" s="8">
        <v>82.509660676999999</v>
      </c>
      <c r="C1566" s="8">
        <v>50.918438012999999</v>
      </c>
      <c r="D1566" s="8">
        <v>52.905053711000001</v>
      </c>
    </row>
    <row r="1567" spans="1:4" x14ac:dyDescent="0.3">
      <c r="A1567" s="6">
        <v>44660</v>
      </c>
      <c r="B1567" s="8">
        <v>82.582177981000001</v>
      </c>
      <c r="C1567" s="8">
        <v>50.844820961000003</v>
      </c>
      <c r="D1567" s="8">
        <v>52.987947921</v>
      </c>
    </row>
    <row r="1568" spans="1:4" x14ac:dyDescent="0.3">
      <c r="A1568" s="6">
        <v>44661</v>
      </c>
      <c r="B1568" s="8">
        <v>82.608650898999997</v>
      </c>
      <c r="C1568" s="8">
        <v>50.831613834000002</v>
      </c>
      <c r="D1568" s="8">
        <v>53.238107679000002</v>
      </c>
    </row>
    <row r="1569" spans="1:4" x14ac:dyDescent="0.3">
      <c r="A1569" s="6">
        <v>44662</v>
      </c>
      <c r="B1569" s="8">
        <v>82.714703438000001</v>
      </c>
      <c r="C1569" s="8">
        <v>50.938471710000002</v>
      </c>
      <c r="D1569" s="8">
        <v>53.252817999999998</v>
      </c>
    </row>
    <row r="1570" spans="1:4" x14ac:dyDescent="0.3">
      <c r="A1570" s="6">
        <v>44663</v>
      </c>
      <c r="B1570" s="8">
        <v>82.634863679999995</v>
      </c>
      <c r="C1570" s="8">
        <v>50.626993742000003</v>
      </c>
      <c r="D1570" s="8">
        <v>52.852173084</v>
      </c>
    </row>
    <row r="1571" spans="1:4" x14ac:dyDescent="0.3">
      <c r="A1571" s="6">
        <v>44664</v>
      </c>
      <c r="B1571" s="8">
        <v>82.881751671000004</v>
      </c>
      <c r="C1571" s="8">
        <v>50.557027126000001</v>
      </c>
      <c r="D1571" s="8">
        <v>52.796935886</v>
      </c>
    </row>
    <row r="1572" spans="1:4" x14ac:dyDescent="0.3">
      <c r="A1572" s="6">
        <v>44665</v>
      </c>
      <c r="B1572" s="8">
        <v>82.736682157000004</v>
      </c>
      <c r="C1572" s="8">
        <v>50.352516151000003</v>
      </c>
      <c r="D1572" s="8">
        <v>52.592513574999998</v>
      </c>
    </row>
    <row r="1573" spans="1:4" x14ac:dyDescent="0.3">
      <c r="A1573" s="6">
        <v>44666</v>
      </c>
      <c r="B1573" s="8">
        <v>82.795954520999999</v>
      </c>
      <c r="C1573" s="8">
        <v>50.227458392999999</v>
      </c>
      <c r="D1573" s="8">
        <v>52.780872895000002</v>
      </c>
    </row>
    <row r="1574" spans="1:4" x14ac:dyDescent="0.3">
      <c r="A1574" s="6">
        <v>44667</v>
      </c>
      <c r="B1574" s="8">
        <v>82.766275586000006</v>
      </c>
      <c r="C1574" s="8">
        <v>50.134682249999997</v>
      </c>
      <c r="D1574" s="8">
        <v>52.909278727999997</v>
      </c>
    </row>
    <row r="1575" spans="1:4" x14ac:dyDescent="0.3">
      <c r="A1575" s="6">
        <v>44668</v>
      </c>
      <c r="B1575" s="8">
        <v>82.797938661000003</v>
      </c>
      <c r="C1575" s="8">
        <v>50.054012925999999</v>
      </c>
      <c r="D1575" s="8">
        <v>53.031177046000003</v>
      </c>
    </row>
    <row r="1576" spans="1:4" x14ac:dyDescent="0.3">
      <c r="A1576" s="6">
        <v>44669</v>
      </c>
      <c r="B1576" s="8">
        <v>82.811298303000001</v>
      </c>
      <c r="C1576" s="8">
        <v>50.048713208000002</v>
      </c>
      <c r="D1576" s="8">
        <v>53.072299858000001</v>
      </c>
    </row>
    <row r="1577" spans="1:4" x14ac:dyDescent="0.3">
      <c r="A1577" s="6">
        <v>44670</v>
      </c>
      <c r="B1577" s="8">
        <v>82.792973864999993</v>
      </c>
      <c r="C1577" s="8">
        <v>49.860188964000002</v>
      </c>
      <c r="D1577" s="8">
        <v>53.085468065000001</v>
      </c>
    </row>
    <row r="1578" spans="1:4" x14ac:dyDescent="0.3">
      <c r="A1578" s="6">
        <v>44671</v>
      </c>
      <c r="B1578" s="8">
        <v>82.787027488999996</v>
      </c>
      <c r="C1578" s="8">
        <v>50.018475090999999</v>
      </c>
      <c r="D1578" s="8">
        <v>53.209914294000001</v>
      </c>
    </row>
    <row r="1579" spans="1:4" x14ac:dyDescent="0.3">
      <c r="A1579" s="6">
        <v>44672</v>
      </c>
      <c r="B1579" s="8">
        <v>83.021908772000003</v>
      </c>
      <c r="C1579" s="8">
        <v>49.863548514999998</v>
      </c>
      <c r="D1579" s="8">
        <v>53.270510414999997</v>
      </c>
    </row>
    <row r="1580" spans="1:4" x14ac:dyDescent="0.3">
      <c r="A1580" s="6">
        <v>44673</v>
      </c>
      <c r="B1580" s="8">
        <v>83.120398073999993</v>
      </c>
      <c r="C1580" s="8">
        <v>49.861799099999999</v>
      </c>
      <c r="D1580" s="8">
        <v>53.459926000999999</v>
      </c>
    </row>
    <row r="1581" spans="1:4" x14ac:dyDescent="0.3">
      <c r="A1581" s="6">
        <v>44674</v>
      </c>
      <c r="B1581" s="8">
        <v>83.182809348000006</v>
      </c>
      <c r="C1581" s="8">
        <v>49.885461217</v>
      </c>
      <c r="D1581" s="8">
        <v>53.760219518</v>
      </c>
    </row>
    <row r="1582" spans="1:4" x14ac:dyDescent="0.3">
      <c r="A1582" s="6">
        <v>44675</v>
      </c>
      <c r="B1582" s="8">
        <v>83.198500616999993</v>
      </c>
      <c r="C1582" s="8">
        <v>49.903732595000001</v>
      </c>
      <c r="D1582" s="8">
        <v>53.827487933</v>
      </c>
    </row>
    <row r="1583" spans="1:4" x14ac:dyDescent="0.3">
      <c r="A1583" s="6">
        <v>44676</v>
      </c>
      <c r="B1583" s="8">
        <v>83.221428016000004</v>
      </c>
      <c r="C1583" s="8">
        <v>49.912345762999998</v>
      </c>
      <c r="D1583" s="8">
        <v>53.896859374000002</v>
      </c>
    </row>
    <row r="1584" spans="1:4" x14ac:dyDescent="0.3">
      <c r="A1584" s="6">
        <v>44677</v>
      </c>
      <c r="B1584" s="8">
        <v>83.139688331000002</v>
      </c>
      <c r="C1584" s="8">
        <v>49.854024064000001</v>
      </c>
      <c r="D1584" s="8">
        <v>54.012532567000001</v>
      </c>
    </row>
    <row r="1585" spans="1:4" x14ac:dyDescent="0.3">
      <c r="A1585" s="6">
        <v>44678</v>
      </c>
      <c r="B1585" s="8">
        <v>83.214573094000002</v>
      </c>
      <c r="C1585" s="8">
        <v>49.362464744999997</v>
      </c>
      <c r="D1585" s="8">
        <v>53.984163369999997</v>
      </c>
    </row>
    <row r="1586" spans="1:4" x14ac:dyDescent="0.3">
      <c r="A1586" s="6">
        <v>44679</v>
      </c>
      <c r="B1586" s="8">
        <v>83.154011772000004</v>
      </c>
      <c r="C1586" s="8">
        <v>49.391470738999999</v>
      </c>
      <c r="D1586" s="8">
        <v>54.036808043000001</v>
      </c>
    </row>
    <row r="1587" spans="1:4" x14ac:dyDescent="0.3">
      <c r="A1587" s="6">
        <v>44680</v>
      </c>
      <c r="B1587" s="8">
        <v>83.139556787999993</v>
      </c>
      <c r="C1587" s="8">
        <v>49.383094280999998</v>
      </c>
      <c r="D1587" s="8">
        <v>53.971199261000002</v>
      </c>
    </row>
    <row r="1588" spans="1:4" x14ac:dyDescent="0.3">
      <c r="A1588" s="6">
        <v>44681</v>
      </c>
      <c r="B1588" s="8">
        <v>83.229249234999997</v>
      </c>
      <c r="C1588" s="8">
        <v>49.286152379000001</v>
      </c>
      <c r="D1588" s="8">
        <v>54.288678390999998</v>
      </c>
    </row>
    <row r="1589" spans="1:4" x14ac:dyDescent="0.3">
      <c r="A1589" s="6">
        <v>44682</v>
      </c>
      <c r="B1589" s="8">
        <v>83.424696944999994</v>
      </c>
      <c r="C1589" s="8">
        <v>49.179894107999999</v>
      </c>
      <c r="D1589" s="8">
        <v>54.249322855000003</v>
      </c>
    </row>
    <row r="1590" spans="1:4" x14ac:dyDescent="0.3">
      <c r="A1590" s="6">
        <v>44683</v>
      </c>
      <c r="B1590" s="8">
        <v>83.267550080000007</v>
      </c>
      <c r="C1590" s="8">
        <v>49.285265563000003</v>
      </c>
      <c r="D1590" s="8">
        <v>54.268374489999999</v>
      </c>
    </row>
    <row r="1591" spans="1:4" x14ac:dyDescent="0.3">
      <c r="A1591" s="6">
        <v>44684</v>
      </c>
      <c r="B1591" s="8">
        <v>83.147512567999996</v>
      </c>
      <c r="C1591" s="8">
        <v>49.141005063999998</v>
      </c>
      <c r="D1591" s="8">
        <v>54.374905863000002</v>
      </c>
    </row>
    <row r="1592" spans="1:4" x14ac:dyDescent="0.3">
      <c r="A1592" s="6">
        <v>44685</v>
      </c>
      <c r="B1592" s="8">
        <v>83.241023585999997</v>
      </c>
      <c r="C1592" s="8">
        <v>49.029382275000003</v>
      </c>
      <c r="D1592" s="8">
        <v>54.381323985999998</v>
      </c>
    </row>
    <row r="1593" spans="1:4" x14ac:dyDescent="0.3">
      <c r="A1593" s="6">
        <v>44686</v>
      </c>
      <c r="B1593" s="8">
        <v>83.185453773999996</v>
      </c>
      <c r="C1593" s="8">
        <v>48.776655220999999</v>
      </c>
      <c r="D1593" s="8">
        <v>54.275023005999998</v>
      </c>
    </row>
    <row r="1594" spans="1:4" x14ac:dyDescent="0.3">
      <c r="A1594" s="6">
        <v>44687</v>
      </c>
      <c r="B1594" s="8">
        <v>83.270750871000004</v>
      </c>
      <c r="C1594" s="8">
        <v>48.837550839999999</v>
      </c>
      <c r="D1594" s="8">
        <v>54.296971454999998</v>
      </c>
    </row>
    <row r="1595" spans="1:4" x14ac:dyDescent="0.3">
      <c r="A1595" s="6">
        <v>44688</v>
      </c>
      <c r="B1595" s="8">
        <v>83.284503885000007</v>
      </c>
      <c r="C1595" s="8">
        <v>48.447145524</v>
      </c>
      <c r="D1595" s="8">
        <v>54.039121481000002</v>
      </c>
    </row>
    <row r="1596" spans="1:4" x14ac:dyDescent="0.3">
      <c r="A1596" s="6">
        <v>44689</v>
      </c>
      <c r="B1596" s="8">
        <v>83.355823232999995</v>
      </c>
      <c r="C1596" s="8">
        <v>48.504620166000002</v>
      </c>
      <c r="D1596" s="8">
        <v>53.739714335999999</v>
      </c>
    </row>
    <row r="1597" spans="1:4" x14ac:dyDescent="0.3">
      <c r="A1597" s="6">
        <v>44690</v>
      </c>
      <c r="B1597" s="8">
        <v>83.246318700000003</v>
      </c>
      <c r="C1597" s="8">
        <v>48.540724744999999</v>
      </c>
      <c r="D1597" s="8">
        <v>52.899041185000002</v>
      </c>
    </row>
    <row r="1598" spans="1:4" x14ac:dyDescent="0.3">
      <c r="A1598" s="6">
        <v>44691</v>
      </c>
      <c r="B1598" s="8">
        <v>83.173635947999998</v>
      </c>
      <c r="C1598" s="8">
        <v>48.451920962000003</v>
      </c>
      <c r="D1598" s="8">
        <v>49.303371437999999</v>
      </c>
    </row>
    <row r="1599" spans="1:4" x14ac:dyDescent="0.3">
      <c r="A1599" s="6">
        <v>44692</v>
      </c>
      <c r="B1599" s="8">
        <v>82.690895710999996</v>
      </c>
      <c r="C1599" s="8">
        <v>48.451920962000003</v>
      </c>
      <c r="D1599" s="8">
        <v>46.853821361999998</v>
      </c>
    </row>
    <row r="1600" spans="1:4" x14ac:dyDescent="0.3">
      <c r="A1600" s="6">
        <v>44693</v>
      </c>
      <c r="B1600" s="8">
        <v>79.485744714999996</v>
      </c>
      <c r="C1600" s="8">
        <v>49.696713385999999</v>
      </c>
      <c r="D1600" s="8">
        <v>31.114117359000002</v>
      </c>
    </row>
    <row r="1601" spans="1:4" x14ac:dyDescent="0.3">
      <c r="A1601" s="6">
        <v>44694</v>
      </c>
      <c r="B1601" s="8">
        <v>79.485744714999996</v>
      </c>
      <c r="C1601" s="8">
        <v>49.696713385999999</v>
      </c>
      <c r="D1601" s="8">
        <v>30.777170507000001</v>
      </c>
    </row>
    <row r="1602" spans="1:4" x14ac:dyDescent="0.3">
      <c r="A1602" s="6">
        <v>44695</v>
      </c>
      <c r="B1602" s="8">
        <v>76.734593140000001</v>
      </c>
      <c r="C1602" s="8">
        <v>50.782055665999998</v>
      </c>
      <c r="D1602" s="8">
        <v>31.12061594</v>
      </c>
    </row>
    <row r="1603" spans="1:4" x14ac:dyDescent="0.3">
      <c r="A1603" s="6">
        <v>44696</v>
      </c>
      <c r="B1603" s="8">
        <v>75.778562416</v>
      </c>
      <c r="C1603" s="8">
        <v>51.097427963999998</v>
      </c>
      <c r="D1603" s="8">
        <v>31.199444840000002</v>
      </c>
    </row>
    <row r="1604" spans="1:4" x14ac:dyDescent="0.3">
      <c r="A1604" s="6">
        <v>44697</v>
      </c>
      <c r="B1604" s="8">
        <v>75.778562416</v>
      </c>
      <c r="C1604" s="8">
        <v>51.138746904999998</v>
      </c>
      <c r="D1604" s="8">
        <v>31.239036699</v>
      </c>
    </row>
    <row r="1605" spans="1:4" x14ac:dyDescent="0.3">
      <c r="A1605" s="6">
        <v>44698</v>
      </c>
      <c r="B1605" s="8">
        <v>75.778562416</v>
      </c>
      <c r="C1605" s="8">
        <v>52.047290599</v>
      </c>
      <c r="D1605" s="8">
        <v>45.304360838542102</v>
      </c>
    </row>
    <row r="1606" spans="1:4" x14ac:dyDescent="0.3">
      <c r="A1606" s="6">
        <v>44699</v>
      </c>
      <c r="B1606" s="8">
        <v>74.235444119999997</v>
      </c>
      <c r="C1606" s="8">
        <v>52.248992123999997</v>
      </c>
      <c r="D1606" s="8">
        <v>31.864523736999999</v>
      </c>
    </row>
    <row r="1607" spans="1:4" x14ac:dyDescent="0.3">
      <c r="A1607" s="6">
        <v>44700</v>
      </c>
      <c r="B1607" s="8">
        <v>74.239609934000001</v>
      </c>
      <c r="C1607" s="8">
        <v>52.353529729000002</v>
      </c>
      <c r="D1607" s="8">
        <v>31.991375799</v>
      </c>
    </row>
    <row r="1608" spans="1:4" x14ac:dyDescent="0.3">
      <c r="A1608" s="6">
        <v>44701</v>
      </c>
      <c r="B1608" s="8">
        <v>74.227359934000006</v>
      </c>
      <c r="C1608" s="8">
        <v>52.708142019999997</v>
      </c>
      <c r="D1608" s="8">
        <v>32.285166035000003</v>
      </c>
    </row>
    <row r="1609" spans="1:4" x14ac:dyDescent="0.3">
      <c r="A1609" s="6">
        <v>44702</v>
      </c>
      <c r="B1609" s="8">
        <v>73.301536760999994</v>
      </c>
      <c r="C1609" s="8">
        <v>52.937861003999998</v>
      </c>
      <c r="D1609" s="8">
        <v>32.237135121999998</v>
      </c>
    </row>
    <row r="1610" spans="1:4" x14ac:dyDescent="0.3">
      <c r="A1610" s="6">
        <v>44703</v>
      </c>
      <c r="B1610" s="8">
        <v>73.301536752000004</v>
      </c>
      <c r="C1610" s="8">
        <v>53.047105856000002</v>
      </c>
      <c r="D1610" s="8">
        <v>32.216505632000001</v>
      </c>
    </row>
    <row r="1611" spans="1:4" x14ac:dyDescent="0.3">
      <c r="A1611" s="6">
        <v>44704</v>
      </c>
      <c r="B1611" s="8">
        <v>73.301536752000004</v>
      </c>
      <c r="C1611" s="8">
        <v>53.078695400999997</v>
      </c>
      <c r="D1611" s="8">
        <v>32.277936697999998</v>
      </c>
    </row>
    <row r="1612" spans="1:4" x14ac:dyDescent="0.3">
      <c r="A1612" s="6">
        <v>44705</v>
      </c>
      <c r="B1612" s="8">
        <v>73.301536751</v>
      </c>
      <c r="C1612" s="8">
        <v>53.310325241000001</v>
      </c>
      <c r="D1612" s="8">
        <v>32.142733643</v>
      </c>
    </row>
    <row r="1613" spans="1:4" x14ac:dyDescent="0.3">
      <c r="A1613" s="6">
        <v>44706</v>
      </c>
      <c r="B1613" s="8">
        <v>73.301536751</v>
      </c>
      <c r="C1613" s="8">
        <v>53.398883662000003</v>
      </c>
      <c r="D1613" s="8">
        <v>32.206523547000003</v>
      </c>
    </row>
    <row r="1614" spans="1:4" x14ac:dyDescent="0.3">
      <c r="A1614" s="6">
        <v>44707</v>
      </c>
      <c r="B1614" s="8">
        <v>73.301536751</v>
      </c>
      <c r="C1614" s="8">
        <v>53.421325500999998</v>
      </c>
      <c r="D1614" s="8">
        <v>32.328677438</v>
      </c>
    </row>
    <row r="1615" spans="1:4" x14ac:dyDescent="0.3">
      <c r="A1615" s="6">
        <v>44708</v>
      </c>
      <c r="B1615" s="8">
        <v>73.301737669999994</v>
      </c>
      <c r="C1615" s="8">
        <v>53.196594240000003</v>
      </c>
      <c r="D1615" s="8">
        <v>32.155695041000001</v>
      </c>
    </row>
    <row r="1616" spans="1:4" x14ac:dyDescent="0.3">
      <c r="A1616" s="6">
        <v>44709</v>
      </c>
      <c r="B1616" s="8">
        <v>72.563691345999999</v>
      </c>
      <c r="C1616" s="8">
        <v>53.557691075000001</v>
      </c>
      <c r="D1616" s="8">
        <v>32.094334480999997</v>
      </c>
    </row>
    <row r="1617" spans="1:4" x14ac:dyDescent="0.3">
      <c r="A1617" s="6">
        <v>44710</v>
      </c>
      <c r="B1617" s="8">
        <v>72.563691345999999</v>
      </c>
      <c r="C1617" s="8">
        <v>53.690918717999999</v>
      </c>
      <c r="D1617" s="8">
        <v>32.144534935999999</v>
      </c>
    </row>
    <row r="1618" spans="1:4" x14ac:dyDescent="0.3">
      <c r="A1618" s="6">
        <v>44711</v>
      </c>
      <c r="B1618" s="8">
        <v>72.563691345999999</v>
      </c>
      <c r="C1618" s="8">
        <v>53.696778619</v>
      </c>
      <c r="D1618" s="8">
        <v>31.985382265999998</v>
      </c>
    </row>
    <row r="1619" spans="1:4" x14ac:dyDescent="0.3">
      <c r="A1619" s="6">
        <v>44712</v>
      </c>
      <c r="B1619" s="8">
        <v>72.563691345999999</v>
      </c>
      <c r="C1619" s="8">
        <v>53.740917066000002</v>
      </c>
      <c r="D1619" s="8">
        <v>32.473233419000003</v>
      </c>
    </row>
    <row r="1620" spans="1:4" x14ac:dyDescent="0.3">
      <c r="A1620" s="6">
        <v>44713</v>
      </c>
      <c r="B1620" s="8">
        <v>72.564891345999996</v>
      </c>
      <c r="C1620" s="8">
        <v>53.965998315999997</v>
      </c>
      <c r="D1620" s="8">
        <v>32.806640442000003</v>
      </c>
    </row>
    <row r="1621" spans="1:4" x14ac:dyDescent="0.3">
      <c r="A1621" s="6">
        <v>44714</v>
      </c>
      <c r="B1621" s="8">
        <v>72.643774669999999</v>
      </c>
      <c r="C1621" s="8">
        <v>54.799193013</v>
      </c>
      <c r="D1621" s="8">
        <v>32.868976213000003</v>
      </c>
    </row>
    <row r="1622" spans="1:4" x14ac:dyDescent="0.3">
      <c r="A1622" s="6">
        <v>44715</v>
      </c>
      <c r="B1622" s="8">
        <v>72.564891345999996</v>
      </c>
      <c r="C1622" s="8">
        <v>54.119107067999998</v>
      </c>
      <c r="D1622" s="8">
        <v>32.720651019000002</v>
      </c>
    </row>
    <row r="1623" spans="1:4" x14ac:dyDescent="0.3">
      <c r="A1623" s="6">
        <v>44716</v>
      </c>
      <c r="B1623" s="8">
        <v>72.569891345000002</v>
      </c>
      <c r="C1623" s="8">
        <v>54.095128062000001</v>
      </c>
      <c r="D1623" s="8">
        <v>32.732734550000004</v>
      </c>
    </row>
    <row r="1624" spans="1:4" x14ac:dyDescent="0.3">
      <c r="A1624" s="6">
        <v>44717</v>
      </c>
      <c r="B1624" s="8">
        <v>72.569891345000002</v>
      </c>
      <c r="C1624" s="8">
        <v>54.065388962999997</v>
      </c>
      <c r="D1624" s="8">
        <v>32.726556182000003</v>
      </c>
    </row>
    <row r="1625" spans="1:4" x14ac:dyDescent="0.3">
      <c r="A1625" s="6">
        <v>44718</v>
      </c>
      <c r="B1625" s="8">
        <v>72.569891345000002</v>
      </c>
      <c r="C1625" s="8">
        <v>54.055865359999999</v>
      </c>
      <c r="D1625" s="8">
        <v>32.747753093999997</v>
      </c>
    </row>
    <row r="1626" spans="1:4" x14ac:dyDescent="0.3">
      <c r="A1626" s="6">
        <v>44719</v>
      </c>
      <c r="B1626" s="8">
        <v>72.446991345000001</v>
      </c>
      <c r="C1626" s="8">
        <v>53.743345407</v>
      </c>
      <c r="D1626" s="8">
        <v>33.056714718000002</v>
      </c>
    </row>
    <row r="1627" spans="1:4" x14ac:dyDescent="0.3">
      <c r="A1627" s="6">
        <v>44720</v>
      </c>
      <c r="B1627" s="8">
        <v>72.446991345000001</v>
      </c>
      <c r="C1627" s="8">
        <v>53.810188940000003</v>
      </c>
      <c r="D1627" s="8">
        <v>32.882313117999999</v>
      </c>
    </row>
    <row r="1628" spans="1:4" x14ac:dyDescent="0.3">
      <c r="A1628" s="6">
        <v>44721</v>
      </c>
      <c r="B1628" s="8">
        <v>72.456991345000006</v>
      </c>
      <c r="C1628" s="8">
        <v>53.769837651000003</v>
      </c>
      <c r="D1628" s="8">
        <v>32.860411214999999</v>
      </c>
    </row>
    <row r="1629" spans="1:4" x14ac:dyDescent="0.3">
      <c r="A1629" s="6">
        <v>44722</v>
      </c>
      <c r="B1629" s="8">
        <v>72.523923241000006</v>
      </c>
      <c r="C1629" s="8">
        <v>53.791821802000001</v>
      </c>
      <c r="D1629" s="8">
        <v>32.849234316500002</v>
      </c>
    </row>
    <row r="1630" spans="1:4" x14ac:dyDescent="0.3">
      <c r="A1630" s="6">
        <v>44723</v>
      </c>
      <c r="B1630" s="8">
        <v>72.521423239000001</v>
      </c>
      <c r="C1630" s="8">
        <v>53.144746089999998</v>
      </c>
      <c r="D1630" s="8">
        <v>33.028055954000003</v>
      </c>
    </row>
    <row r="1631" spans="1:4" x14ac:dyDescent="0.3">
      <c r="A1631" s="6">
        <v>44724</v>
      </c>
      <c r="B1631" s="8">
        <v>72.521423239000001</v>
      </c>
      <c r="C1631" s="8">
        <v>53.076161679000002</v>
      </c>
      <c r="D1631" s="8">
        <v>32.851596297</v>
      </c>
    </row>
    <row r="1632" spans="1:4" x14ac:dyDescent="0.3">
      <c r="A1632" s="6">
        <v>44725</v>
      </c>
      <c r="B1632" s="8">
        <v>72.320423093000002</v>
      </c>
      <c r="C1632" s="8">
        <v>53.224899530000002</v>
      </c>
      <c r="D1632" s="8">
        <v>32.578811725000001</v>
      </c>
    </row>
    <row r="1633" spans="1:4" x14ac:dyDescent="0.3">
      <c r="A1633" s="6">
        <v>44726</v>
      </c>
      <c r="B1633" s="8">
        <v>71.625572082999994</v>
      </c>
      <c r="C1633" s="8">
        <v>53.337651190999999</v>
      </c>
      <c r="D1633" s="8">
        <v>32.042089013999998</v>
      </c>
    </row>
    <row r="1634" spans="1:4" x14ac:dyDescent="0.3">
      <c r="A1634" s="6">
        <v>44727</v>
      </c>
      <c r="B1634" s="8">
        <v>70.896956466000006</v>
      </c>
      <c r="C1634" s="8">
        <v>53.319593202</v>
      </c>
      <c r="D1634" s="8">
        <v>31.825062815999999</v>
      </c>
    </row>
    <row r="1635" spans="1:4" x14ac:dyDescent="0.3">
      <c r="A1635" s="6">
        <v>44728</v>
      </c>
      <c r="B1635" s="8">
        <v>70.065257821000003</v>
      </c>
      <c r="C1635" s="8">
        <v>53.483595950000002</v>
      </c>
      <c r="D1635" s="8">
        <v>31.706081437000002</v>
      </c>
    </row>
    <row r="1636" spans="1:4" x14ac:dyDescent="0.3">
      <c r="A1636" s="6">
        <v>44729</v>
      </c>
      <c r="B1636" s="8">
        <v>69.250758856000004</v>
      </c>
      <c r="C1636" s="8">
        <v>53.835748399000003</v>
      </c>
      <c r="D1636" s="8">
        <v>31.598465477000001</v>
      </c>
    </row>
    <row r="1637" spans="1:4" x14ac:dyDescent="0.3">
      <c r="A1637" s="6">
        <v>44730</v>
      </c>
      <c r="B1637" s="8">
        <v>68.257437389000003</v>
      </c>
      <c r="C1637" s="8">
        <v>54.370927684999998</v>
      </c>
      <c r="D1637" s="8">
        <v>31.53937569</v>
      </c>
    </row>
    <row r="1638" spans="1:4" x14ac:dyDescent="0.3">
      <c r="A1638" s="6">
        <v>44731</v>
      </c>
      <c r="B1638" s="8">
        <v>68.199671483000003</v>
      </c>
      <c r="C1638" s="8">
        <v>54.650530328999999</v>
      </c>
      <c r="D1638" s="8">
        <v>31.413363480000001</v>
      </c>
    </row>
    <row r="1639" spans="1:4" x14ac:dyDescent="0.3">
      <c r="A1639" s="6">
        <v>44732</v>
      </c>
      <c r="B1639" s="8">
        <v>67.950741492999995</v>
      </c>
      <c r="C1639" s="8">
        <v>55.158414165000003</v>
      </c>
      <c r="D1639" s="8">
        <v>30.931491531999999</v>
      </c>
    </row>
    <row r="1640" spans="1:4" x14ac:dyDescent="0.3">
      <c r="A1640" s="6">
        <v>44733</v>
      </c>
      <c r="B1640" s="8">
        <v>67.521526405000003</v>
      </c>
      <c r="C1640" s="8">
        <v>54.947604808000001</v>
      </c>
      <c r="D1640" s="8">
        <v>30.936186710000001</v>
      </c>
    </row>
    <row r="1641" spans="1:4" x14ac:dyDescent="0.3">
      <c r="A1641" s="6">
        <v>44734</v>
      </c>
      <c r="B1641" s="8">
        <v>67.007466804000003</v>
      </c>
      <c r="C1641" s="8">
        <v>55.086476488999999</v>
      </c>
      <c r="D1641" s="8">
        <v>31.400760997999999</v>
      </c>
    </row>
    <row r="1642" spans="1:4" x14ac:dyDescent="0.3">
      <c r="A1642" s="6">
        <v>44735</v>
      </c>
      <c r="B1642" s="8">
        <v>67.006166804000003</v>
      </c>
      <c r="C1642" s="8">
        <v>55.080391646999999</v>
      </c>
      <c r="D1642" s="8">
        <v>31.312884256</v>
      </c>
    </row>
    <row r="1643" spans="1:4" x14ac:dyDescent="0.3">
      <c r="A1643" s="6">
        <v>44736</v>
      </c>
      <c r="B1643" s="8">
        <v>67.003866802999994</v>
      </c>
      <c r="C1643" s="8">
        <v>54.862379134999998</v>
      </c>
      <c r="D1643" s="8">
        <v>31.199622711</v>
      </c>
    </row>
    <row r="1644" spans="1:4" x14ac:dyDescent="0.3">
      <c r="A1644" s="6">
        <v>44737</v>
      </c>
      <c r="B1644" s="8">
        <v>66.893892035999997</v>
      </c>
      <c r="C1644" s="8">
        <v>54.941607038999997</v>
      </c>
      <c r="D1644" s="8">
        <v>31.226027965</v>
      </c>
    </row>
    <row r="1645" spans="1:4" x14ac:dyDescent="0.3">
      <c r="A1645" s="6">
        <v>44738</v>
      </c>
      <c r="B1645" s="8">
        <v>66.893892035999997</v>
      </c>
      <c r="C1645" s="8">
        <v>55.100604206</v>
      </c>
      <c r="D1645" s="8">
        <v>31.246711436999998</v>
      </c>
    </row>
    <row r="1646" spans="1:4" x14ac:dyDescent="0.3">
      <c r="A1646" s="6">
        <v>44739</v>
      </c>
      <c r="B1646" s="8">
        <v>66.893702035999993</v>
      </c>
      <c r="C1646" s="8">
        <v>55.149302507999998</v>
      </c>
      <c r="D1646" s="8">
        <v>31.190781208000001</v>
      </c>
    </row>
    <row r="1647" spans="1:4" x14ac:dyDescent="0.3">
      <c r="A1647" s="6">
        <v>44740</v>
      </c>
      <c r="B1647" s="8">
        <v>66.861361157999994</v>
      </c>
      <c r="C1647" s="8">
        <v>54.698932012</v>
      </c>
      <c r="D1647" s="8">
        <v>31.440070848000001</v>
      </c>
    </row>
    <row r="1648" spans="1:4" x14ac:dyDescent="0.3">
      <c r="A1648" s="6">
        <v>44741</v>
      </c>
      <c r="B1648" s="8">
        <v>66.851361158000003</v>
      </c>
      <c r="C1648" s="8">
        <v>54.815361633000002</v>
      </c>
      <c r="D1648" s="8">
        <v>31.283440124999998</v>
      </c>
    </row>
    <row r="1649" spans="1:4" x14ac:dyDescent="0.3">
      <c r="A1649" s="6">
        <v>44742</v>
      </c>
      <c r="B1649" s="8">
        <v>66.535427995000006</v>
      </c>
      <c r="C1649" s="8">
        <v>54.856604116</v>
      </c>
      <c r="D1649" s="8">
        <v>31.480674486000002</v>
      </c>
    </row>
    <row r="1650" spans="1:4" x14ac:dyDescent="0.3">
      <c r="A1650" s="6">
        <v>44743</v>
      </c>
      <c r="B1650" s="8">
        <v>66.352543725999993</v>
      </c>
      <c r="C1650" s="8">
        <v>54.936211356999998</v>
      </c>
      <c r="D1650" s="8">
        <v>31.396784575000002</v>
      </c>
    </row>
    <row r="1651" spans="1:4" x14ac:dyDescent="0.3">
      <c r="A1651" s="6">
        <v>44744</v>
      </c>
      <c r="B1651" s="8">
        <v>66.705660402000007</v>
      </c>
      <c r="C1651" s="8">
        <v>54.925910582999997</v>
      </c>
      <c r="D1651" s="8">
        <v>31.797489573</v>
      </c>
    </row>
    <row r="1652" spans="1:4" x14ac:dyDescent="0.3">
      <c r="A1652" s="6">
        <v>44745</v>
      </c>
      <c r="B1652" s="8">
        <v>66.703760402</v>
      </c>
      <c r="C1652" s="8">
        <v>54.982243801000003</v>
      </c>
      <c r="D1652" s="8">
        <v>31.720815117000001</v>
      </c>
    </row>
    <row r="1653" spans="1:4" x14ac:dyDescent="0.3">
      <c r="A1653" s="6">
        <v>44746</v>
      </c>
      <c r="B1653" s="8">
        <v>66.554981804999997</v>
      </c>
      <c r="C1653" s="8">
        <v>54.991190826999997</v>
      </c>
      <c r="D1653" s="8">
        <v>31.749737847724138</v>
      </c>
    </row>
    <row r="1654" spans="1:4" x14ac:dyDescent="0.3">
      <c r="A1654" s="6">
        <v>44747</v>
      </c>
      <c r="B1654" s="8">
        <v>66.516981805</v>
      </c>
      <c r="C1654" s="8">
        <v>55.134883530000003</v>
      </c>
      <c r="D1654" s="8">
        <v>31.695144916</v>
      </c>
    </row>
    <row r="1655" spans="1:4" x14ac:dyDescent="0.3">
      <c r="A1655" s="6">
        <v>44748</v>
      </c>
      <c r="B1655" s="8">
        <v>66.467721853</v>
      </c>
      <c r="C1655" s="8">
        <v>55.066135793000001</v>
      </c>
      <c r="D1655" s="8">
        <v>31.751907395</v>
      </c>
    </row>
    <row r="1656" spans="1:4" x14ac:dyDescent="0.3">
      <c r="A1656" s="6">
        <v>44749</v>
      </c>
      <c r="B1656" s="8">
        <v>66.467721853</v>
      </c>
      <c r="C1656" s="8">
        <v>54.812392858000003</v>
      </c>
      <c r="D1656" s="8">
        <v>31.766197659517243</v>
      </c>
    </row>
    <row r="1657" spans="1:4" x14ac:dyDescent="0.3">
      <c r="A1657" s="6">
        <v>44750</v>
      </c>
      <c r="B1657" s="8">
        <v>66.465721853000005</v>
      </c>
      <c r="C1657" s="8">
        <v>54.642413499</v>
      </c>
      <c r="D1657" s="8">
        <v>31.737252560999998</v>
      </c>
    </row>
    <row r="1658" spans="1:4" x14ac:dyDescent="0.3">
      <c r="A1658" s="6">
        <v>44751</v>
      </c>
      <c r="B1658" s="8">
        <v>66.464371853000003</v>
      </c>
      <c r="C1658" s="8">
        <v>54.695202301999998</v>
      </c>
      <c r="D1658" s="8">
        <v>31.779904064</v>
      </c>
    </row>
    <row r="1659" spans="1:4" x14ac:dyDescent="0.3">
      <c r="A1659" s="6">
        <v>44752</v>
      </c>
      <c r="B1659" s="8">
        <v>66.464371853000003</v>
      </c>
      <c r="C1659" s="8">
        <v>54.624871878</v>
      </c>
      <c r="D1659" s="8">
        <v>31.920735325999999</v>
      </c>
    </row>
    <row r="1660" spans="1:4" x14ac:dyDescent="0.3">
      <c r="A1660" s="6">
        <v>44753</v>
      </c>
      <c r="B1660" s="8">
        <v>66.464371853000003</v>
      </c>
      <c r="C1660" s="8">
        <v>54.671697553999998</v>
      </c>
      <c r="D1660" s="8">
        <v>31.691687655999999</v>
      </c>
    </row>
    <row r="1661" spans="1:4" x14ac:dyDescent="0.3">
      <c r="A1661" s="6">
        <v>44754</v>
      </c>
      <c r="B1661" s="8">
        <v>66.464371853000003</v>
      </c>
      <c r="C1661" s="8">
        <v>54.699936846</v>
      </c>
      <c r="D1661" s="8">
        <v>31.832539927999999</v>
      </c>
    </row>
    <row r="1662" spans="1:4" x14ac:dyDescent="0.3">
      <c r="A1662" s="6">
        <v>44755</v>
      </c>
      <c r="B1662" s="8">
        <v>66.424371852999997</v>
      </c>
      <c r="C1662" s="8">
        <v>54.587310998</v>
      </c>
      <c r="D1662" s="8">
        <v>31.669464528999999</v>
      </c>
    </row>
    <row r="1663" spans="1:4" x14ac:dyDescent="0.3">
      <c r="A1663" s="6">
        <v>44756</v>
      </c>
      <c r="B1663" s="8">
        <v>66.404371853000001</v>
      </c>
      <c r="C1663" s="8">
        <v>54.585468372999998</v>
      </c>
      <c r="D1663" s="8">
        <v>31.807182280999999</v>
      </c>
    </row>
    <row r="1664" spans="1:4" x14ac:dyDescent="0.3">
      <c r="A1664" s="6">
        <v>44757</v>
      </c>
      <c r="B1664" s="8">
        <v>66.349759464000002</v>
      </c>
      <c r="C1664" s="8">
        <v>54.533826814000001</v>
      </c>
      <c r="D1664" s="8">
        <v>31.967355442999999</v>
      </c>
    </row>
    <row r="1665" spans="1:4" x14ac:dyDescent="0.3">
      <c r="A1665" s="6">
        <v>44758</v>
      </c>
      <c r="B1665" s="8">
        <v>66.349759464000002</v>
      </c>
      <c r="C1665" s="8">
        <v>54.081737316999998</v>
      </c>
      <c r="D1665" s="8">
        <v>31.870076625999999</v>
      </c>
    </row>
    <row r="1666" spans="1:4" x14ac:dyDescent="0.3">
      <c r="A1666" s="6">
        <v>44759</v>
      </c>
      <c r="B1666" s="8">
        <v>66.349759464000002</v>
      </c>
      <c r="C1666" s="8">
        <v>54.071732162000004</v>
      </c>
      <c r="D1666" s="8">
        <v>31.903607857000001</v>
      </c>
    </row>
    <row r="1667" spans="1:4" x14ac:dyDescent="0.3">
      <c r="A1667" s="6">
        <v>44760</v>
      </c>
      <c r="B1667" s="8">
        <v>66.369719504000003</v>
      </c>
      <c r="C1667" s="8">
        <v>54.046926329999998</v>
      </c>
      <c r="D1667" s="8">
        <v>32.031857944999999</v>
      </c>
    </row>
    <row r="1668" spans="1:4" x14ac:dyDescent="0.3">
      <c r="A1668" s="6">
        <v>44761</v>
      </c>
      <c r="B1668" s="8">
        <v>66.339719504000001</v>
      </c>
      <c r="C1668" s="8">
        <v>54.068077264000003</v>
      </c>
      <c r="D1668" s="8">
        <v>32.295259911000002</v>
      </c>
    </row>
    <row r="1669" spans="1:4" x14ac:dyDescent="0.3">
      <c r="A1669" s="6">
        <v>44762</v>
      </c>
      <c r="B1669" s="8">
        <v>66.319719504000005</v>
      </c>
      <c r="C1669" s="8">
        <v>53.978364507000002</v>
      </c>
      <c r="D1669" s="8">
        <v>32.295892584999997</v>
      </c>
    </row>
    <row r="1670" spans="1:4" x14ac:dyDescent="0.3">
      <c r="A1670" s="6">
        <v>44763</v>
      </c>
      <c r="B1670" s="8">
        <v>66.319719504000005</v>
      </c>
      <c r="C1670" s="8">
        <v>54.159942837000003</v>
      </c>
      <c r="D1670" s="8">
        <v>32.282572936999998</v>
      </c>
    </row>
    <row r="1671" spans="1:4" x14ac:dyDescent="0.3">
      <c r="A1671" s="6">
        <v>44764</v>
      </c>
      <c r="B1671" s="8">
        <v>66.284219402999994</v>
      </c>
      <c r="C1671" s="8">
        <v>54.232540581999999</v>
      </c>
      <c r="D1671" s="8">
        <v>32.191760528000003</v>
      </c>
    </row>
    <row r="1672" spans="1:4" x14ac:dyDescent="0.3">
      <c r="A1672" s="6">
        <v>44765</v>
      </c>
      <c r="B1672" s="8">
        <v>66.284219402999994</v>
      </c>
      <c r="C1672" s="8">
        <v>54.261692359999998</v>
      </c>
      <c r="D1672" s="8">
        <v>32.298721946999997</v>
      </c>
    </row>
    <row r="1673" spans="1:4" x14ac:dyDescent="0.3">
      <c r="A1673" s="6">
        <v>44766</v>
      </c>
      <c r="B1673" s="8">
        <v>66.284219402999994</v>
      </c>
      <c r="C1673" s="8">
        <v>54.379972262999999</v>
      </c>
      <c r="D1673" s="8">
        <v>32.278999167999999</v>
      </c>
    </row>
    <row r="1674" spans="1:4" x14ac:dyDescent="0.3">
      <c r="A1674" s="6">
        <v>44767</v>
      </c>
      <c r="B1674" s="8">
        <v>66.289219402000001</v>
      </c>
      <c r="C1674" s="8">
        <v>54.369542954000003</v>
      </c>
      <c r="D1674" s="8">
        <v>32.274174189999997</v>
      </c>
    </row>
    <row r="1675" spans="1:4" x14ac:dyDescent="0.3">
      <c r="A1675" s="6">
        <v>44768</v>
      </c>
      <c r="B1675" s="8">
        <v>66.289219402000001</v>
      </c>
      <c r="C1675" s="8">
        <v>54.306232831999999</v>
      </c>
      <c r="D1675" s="8">
        <v>32.321848993000003</v>
      </c>
    </row>
    <row r="1676" spans="1:4" x14ac:dyDescent="0.3">
      <c r="A1676" s="6">
        <v>44769</v>
      </c>
      <c r="B1676" s="8">
        <v>66.289219400999997</v>
      </c>
      <c r="C1676" s="8">
        <v>54.361164090000003</v>
      </c>
      <c r="D1676" s="8">
        <v>32.137958193000003</v>
      </c>
    </row>
    <row r="1677" spans="1:4" x14ac:dyDescent="0.3">
      <c r="A1677" s="6">
        <v>44770</v>
      </c>
      <c r="B1677" s="8">
        <v>66.279219400000002</v>
      </c>
      <c r="C1677" s="8">
        <v>54.343399947999998</v>
      </c>
      <c r="D1677" s="8">
        <v>32.288035073000003</v>
      </c>
    </row>
    <row r="1678" spans="1:4" x14ac:dyDescent="0.3">
      <c r="A1678" s="6">
        <v>44771</v>
      </c>
      <c r="B1678" s="8">
        <v>66.3669194</v>
      </c>
      <c r="C1678" s="8">
        <v>53.893876390000003</v>
      </c>
      <c r="D1678" s="8">
        <v>32.437252632000003</v>
      </c>
    </row>
    <row r="1679" spans="1:4" x14ac:dyDescent="0.3">
      <c r="A1679" s="6">
        <v>44772</v>
      </c>
      <c r="B1679" s="8">
        <v>66.489919400000005</v>
      </c>
      <c r="C1679" s="8">
        <v>53.849225541000003</v>
      </c>
      <c r="D1679" s="8">
        <v>32.484248153000003</v>
      </c>
    </row>
    <row r="1680" spans="1:4" x14ac:dyDescent="0.3">
      <c r="A1680" s="6">
        <v>44773</v>
      </c>
      <c r="B1680" s="8">
        <v>66.630919399999996</v>
      </c>
      <c r="C1680" s="8">
        <v>53.683064877</v>
      </c>
      <c r="D1680" s="8">
        <v>32.512951842</v>
      </c>
    </row>
    <row r="1681" spans="1:4" x14ac:dyDescent="0.3">
      <c r="A1681" s="6">
        <v>44774</v>
      </c>
      <c r="B1681" s="8">
        <v>66.630919399999996</v>
      </c>
      <c r="C1681" s="8">
        <v>53.726203734999999</v>
      </c>
      <c r="D1681" s="8">
        <v>32.460471767999998</v>
      </c>
    </row>
    <row r="1682" spans="1:4" x14ac:dyDescent="0.3">
      <c r="A1682" s="6">
        <v>44775</v>
      </c>
      <c r="B1682" s="8">
        <v>66.740569600000001</v>
      </c>
      <c r="C1682" s="8">
        <v>53.796587735999999</v>
      </c>
      <c r="D1682" s="8">
        <v>32.561527998999999</v>
      </c>
    </row>
    <row r="1683" spans="1:4" x14ac:dyDescent="0.3">
      <c r="A1683" s="6">
        <v>44776</v>
      </c>
      <c r="B1683" s="8">
        <v>66.845569599000001</v>
      </c>
      <c r="C1683" s="8">
        <v>53.630543703999997</v>
      </c>
      <c r="D1683" s="8">
        <v>32.531754986000003</v>
      </c>
    </row>
    <row r="1684" spans="1:4" x14ac:dyDescent="0.3">
      <c r="A1684" s="6">
        <v>44777</v>
      </c>
      <c r="B1684" s="8">
        <v>66.859367153999997</v>
      </c>
      <c r="C1684" s="8">
        <v>53.657548306000002</v>
      </c>
      <c r="D1684" s="8">
        <v>32.463129402</v>
      </c>
    </row>
    <row r="1685" spans="1:4" x14ac:dyDescent="0.3">
      <c r="A1685" s="6">
        <v>44778</v>
      </c>
      <c r="B1685" s="8">
        <v>66.909367153999995</v>
      </c>
      <c r="C1685" s="8">
        <v>53.478347607000003</v>
      </c>
      <c r="D1685" s="8">
        <v>32.534257277000002</v>
      </c>
    </row>
    <row r="1686" spans="1:4" x14ac:dyDescent="0.3">
      <c r="A1686" s="6">
        <v>44779</v>
      </c>
      <c r="B1686" s="8">
        <v>66.909367153999995</v>
      </c>
      <c r="C1686" s="8">
        <v>53.619870825</v>
      </c>
      <c r="D1686" s="8">
        <v>32.568653799000003</v>
      </c>
    </row>
    <row r="1687" spans="1:4" x14ac:dyDescent="0.3">
      <c r="A1687" s="6">
        <v>44780</v>
      </c>
      <c r="B1687" s="8">
        <v>66.909367153999995</v>
      </c>
      <c r="C1687" s="8">
        <v>53.601863934999997</v>
      </c>
      <c r="D1687" s="8">
        <v>32.616772361999999</v>
      </c>
    </row>
    <row r="1688" spans="1:4" x14ac:dyDescent="0.3">
      <c r="A1688" s="6">
        <v>44781</v>
      </c>
      <c r="B1688" s="8">
        <v>66.909367153000005</v>
      </c>
      <c r="C1688" s="8">
        <v>53.588099520999997</v>
      </c>
      <c r="D1688" s="8">
        <v>32.558254374999997</v>
      </c>
    </row>
    <row r="1689" spans="1:4" x14ac:dyDescent="0.3">
      <c r="A1689" s="6">
        <v>44782</v>
      </c>
      <c r="B1689" s="8">
        <v>66.909367153000005</v>
      </c>
      <c r="C1689" s="8">
        <v>53.430802757000002</v>
      </c>
      <c r="D1689" s="8">
        <v>32.485900395000002</v>
      </c>
    </row>
    <row r="1690" spans="1:4" x14ac:dyDescent="0.3">
      <c r="A1690" s="6">
        <v>44783</v>
      </c>
      <c r="B1690" s="8">
        <v>66.950804388999998</v>
      </c>
      <c r="C1690" s="8">
        <v>53.341661952999999</v>
      </c>
      <c r="D1690" s="8">
        <v>32.455033729</v>
      </c>
    </row>
    <row r="1691" spans="1:4" x14ac:dyDescent="0.3">
      <c r="A1691" s="6">
        <v>44784</v>
      </c>
      <c r="B1691" s="8">
        <v>67.190804388000004</v>
      </c>
      <c r="C1691" s="8">
        <v>53.200912924000001</v>
      </c>
      <c r="D1691" s="8">
        <v>32.633846347000002</v>
      </c>
    </row>
    <row r="1692" spans="1:4" x14ac:dyDescent="0.3">
      <c r="A1692" s="6">
        <v>44785</v>
      </c>
      <c r="B1692" s="8">
        <v>67.332804383999999</v>
      </c>
      <c r="C1692" s="8">
        <v>53.063299733999997</v>
      </c>
      <c r="D1692" s="8">
        <v>32.575953708999997</v>
      </c>
    </row>
    <row r="1693" spans="1:4" x14ac:dyDescent="0.3">
      <c r="A1693" s="6">
        <v>44786</v>
      </c>
      <c r="B1693" s="8">
        <v>67.470804384000004</v>
      </c>
      <c r="C1693" s="8">
        <v>53.089031126000002</v>
      </c>
      <c r="D1693" s="8">
        <v>32.232257891000003</v>
      </c>
    </row>
    <row r="1694" spans="1:4" x14ac:dyDescent="0.3">
      <c r="A1694" s="6">
        <v>44787</v>
      </c>
      <c r="B1694" s="8">
        <v>67.717804384000004</v>
      </c>
      <c r="C1694" s="8">
        <v>53.081467992999997</v>
      </c>
      <c r="D1694" s="8">
        <v>32.238139373000003</v>
      </c>
    </row>
    <row r="1695" spans="1:4" x14ac:dyDescent="0.3">
      <c r="A1695" s="6">
        <v>44788</v>
      </c>
      <c r="B1695" s="8">
        <v>67.409100679000005</v>
      </c>
      <c r="C1695" s="8">
        <v>52.867217539999999</v>
      </c>
      <c r="D1695" s="8">
        <v>32.260769164000003</v>
      </c>
    </row>
    <row r="1696" spans="1:4" x14ac:dyDescent="0.3">
      <c r="A1696" s="6">
        <v>44789</v>
      </c>
      <c r="B1696" s="8">
        <v>67.560100679000001</v>
      </c>
      <c r="C1696" s="8">
        <v>52.799309753000003</v>
      </c>
      <c r="D1696" s="8">
        <v>32.487375206999999</v>
      </c>
    </row>
    <row r="1697" spans="1:4" x14ac:dyDescent="0.3">
      <c r="A1697" s="6">
        <v>44790</v>
      </c>
      <c r="B1697" s="8">
        <v>67.560100679000001</v>
      </c>
      <c r="C1697" s="8">
        <v>52.749290195</v>
      </c>
      <c r="D1697" s="8">
        <v>32.401681121000003</v>
      </c>
    </row>
    <row r="1698" spans="1:4" x14ac:dyDescent="0.3">
      <c r="A1698" s="6">
        <v>44791</v>
      </c>
      <c r="B1698" s="8">
        <v>67.543600678999994</v>
      </c>
      <c r="C1698" s="8">
        <v>52.493601327</v>
      </c>
      <c r="D1698" s="8">
        <v>32.654718797000001</v>
      </c>
    </row>
    <row r="1699" spans="1:4" x14ac:dyDescent="0.3">
      <c r="A1699" s="6">
        <v>44792</v>
      </c>
      <c r="B1699" s="8">
        <v>67.543600678000004</v>
      </c>
      <c r="C1699" s="8">
        <v>52.104509020999998</v>
      </c>
      <c r="D1699" s="8">
        <v>32.829216332999998</v>
      </c>
    </row>
    <row r="1700" spans="1:4" x14ac:dyDescent="0.3">
      <c r="A1700" s="6">
        <v>44793</v>
      </c>
      <c r="B1700" s="8">
        <v>67.543700674999997</v>
      </c>
      <c r="C1700" s="8">
        <v>51.727137558000003</v>
      </c>
      <c r="D1700" s="8">
        <v>33.091421951000001</v>
      </c>
    </row>
    <row r="1701" spans="1:4" x14ac:dyDescent="0.3">
      <c r="A1701" s="6">
        <v>44794</v>
      </c>
      <c r="B1701" s="8">
        <v>67.543700674999997</v>
      </c>
      <c r="C1701" s="8">
        <v>51.690403339</v>
      </c>
      <c r="D1701" s="8">
        <v>33.036296815</v>
      </c>
    </row>
    <row r="1702" spans="1:4" x14ac:dyDescent="0.3">
      <c r="A1702" s="6">
        <v>44795</v>
      </c>
      <c r="B1702" s="8">
        <v>67.543700674999997</v>
      </c>
      <c r="C1702" s="8">
        <v>51.824006609999998</v>
      </c>
      <c r="D1702" s="8">
        <v>32.877293285</v>
      </c>
    </row>
    <row r="1703" spans="1:4" x14ac:dyDescent="0.3">
      <c r="A1703" s="6">
        <v>44796</v>
      </c>
      <c r="B1703" s="8">
        <v>67.543700674999997</v>
      </c>
      <c r="C1703" s="8">
        <v>51.518618601</v>
      </c>
      <c r="D1703" s="8">
        <v>32.979296110999996</v>
      </c>
    </row>
    <row r="1704" spans="1:4" x14ac:dyDescent="0.3">
      <c r="A1704" s="6">
        <v>44797</v>
      </c>
      <c r="B1704" s="8">
        <v>67.543700674999997</v>
      </c>
      <c r="C1704" s="8">
        <v>51.620113408999998</v>
      </c>
      <c r="D1704" s="8">
        <v>33.006864526999998</v>
      </c>
    </row>
    <row r="1705" spans="1:4" x14ac:dyDescent="0.3">
      <c r="A1705" s="6">
        <v>44798</v>
      </c>
      <c r="B1705" s="8">
        <v>67.543700674999997</v>
      </c>
      <c r="C1705" s="8">
        <v>51.512901835000001</v>
      </c>
      <c r="D1705" s="8">
        <v>33.128839777000003</v>
      </c>
    </row>
    <row r="1706" spans="1:4" x14ac:dyDescent="0.3">
      <c r="A1706" s="6">
        <v>44799</v>
      </c>
      <c r="B1706" s="8">
        <v>67.637693999000007</v>
      </c>
      <c r="C1706" s="8">
        <v>51.378982418</v>
      </c>
      <c r="D1706" s="8">
        <v>33.216966610999997</v>
      </c>
    </row>
    <row r="1707" spans="1:4" x14ac:dyDescent="0.3">
      <c r="A1707" s="6">
        <v>44800</v>
      </c>
      <c r="B1707" s="8">
        <v>67.543810675000003</v>
      </c>
      <c r="C1707" s="8">
        <v>51.487872608000004</v>
      </c>
      <c r="D1707" s="8">
        <v>33.266046611999997</v>
      </c>
    </row>
    <row r="1708" spans="1:4" x14ac:dyDescent="0.3">
      <c r="A1708" s="6">
        <v>44801</v>
      </c>
      <c r="B1708" s="8">
        <v>67.543810675000003</v>
      </c>
      <c r="C1708" s="8">
        <v>51.534370410999998</v>
      </c>
      <c r="D1708" s="8">
        <v>33.273580889000002</v>
      </c>
    </row>
    <row r="1709" spans="1:4" x14ac:dyDescent="0.3">
      <c r="A1709" s="6">
        <v>44802</v>
      </c>
      <c r="B1709" s="8">
        <v>67.543810675000003</v>
      </c>
      <c r="C1709" s="8">
        <v>51.486631604999999</v>
      </c>
      <c r="D1709" s="8">
        <v>33.113659665999997</v>
      </c>
    </row>
    <row r="1710" spans="1:4" x14ac:dyDescent="0.3">
      <c r="A1710" s="6">
        <v>44803</v>
      </c>
      <c r="B1710" s="8">
        <v>67.548911674999999</v>
      </c>
      <c r="C1710" s="8">
        <v>51.570546415000003</v>
      </c>
      <c r="D1710" s="8">
        <v>33.176479526000001</v>
      </c>
    </row>
    <row r="1711" spans="1:4" x14ac:dyDescent="0.3">
      <c r="A1711" s="6">
        <v>44804</v>
      </c>
      <c r="B1711" s="8">
        <v>67.548911674999999</v>
      </c>
      <c r="C1711" s="8">
        <v>51.678549586999999</v>
      </c>
      <c r="D1711" s="8">
        <v>33.383940271999997</v>
      </c>
    </row>
    <row r="1712" spans="1:4" x14ac:dyDescent="0.3">
      <c r="A1712" s="6">
        <v>44805</v>
      </c>
      <c r="B1712" s="8">
        <v>67.549551675000004</v>
      </c>
      <c r="C1712" s="8">
        <v>51.590370546999999</v>
      </c>
      <c r="D1712" s="8">
        <v>33.275824737999997</v>
      </c>
    </row>
    <row r="1713" spans="1:4" x14ac:dyDescent="0.3">
      <c r="A1713" s="6">
        <v>44806</v>
      </c>
      <c r="B1713" s="8">
        <v>67.549551675000004</v>
      </c>
      <c r="C1713" s="8">
        <v>51.34819779</v>
      </c>
      <c r="D1713" s="8">
        <v>33.451284940000001</v>
      </c>
    </row>
    <row r="1714" spans="1:4" x14ac:dyDescent="0.3">
      <c r="A1714" s="6">
        <v>44807</v>
      </c>
      <c r="B1714" s="8">
        <v>67.549551675000004</v>
      </c>
      <c r="C1714" s="8">
        <v>51.153820875000001</v>
      </c>
      <c r="D1714" s="8">
        <v>33.456439594999999</v>
      </c>
    </row>
    <row r="1715" spans="1:4" x14ac:dyDescent="0.3">
      <c r="A1715" s="6">
        <v>44808</v>
      </c>
      <c r="B1715" s="8">
        <v>67.549551675000004</v>
      </c>
      <c r="C1715" s="8">
        <v>51.174630438999998</v>
      </c>
      <c r="D1715" s="8">
        <v>33.461227397999998</v>
      </c>
    </row>
    <row r="1716" spans="1:4" x14ac:dyDescent="0.3">
      <c r="A1716" s="6">
        <v>44809</v>
      </c>
      <c r="B1716" s="8">
        <v>67.549551675000004</v>
      </c>
      <c r="C1716" s="8">
        <v>51.203610304000001</v>
      </c>
      <c r="D1716" s="8">
        <v>33.257909634000001</v>
      </c>
    </row>
    <row r="1717" spans="1:4" x14ac:dyDescent="0.3">
      <c r="A1717" s="6">
        <v>44810</v>
      </c>
      <c r="B1717" s="8">
        <v>67.544851675000004</v>
      </c>
      <c r="C1717" s="8">
        <v>51.181892744999999</v>
      </c>
      <c r="D1717" s="8">
        <v>33.216342533000002</v>
      </c>
    </row>
    <row r="1718" spans="1:4" x14ac:dyDescent="0.3">
      <c r="A1718" s="6">
        <v>44811</v>
      </c>
      <c r="B1718" s="8">
        <v>67.544851675000004</v>
      </c>
      <c r="C1718" s="8">
        <v>50.907240899999998</v>
      </c>
      <c r="D1718" s="8">
        <v>33.503899152999999</v>
      </c>
    </row>
    <row r="1719" spans="1:4" x14ac:dyDescent="0.3">
      <c r="A1719" s="6">
        <v>44812</v>
      </c>
      <c r="B1719" s="8">
        <v>67.544851675000004</v>
      </c>
      <c r="C1719" s="8">
        <v>51.042989038999998</v>
      </c>
      <c r="D1719" s="8">
        <v>33.466115535999997</v>
      </c>
    </row>
    <row r="1720" spans="1:4" x14ac:dyDescent="0.3">
      <c r="A1720" s="6">
        <v>44813</v>
      </c>
      <c r="B1720" s="8">
        <v>67.545351174999993</v>
      </c>
      <c r="C1720" s="8">
        <v>50.997992027000002</v>
      </c>
      <c r="D1720" s="8">
        <v>33.664088188999997</v>
      </c>
    </row>
    <row r="1721" spans="1:4" x14ac:dyDescent="0.3">
      <c r="A1721" s="6">
        <v>44814</v>
      </c>
      <c r="B1721" s="8">
        <v>67.545351174999993</v>
      </c>
      <c r="C1721" s="8">
        <v>51.050879465000001</v>
      </c>
      <c r="D1721" s="8">
        <v>33.716261168000003</v>
      </c>
    </row>
    <row r="1722" spans="1:4" x14ac:dyDescent="0.3">
      <c r="A1722" s="6">
        <v>44815</v>
      </c>
      <c r="B1722" s="8">
        <v>67.651351175000002</v>
      </c>
      <c r="C1722" s="8">
        <v>51.019974300999998</v>
      </c>
      <c r="D1722" s="8">
        <v>33.739069966000002</v>
      </c>
    </row>
    <row r="1723" spans="1:4" x14ac:dyDescent="0.3">
      <c r="A1723" s="6">
        <v>44816</v>
      </c>
      <c r="B1723" s="8">
        <v>67.723351175000005</v>
      </c>
      <c r="C1723" s="8">
        <v>50.936944871999998</v>
      </c>
      <c r="D1723" s="8">
        <v>33.749068526999999</v>
      </c>
    </row>
    <row r="1724" spans="1:4" x14ac:dyDescent="0.3">
      <c r="A1724" s="6">
        <v>44817</v>
      </c>
      <c r="B1724" s="8">
        <v>67.817481044999994</v>
      </c>
      <c r="C1724" s="8">
        <v>50.809493416999999</v>
      </c>
      <c r="D1724" s="8">
        <v>33.759911148</v>
      </c>
    </row>
    <row r="1725" spans="1:4" x14ac:dyDescent="0.3">
      <c r="A1725" s="6">
        <v>44818</v>
      </c>
      <c r="B1725" s="8">
        <v>67.882481045000006</v>
      </c>
      <c r="C1725" s="8">
        <v>50.681108641999998</v>
      </c>
      <c r="D1725" s="8">
        <v>33.822923799999998</v>
      </c>
    </row>
    <row r="1726" spans="1:4" x14ac:dyDescent="0.3">
      <c r="A1726" s="6">
        <v>44819</v>
      </c>
      <c r="B1726" s="8">
        <v>67.880481044999996</v>
      </c>
      <c r="C1726" s="8">
        <v>50.084380811000003</v>
      </c>
      <c r="D1726" s="8">
        <v>34.075029577999999</v>
      </c>
    </row>
    <row r="1727" spans="1:4" x14ac:dyDescent="0.3">
      <c r="A1727" s="6">
        <v>44820</v>
      </c>
      <c r="B1727" s="8">
        <v>67.920586029999996</v>
      </c>
      <c r="C1727" s="8">
        <v>49.669098319</v>
      </c>
      <c r="D1727" s="8">
        <v>34.211491363999997</v>
      </c>
    </row>
    <row r="1728" spans="1:4" x14ac:dyDescent="0.3">
      <c r="A1728" s="6">
        <v>44821</v>
      </c>
      <c r="B1728" s="8">
        <v>67.92069592</v>
      </c>
      <c r="C1728" s="8">
        <v>49.526524592000001</v>
      </c>
      <c r="D1728" s="8">
        <v>34.227697642999999</v>
      </c>
    </row>
    <row r="1729" spans="1:4" x14ac:dyDescent="0.3">
      <c r="A1729" s="6">
        <v>44822</v>
      </c>
      <c r="B1729" s="8">
        <v>67.920695918000007</v>
      </c>
      <c r="C1729" s="8">
        <v>49.515350023000003</v>
      </c>
      <c r="D1729" s="8">
        <v>34.284521202000001</v>
      </c>
    </row>
    <row r="1730" spans="1:4" x14ac:dyDescent="0.3">
      <c r="A1730" s="6">
        <v>44823</v>
      </c>
      <c r="B1730" s="8">
        <v>67.920695918000007</v>
      </c>
      <c r="C1730" s="8">
        <v>49.499176315</v>
      </c>
      <c r="D1730" s="8">
        <v>34.264044849000001</v>
      </c>
    </row>
    <row r="1731" spans="1:4" x14ac:dyDescent="0.3">
      <c r="A1731" s="6">
        <v>44824</v>
      </c>
      <c r="B1731" s="8">
        <v>67.950695917999994</v>
      </c>
      <c r="C1731" s="8">
        <v>49.340934603999997</v>
      </c>
      <c r="D1731" s="8">
        <v>34.524762756000001</v>
      </c>
    </row>
    <row r="1732" spans="1:4" x14ac:dyDescent="0.3">
      <c r="A1732" s="6">
        <v>44825</v>
      </c>
      <c r="B1732" s="8">
        <v>67.959715798000005</v>
      </c>
      <c r="C1732" s="8">
        <v>49.506165304</v>
      </c>
      <c r="D1732" s="8">
        <v>34.592414538</v>
      </c>
    </row>
    <row r="1733" spans="1:4" x14ac:dyDescent="0.3">
      <c r="A1733" s="6">
        <v>44826</v>
      </c>
      <c r="B1733" s="8">
        <v>67.966741908000003</v>
      </c>
      <c r="C1733" s="8">
        <v>49.308982073000003</v>
      </c>
      <c r="D1733" s="8">
        <v>34.619104599000003</v>
      </c>
    </row>
    <row r="1734" spans="1:4" x14ac:dyDescent="0.3">
      <c r="A1734" s="6">
        <v>44827</v>
      </c>
      <c r="B1734" s="8">
        <v>67.951850743999998</v>
      </c>
      <c r="C1734" s="8">
        <v>49.231187798000001</v>
      </c>
      <c r="D1734" s="8">
        <v>34.708243328000002</v>
      </c>
    </row>
    <row r="1735" spans="1:4" x14ac:dyDescent="0.3">
      <c r="A1735" s="6">
        <v>44828</v>
      </c>
      <c r="B1735" s="8">
        <v>67.949850741999995</v>
      </c>
      <c r="C1735" s="8">
        <v>49.073761634999997</v>
      </c>
      <c r="D1735" s="8">
        <v>34.653692765999999</v>
      </c>
    </row>
    <row r="1736" spans="1:4" x14ac:dyDescent="0.3">
      <c r="A1736" s="6">
        <v>44829</v>
      </c>
      <c r="B1736" s="8">
        <v>67.949850741999995</v>
      </c>
      <c r="C1736" s="8">
        <v>49.050254408000001</v>
      </c>
      <c r="D1736" s="8">
        <v>34.651192291000001</v>
      </c>
    </row>
    <row r="1737" spans="1:4" x14ac:dyDescent="0.3">
      <c r="A1737" s="6">
        <v>44830</v>
      </c>
      <c r="B1737" s="8">
        <v>67.949850741999995</v>
      </c>
      <c r="C1737" s="8">
        <v>48.807362386999998</v>
      </c>
      <c r="D1737" s="8">
        <v>34.610801828</v>
      </c>
    </row>
    <row r="1738" spans="1:4" x14ac:dyDescent="0.3">
      <c r="A1738" s="6">
        <v>44831</v>
      </c>
      <c r="B1738" s="8">
        <v>67.951354338000002</v>
      </c>
      <c r="C1738" s="8">
        <v>48.625214020999998</v>
      </c>
      <c r="D1738" s="8">
        <v>34.004450343999999</v>
      </c>
    </row>
    <row r="1739" spans="1:4" x14ac:dyDescent="0.3">
      <c r="A1739" s="6">
        <v>44832</v>
      </c>
      <c r="B1739" s="8">
        <v>67.951354335999994</v>
      </c>
      <c r="C1739" s="8">
        <v>48.518903643999998</v>
      </c>
      <c r="D1739" s="8">
        <v>34.019302007999997</v>
      </c>
    </row>
    <row r="1740" spans="1:4" x14ac:dyDescent="0.3">
      <c r="A1740" s="6">
        <v>44833</v>
      </c>
      <c r="B1740" s="8">
        <v>67.951354335999994</v>
      </c>
      <c r="C1740" s="8">
        <v>48.205971523999999</v>
      </c>
      <c r="D1740" s="8">
        <v>33.833178660999998</v>
      </c>
    </row>
    <row r="1741" spans="1:4" x14ac:dyDescent="0.3">
      <c r="A1741" s="6">
        <v>44834</v>
      </c>
      <c r="B1741" s="8">
        <v>67.951354326000001</v>
      </c>
      <c r="C1741" s="8">
        <v>47.899407162999999</v>
      </c>
      <c r="D1741" s="8">
        <v>33.648608455999998</v>
      </c>
    </row>
    <row r="1742" spans="1:4" x14ac:dyDescent="0.3">
      <c r="A1742" s="6">
        <v>44835</v>
      </c>
      <c r="B1742" s="8">
        <v>67.944572024999999</v>
      </c>
      <c r="C1742" s="8">
        <v>46.619611046999999</v>
      </c>
      <c r="D1742" s="8">
        <v>33.683164066000003</v>
      </c>
    </row>
    <row r="1743" spans="1:4" x14ac:dyDescent="0.3">
      <c r="A1743" s="6">
        <v>44836</v>
      </c>
      <c r="B1743" s="8">
        <v>67.944572024999999</v>
      </c>
      <c r="C1743" s="8">
        <v>46.613738497</v>
      </c>
      <c r="D1743" s="8">
        <v>33.695313677999998</v>
      </c>
    </row>
    <row r="1744" spans="1:4" x14ac:dyDescent="0.3">
      <c r="A1744" s="6">
        <v>44837</v>
      </c>
      <c r="B1744" s="8">
        <v>67.944572024999999</v>
      </c>
      <c r="C1744" s="8">
        <v>46.678435899999997</v>
      </c>
      <c r="D1744" s="8">
        <v>33.667243280999998</v>
      </c>
    </row>
    <row r="1745" spans="1:4" x14ac:dyDescent="0.3">
      <c r="A1745" s="6">
        <v>44838</v>
      </c>
      <c r="B1745" s="8">
        <v>67.944722036000002</v>
      </c>
      <c r="C1745" s="8">
        <v>46.509624316</v>
      </c>
      <c r="D1745" s="8">
        <v>33.611282787999997</v>
      </c>
    </row>
    <row r="1746" spans="1:4" x14ac:dyDescent="0.3">
      <c r="A1746" s="6">
        <v>44839</v>
      </c>
      <c r="B1746" s="8">
        <v>68.057722036000001</v>
      </c>
      <c r="C1746" s="8">
        <v>46.006787852999999</v>
      </c>
      <c r="D1746" s="8">
        <v>33.957838793000001</v>
      </c>
    </row>
    <row r="1747" spans="1:4" x14ac:dyDescent="0.3">
      <c r="A1747" s="6">
        <v>44840</v>
      </c>
      <c r="B1747" s="8">
        <v>68.207722035000003</v>
      </c>
      <c r="C1747" s="8">
        <v>45.736691972000003</v>
      </c>
      <c r="D1747" s="8">
        <v>34.139892304999996</v>
      </c>
    </row>
    <row r="1748" spans="1:4" x14ac:dyDescent="0.3">
      <c r="A1748" s="6">
        <v>44841</v>
      </c>
      <c r="B1748" s="8">
        <v>68.218071686000002</v>
      </c>
      <c r="C1748" s="8">
        <v>45.539319446999997</v>
      </c>
      <c r="D1748" s="8">
        <v>34.377043088000001</v>
      </c>
    </row>
    <row r="1749" spans="1:4" x14ac:dyDescent="0.3">
      <c r="A1749" s="6">
        <v>44842</v>
      </c>
      <c r="B1749" s="8">
        <v>68.328206686000001</v>
      </c>
      <c r="C1749" s="8">
        <v>45.431686757000001</v>
      </c>
      <c r="D1749" s="8">
        <v>34.555062487000001</v>
      </c>
    </row>
    <row r="1750" spans="1:4" x14ac:dyDescent="0.3">
      <c r="A1750" s="6">
        <v>44843</v>
      </c>
      <c r="B1750" s="8">
        <v>68.367006685999996</v>
      </c>
      <c r="C1750" s="8">
        <v>45.389156712999998</v>
      </c>
      <c r="D1750" s="8">
        <v>34.552524513000002</v>
      </c>
    </row>
    <row r="1751" spans="1:4" x14ac:dyDescent="0.3">
      <c r="A1751" s="6">
        <v>44844</v>
      </c>
      <c r="B1751" s="8">
        <v>68.367006685999996</v>
      </c>
      <c r="C1751" s="8">
        <v>45.387752872999997</v>
      </c>
      <c r="D1751" s="8">
        <v>34.544605187000002</v>
      </c>
    </row>
    <row r="1752" spans="1:4" x14ac:dyDescent="0.3">
      <c r="A1752" s="6">
        <v>44845</v>
      </c>
      <c r="B1752" s="8">
        <v>68.417006685999993</v>
      </c>
      <c r="C1752" s="8">
        <v>45.316481881999998</v>
      </c>
      <c r="D1752" s="8">
        <v>34.382021838</v>
      </c>
    </row>
    <row r="1753" spans="1:4" x14ac:dyDescent="0.3">
      <c r="A1753" s="6">
        <v>44846</v>
      </c>
      <c r="B1753" s="8">
        <v>68.417006685999993</v>
      </c>
      <c r="C1753" s="8">
        <v>45.255103527000003</v>
      </c>
      <c r="D1753" s="8">
        <v>34.344434481999997</v>
      </c>
    </row>
    <row r="1754" spans="1:4" x14ac:dyDescent="0.3">
      <c r="A1754" s="6">
        <v>44847</v>
      </c>
      <c r="B1754" s="8">
        <v>68.417006685999993</v>
      </c>
      <c r="C1754" s="8">
        <v>45.090996044999997</v>
      </c>
      <c r="D1754" s="8">
        <v>33.999679360000002</v>
      </c>
    </row>
    <row r="1755" spans="1:4" x14ac:dyDescent="0.3">
      <c r="A1755" s="6">
        <v>44848</v>
      </c>
      <c r="B1755" s="8">
        <v>68.417606685999999</v>
      </c>
      <c r="C1755" s="8">
        <v>44.710075515</v>
      </c>
      <c r="D1755" s="8">
        <v>33.963225035999997</v>
      </c>
    </row>
    <row r="1756" spans="1:4" x14ac:dyDescent="0.3">
      <c r="A1756" s="6">
        <v>44849</v>
      </c>
      <c r="B1756" s="8">
        <v>68.427706685999993</v>
      </c>
      <c r="C1756" s="8">
        <v>44.349247939999998</v>
      </c>
      <c r="D1756" s="8">
        <v>33.888832158</v>
      </c>
    </row>
    <row r="1757" spans="1:4" x14ac:dyDescent="0.3">
      <c r="A1757" s="6">
        <v>44850</v>
      </c>
      <c r="B1757" s="8">
        <v>68.427706685999993</v>
      </c>
      <c r="C1757" s="8">
        <v>44.337665610999998</v>
      </c>
      <c r="D1757" s="8">
        <v>33.883674366999998</v>
      </c>
    </row>
    <row r="1758" spans="1:4" x14ac:dyDescent="0.3">
      <c r="A1758" s="6">
        <v>44851</v>
      </c>
      <c r="B1758" s="8">
        <v>68.427706685000004</v>
      </c>
      <c r="C1758" s="8">
        <v>44.334672292</v>
      </c>
      <c r="D1758" s="8">
        <v>33.806054279999998</v>
      </c>
    </row>
    <row r="1759" spans="1:4" x14ac:dyDescent="0.3">
      <c r="A1759" s="6">
        <v>44852</v>
      </c>
      <c r="B1759" s="8">
        <v>68.437706684999995</v>
      </c>
      <c r="C1759" s="8">
        <v>44.108792498</v>
      </c>
      <c r="D1759" s="8">
        <v>33.829028809</v>
      </c>
    </row>
    <row r="1760" spans="1:4" x14ac:dyDescent="0.3">
      <c r="A1760" s="6">
        <v>44853</v>
      </c>
      <c r="B1760" s="8">
        <v>68.447706685</v>
      </c>
      <c r="C1760" s="8">
        <v>43.885450341999999</v>
      </c>
      <c r="D1760" s="8">
        <v>33.951574094999998</v>
      </c>
    </row>
    <row r="1761" spans="1:4" x14ac:dyDescent="0.3">
      <c r="A1761" s="6">
        <v>44854</v>
      </c>
      <c r="B1761" s="8">
        <v>68.447706561999993</v>
      </c>
      <c r="C1761" s="8">
        <v>43.683773733999999</v>
      </c>
      <c r="D1761" s="8">
        <v>34.061032990999998</v>
      </c>
    </row>
    <row r="1762" spans="1:4" x14ac:dyDescent="0.3">
      <c r="A1762" s="6">
        <v>44855</v>
      </c>
      <c r="B1762" s="8">
        <v>68.447806561999997</v>
      </c>
      <c r="C1762" s="8">
        <v>43.252431223000002</v>
      </c>
      <c r="D1762" s="8">
        <v>34.093341600000002</v>
      </c>
    </row>
    <row r="1763" spans="1:4" x14ac:dyDescent="0.3">
      <c r="A1763" s="6">
        <v>44856</v>
      </c>
      <c r="B1763" s="8">
        <v>68.448256111999996</v>
      </c>
      <c r="C1763" s="8">
        <v>43.191998529999999</v>
      </c>
      <c r="D1763" s="8">
        <v>33.942539144999998</v>
      </c>
    </row>
    <row r="1764" spans="1:4" x14ac:dyDescent="0.3">
      <c r="A1764" s="6">
        <v>44857</v>
      </c>
      <c r="B1764" s="8">
        <v>68.448256111999996</v>
      </c>
      <c r="C1764" s="8">
        <v>43.255109247999997</v>
      </c>
      <c r="D1764" s="8">
        <v>33.943719997999999</v>
      </c>
    </row>
    <row r="1765" spans="1:4" x14ac:dyDescent="0.3">
      <c r="A1765" s="6">
        <v>44858</v>
      </c>
      <c r="B1765" s="8">
        <v>68.448256111999996</v>
      </c>
      <c r="C1765" s="8">
        <v>43.265485869000003</v>
      </c>
      <c r="D1765" s="8">
        <v>33.971804374000001</v>
      </c>
    </row>
    <row r="1766" spans="1:4" x14ac:dyDescent="0.3">
      <c r="A1766" s="6">
        <v>44859</v>
      </c>
      <c r="B1766" s="8">
        <v>68.468256112000006</v>
      </c>
      <c r="C1766" s="8">
        <v>43.123867341999997</v>
      </c>
      <c r="D1766" s="8">
        <v>33.757030563000001</v>
      </c>
    </row>
    <row r="1767" spans="1:4" x14ac:dyDescent="0.3">
      <c r="A1767" s="6">
        <v>44860</v>
      </c>
      <c r="B1767" s="8">
        <v>68.509056111999996</v>
      </c>
      <c r="C1767" s="8">
        <v>43.137558849999998</v>
      </c>
      <c r="D1767" s="8">
        <v>33.593057154</v>
      </c>
    </row>
    <row r="1768" spans="1:4" x14ac:dyDescent="0.3">
      <c r="A1768" s="6">
        <v>44861</v>
      </c>
      <c r="B1768" s="8">
        <v>68.715726111999999</v>
      </c>
      <c r="C1768" s="8">
        <v>43.178435516</v>
      </c>
      <c r="D1768" s="8">
        <v>33.514692875000001</v>
      </c>
    </row>
    <row r="1769" spans="1:4" x14ac:dyDescent="0.3">
      <c r="A1769" s="6">
        <v>44862</v>
      </c>
      <c r="B1769" s="8">
        <v>68.882440613</v>
      </c>
      <c r="C1769" s="8">
        <v>43.194850027999998</v>
      </c>
      <c r="D1769" s="8">
        <v>33.262475094999999</v>
      </c>
    </row>
    <row r="1770" spans="1:4" x14ac:dyDescent="0.3">
      <c r="A1770" s="6">
        <v>44863</v>
      </c>
      <c r="B1770" s="8">
        <v>68.972240612999997</v>
      </c>
      <c r="C1770" s="8">
        <v>43.077339412000001</v>
      </c>
      <c r="D1770" s="8">
        <v>33.453668944</v>
      </c>
    </row>
    <row r="1771" spans="1:4" x14ac:dyDescent="0.3">
      <c r="A1771" s="6">
        <v>44864</v>
      </c>
      <c r="B1771" s="8">
        <v>69.098240613000002</v>
      </c>
      <c r="C1771" s="8">
        <v>43.028537876000001</v>
      </c>
      <c r="D1771" s="8">
        <v>33.474586182000003</v>
      </c>
    </row>
    <row r="1772" spans="1:4" x14ac:dyDescent="0.3">
      <c r="A1772" s="6">
        <v>44865</v>
      </c>
      <c r="B1772" s="8">
        <v>69.258582034</v>
      </c>
      <c r="C1772" s="8">
        <v>43.017550469</v>
      </c>
      <c r="D1772" s="8">
        <v>33.464711166999997</v>
      </c>
    </row>
    <row r="1773" spans="1:4" x14ac:dyDescent="0.3">
      <c r="A1773" s="6">
        <v>44866</v>
      </c>
      <c r="B1773" s="8">
        <v>69.415082044000002</v>
      </c>
      <c r="C1773" s="8">
        <v>42.748681429000001</v>
      </c>
      <c r="D1773" s="8">
        <v>33.189358282000001</v>
      </c>
    </row>
    <row r="1774" spans="1:4" x14ac:dyDescent="0.3">
      <c r="A1774" s="6">
        <v>44867</v>
      </c>
      <c r="B1774" s="8">
        <v>69.349642962999994</v>
      </c>
      <c r="C1774" s="8">
        <v>42.330104077000001</v>
      </c>
      <c r="D1774" s="8">
        <v>33.712930937000003</v>
      </c>
    </row>
    <row r="1775" spans="1:4" x14ac:dyDescent="0.3">
      <c r="A1775" s="6">
        <v>44868</v>
      </c>
      <c r="B1775" s="8">
        <v>69.345491007999996</v>
      </c>
      <c r="C1775" s="8">
        <v>41.843624998000003</v>
      </c>
      <c r="D1775" s="8">
        <v>34.071044755000003</v>
      </c>
    </row>
    <row r="1776" spans="1:4" x14ac:dyDescent="0.3">
      <c r="A1776" s="6">
        <v>44869</v>
      </c>
      <c r="B1776" s="8">
        <v>69.345840658</v>
      </c>
      <c r="C1776" s="8">
        <v>41.395137769999998</v>
      </c>
      <c r="D1776" s="8">
        <v>34.643653131000001</v>
      </c>
    </row>
    <row r="1777" spans="1:4" x14ac:dyDescent="0.3">
      <c r="A1777" s="6">
        <v>44870</v>
      </c>
      <c r="B1777" s="8">
        <v>69.355840658000005</v>
      </c>
      <c r="C1777" s="8">
        <v>41.416693166999998</v>
      </c>
      <c r="D1777" s="8">
        <v>34.79542764</v>
      </c>
    </row>
    <row r="1778" spans="1:4" x14ac:dyDescent="0.3">
      <c r="A1778" s="6">
        <v>44871</v>
      </c>
      <c r="B1778" s="8">
        <v>69.421840657999994</v>
      </c>
      <c r="C1778" s="8">
        <v>41.336999806999998</v>
      </c>
      <c r="D1778" s="8">
        <v>34.844229488000003</v>
      </c>
    </row>
    <row r="1779" spans="1:4" x14ac:dyDescent="0.3">
      <c r="A1779" s="6">
        <v>44872</v>
      </c>
      <c r="B1779" s="8">
        <v>69.421840657999994</v>
      </c>
      <c r="C1779" s="8">
        <v>41.698583675000002</v>
      </c>
      <c r="D1779" s="8">
        <v>34.889585273999998</v>
      </c>
    </row>
    <row r="1780" spans="1:4" x14ac:dyDescent="0.3">
      <c r="A1780" s="6">
        <v>44873</v>
      </c>
      <c r="B1780" s="8">
        <v>69.514640653000001</v>
      </c>
      <c r="C1780" s="8">
        <v>42.489263465000001</v>
      </c>
      <c r="D1780" s="8">
        <v>34.989799896000001</v>
      </c>
    </row>
    <row r="1781" spans="1:4" x14ac:dyDescent="0.3">
      <c r="A1781" s="6">
        <v>44874</v>
      </c>
      <c r="B1781" s="8">
        <v>69.853060833000001</v>
      </c>
      <c r="C1781" s="8">
        <v>42.129207127000001</v>
      </c>
      <c r="D1781" s="8">
        <v>35.274541816999999</v>
      </c>
    </row>
    <row r="1782" spans="1:4" x14ac:dyDescent="0.3">
      <c r="A1782" s="6">
        <v>44875</v>
      </c>
      <c r="B1782" s="8">
        <v>68.261959892999997</v>
      </c>
      <c r="C1782" s="8">
        <v>42.218821814999998</v>
      </c>
      <c r="D1782" s="8">
        <v>35.025707650000001</v>
      </c>
    </row>
    <row r="1783" spans="1:4" x14ac:dyDescent="0.3">
      <c r="A1783" s="6">
        <v>44876</v>
      </c>
      <c r="B1783" s="8">
        <v>68.261959892999997</v>
      </c>
      <c r="C1783" s="8">
        <v>42.834596769999997</v>
      </c>
      <c r="D1783" s="8">
        <v>34.902678932000001</v>
      </c>
    </row>
    <row r="1784" spans="1:4" x14ac:dyDescent="0.3">
      <c r="A1784" s="6">
        <v>44877</v>
      </c>
      <c r="B1784" s="8">
        <v>67.410067069999997</v>
      </c>
      <c r="C1784" s="8">
        <v>43.340036857999998</v>
      </c>
      <c r="D1784" s="8">
        <v>35.137009290999998</v>
      </c>
    </row>
    <row r="1785" spans="1:4" x14ac:dyDescent="0.3">
      <c r="A1785" s="6">
        <v>44878</v>
      </c>
      <c r="B1785" s="8">
        <v>66.458360239000001</v>
      </c>
      <c r="C1785" s="8">
        <v>43.482420930000004</v>
      </c>
      <c r="D1785" s="8">
        <v>35.277690129</v>
      </c>
    </row>
    <row r="1786" spans="1:4" x14ac:dyDescent="0.3">
      <c r="A1786" s="6">
        <v>44879</v>
      </c>
      <c r="B1786" s="8">
        <v>66.372513987999994</v>
      </c>
      <c r="C1786" s="8">
        <v>43.446544668000001</v>
      </c>
      <c r="D1786" s="8">
        <v>35.223896799000002</v>
      </c>
    </row>
    <row r="1787" spans="1:4" x14ac:dyDescent="0.3">
      <c r="A1787" s="6">
        <v>44880</v>
      </c>
      <c r="B1787" s="8">
        <v>66.048734131000003</v>
      </c>
      <c r="C1787" s="8">
        <v>43.488762547</v>
      </c>
      <c r="D1787" s="8">
        <v>35.34668628</v>
      </c>
    </row>
    <row r="1788" spans="1:4" x14ac:dyDescent="0.3">
      <c r="A1788" s="6">
        <v>44881</v>
      </c>
      <c r="B1788" s="8">
        <v>65.960834130999999</v>
      </c>
      <c r="C1788" s="8">
        <v>43.800330700000004</v>
      </c>
      <c r="D1788" s="8">
        <v>35.139727506</v>
      </c>
    </row>
    <row r="1789" spans="1:4" x14ac:dyDescent="0.3">
      <c r="A1789" s="6">
        <v>44882</v>
      </c>
      <c r="B1789" s="8">
        <v>65.934833971000003</v>
      </c>
      <c r="C1789" s="8">
        <v>43.758235994000003</v>
      </c>
      <c r="D1789" s="8">
        <v>34.794356679000003</v>
      </c>
    </row>
    <row r="1790" spans="1:4" x14ac:dyDescent="0.3">
      <c r="A1790" s="6">
        <v>44883</v>
      </c>
      <c r="B1790" s="8">
        <v>65.934833971000003</v>
      </c>
      <c r="C1790" s="8">
        <v>43.507651864000003</v>
      </c>
      <c r="D1790" s="8">
        <v>34.653695186</v>
      </c>
    </row>
    <row r="1791" spans="1:4" x14ac:dyDescent="0.3">
      <c r="A1791" s="6">
        <v>44884</v>
      </c>
      <c r="B1791" s="8">
        <v>65.935083722000002</v>
      </c>
      <c r="C1791" s="8">
        <v>43.791914996000003</v>
      </c>
      <c r="D1791" s="8">
        <v>34.600819504999997</v>
      </c>
    </row>
    <row r="1792" spans="1:4" x14ac:dyDescent="0.3">
      <c r="A1792" s="6">
        <v>44885</v>
      </c>
      <c r="B1792" s="8">
        <v>65.878083722</v>
      </c>
      <c r="C1792" s="8">
        <v>43.843771599999997</v>
      </c>
      <c r="D1792" s="8">
        <v>34.577472847000003</v>
      </c>
    </row>
    <row r="1793" spans="1:4" x14ac:dyDescent="0.3">
      <c r="A1793" s="6">
        <v>44886</v>
      </c>
      <c r="B1793" s="8">
        <v>65.875083721999999</v>
      </c>
      <c r="C1793" s="8">
        <v>43.914502290000001</v>
      </c>
      <c r="D1793" s="8">
        <v>34.578395999999998</v>
      </c>
    </row>
    <row r="1794" spans="1:4" x14ac:dyDescent="0.3">
      <c r="A1794" s="6">
        <v>44887</v>
      </c>
      <c r="B1794" s="8">
        <v>65.496800213</v>
      </c>
      <c r="C1794" s="8">
        <v>43.519430980999999</v>
      </c>
      <c r="D1794" s="8">
        <v>34.495706941999998</v>
      </c>
    </row>
    <row r="1795" spans="1:4" x14ac:dyDescent="0.3">
      <c r="A1795" s="6">
        <v>44888</v>
      </c>
      <c r="B1795" s="8">
        <v>65.498800212999996</v>
      </c>
      <c r="C1795" s="8">
        <v>43.534633892999999</v>
      </c>
      <c r="D1795" s="8">
        <v>34.456862188000002</v>
      </c>
    </row>
    <row r="1796" spans="1:4" x14ac:dyDescent="0.3">
      <c r="A1796" s="6">
        <v>44889</v>
      </c>
      <c r="B1796" s="8">
        <v>65.352699103000006</v>
      </c>
      <c r="C1796" s="8">
        <v>43.236266581999999</v>
      </c>
      <c r="D1796" s="8">
        <v>34.302096796000001</v>
      </c>
    </row>
    <row r="1797" spans="1:4" x14ac:dyDescent="0.3">
      <c r="A1797" s="6">
        <v>44890</v>
      </c>
      <c r="B1797" s="8">
        <v>65.352829103000005</v>
      </c>
      <c r="C1797" s="8">
        <v>43.430142435999997</v>
      </c>
      <c r="D1797" s="8">
        <v>34.329816637</v>
      </c>
    </row>
    <row r="1798" spans="1:4" x14ac:dyDescent="0.3">
      <c r="A1798" s="6">
        <v>44891</v>
      </c>
      <c r="B1798" s="8">
        <v>65.352829103000005</v>
      </c>
      <c r="C1798" s="8">
        <v>43.384627129000002</v>
      </c>
      <c r="D1798" s="8">
        <v>34.019186265000002</v>
      </c>
    </row>
    <row r="1799" spans="1:4" x14ac:dyDescent="0.3">
      <c r="A1799" s="6">
        <v>44892</v>
      </c>
      <c r="B1799" s="8">
        <v>65.352829103000005</v>
      </c>
      <c r="C1799" s="8">
        <v>43.567987309999999</v>
      </c>
      <c r="D1799" s="8">
        <v>34.057538579999999</v>
      </c>
    </row>
    <row r="1800" spans="1:4" x14ac:dyDescent="0.3">
      <c r="A1800" s="6">
        <v>44893</v>
      </c>
      <c r="B1800" s="8">
        <v>65.352829103000005</v>
      </c>
      <c r="C1800" s="8">
        <v>43.708198070999998</v>
      </c>
      <c r="D1800" s="8">
        <v>33.894626701999996</v>
      </c>
    </row>
    <row r="1801" spans="1:4" x14ac:dyDescent="0.3">
      <c r="A1801" s="6">
        <v>44894</v>
      </c>
      <c r="B1801" s="8">
        <v>65.352829103000005</v>
      </c>
      <c r="C1801" s="8">
        <v>43.181658624999997</v>
      </c>
      <c r="D1801" s="8">
        <v>33.383755643000001</v>
      </c>
    </row>
    <row r="1802" spans="1:4" x14ac:dyDescent="0.3">
      <c r="A1802" s="6">
        <v>44895</v>
      </c>
      <c r="B1802" s="8">
        <v>65.282829102999997</v>
      </c>
      <c r="C1802" s="8">
        <v>42.807756359999999</v>
      </c>
      <c r="D1802" s="8">
        <v>33.205001013</v>
      </c>
    </row>
    <row r="1803" spans="1:4" x14ac:dyDescent="0.3">
      <c r="A1803" s="6">
        <v>44896</v>
      </c>
      <c r="B1803" s="8">
        <v>65.352829103000005</v>
      </c>
      <c r="C1803" s="8">
        <v>42.739041583000002</v>
      </c>
      <c r="D1803" s="8">
        <v>33.036745386</v>
      </c>
    </row>
    <row r="1804" spans="1:4" x14ac:dyDescent="0.3">
      <c r="A1804" s="6">
        <v>44897</v>
      </c>
      <c r="B1804" s="8">
        <v>65.352829103000005</v>
      </c>
      <c r="C1804" s="8">
        <v>42.592471003999997</v>
      </c>
      <c r="D1804" s="8">
        <v>33.016543599000002</v>
      </c>
    </row>
    <row r="1805" spans="1:4" x14ac:dyDescent="0.3">
      <c r="A1805" s="6">
        <v>44898</v>
      </c>
      <c r="B1805" s="8">
        <v>65.434579462000002</v>
      </c>
      <c r="C1805" s="8">
        <v>42.733811727999999</v>
      </c>
      <c r="D1805" s="8">
        <v>33.051455787000002</v>
      </c>
    </row>
    <row r="1806" spans="1:4" x14ac:dyDescent="0.3">
      <c r="A1806" s="6">
        <v>44899</v>
      </c>
      <c r="B1806" s="8">
        <v>65.486363711999999</v>
      </c>
      <c r="C1806" s="8">
        <v>42.845723436</v>
      </c>
      <c r="D1806" s="8">
        <v>33.054923688999999</v>
      </c>
    </row>
    <row r="1807" spans="1:4" x14ac:dyDescent="0.3">
      <c r="A1807" s="6">
        <v>44900</v>
      </c>
      <c r="B1807" s="8">
        <v>65.486363711999999</v>
      </c>
      <c r="C1807" s="8">
        <v>42.974788844999999</v>
      </c>
      <c r="D1807" s="8">
        <v>33.040365778999998</v>
      </c>
    </row>
    <row r="1808" spans="1:4" x14ac:dyDescent="0.3">
      <c r="A1808" s="6">
        <v>44901</v>
      </c>
      <c r="B1808" s="8">
        <v>65.566863712</v>
      </c>
      <c r="C1808" s="8">
        <v>42.683118139000001</v>
      </c>
      <c r="D1808" s="8">
        <v>33.004851434999999</v>
      </c>
    </row>
    <row r="1809" spans="1:4" x14ac:dyDescent="0.3">
      <c r="A1809" s="6">
        <v>44902</v>
      </c>
      <c r="B1809" s="8">
        <v>65.675363712000006</v>
      </c>
      <c r="C1809" s="8">
        <v>42.543671064999998</v>
      </c>
      <c r="D1809" s="8">
        <v>32.904022929999996</v>
      </c>
    </row>
    <row r="1810" spans="1:4" x14ac:dyDescent="0.3">
      <c r="A1810" s="6">
        <v>44903</v>
      </c>
      <c r="B1810" s="8">
        <v>65.675362711999995</v>
      </c>
      <c r="C1810" s="8">
        <v>42.331667033000002</v>
      </c>
      <c r="D1810" s="8">
        <v>32.951935431000003</v>
      </c>
    </row>
    <row r="1811" spans="1:4" x14ac:dyDescent="0.3">
      <c r="A1811" s="6">
        <v>44904</v>
      </c>
      <c r="B1811" s="8">
        <v>65.697842711999996</v>
      </c>
      <c r="C1811" s="8">
        <v>42.292932213</v>
      </c>
      <c r="D1811" s="8">
        <v>32.897877391999998</v>
      </c>
    </row>
    <row r="1812" spans="1:4" x14ac:dyDescent="0.3">
      <c r="A1812" s="6">
        <v>44905</v>
      </c>
      <c r="B1812" s="8">
        <v>65.698342212</v>
      </c>
      <c r="C1812" s="8">
        <v>42.247074933999997</v>
      </c>
      <c r="D1812" s="8">
        <v>32.877845223000001</v>
      </c>
    </row>
    <row r="1813" spans="1:4" x14ac:dyDescent="0.3">
      <c r="A1813" s="6">
        <v>44906</v>
      </c>
      <c r="B1813" s="8">
        <v>65.698342212</v>
      </c>
      <c r="C1813" s="8">
        <v>42.290118368999998</v>
      </c>
      <c r="D1813" s="8">
        <v>32.885503913999997</v>
      </c>
    </row>
    <row r="1814" spans="1:4" x14ac:dyDescent="0.3">
      <c r="A1814" s="6">
        <v>44907</v>
      </c>
      <c r="B1814" s="8">
        <v>65.698342212</v>
      </c>
      <c r="C1814" s="8">
        <v>42.301377524000003</v>
      </c>
      <c r="D1814" s="8">
        <v>32.976934587999999</v>
      </c>
    </row>
    <row r="1815" spans="1:4" x14ac:dyDescent="0.3">
      <c r="A1815" s="6">
        <v>44908</v>
      </c>
      <c r="B1815" s="8">
        <v>65.782208212</v>
      </c>
      <c r="C1815" s="8">
        <v>42.074216724000003</v>
      </c>
      <c r="D1815" s="8">
        <v>32.779419288</v>
      </c>
    </row>
    <row r="1816" spans="1:4" x14ac:dyDescent="0.3">
      <c r="A1816" s="6">
        <v>44909</v>
      </c>
      <c r="B1816" s="8">
        <v>65.977518212000007</v>
      </c>
      <c r="C1816" s="8">
        <v>44.626616042000002</v>
      </c>
      <c r="D1816" s="8">
        <v>29.689611059000001</v>
      </c>
    </row>
    <row r="1817" spans="1:4" x14ac:dyDescent="0.3">
      <c r="A1817" s="6">
        <v>44910</v>
      </c>
      <c r="B1817" s="8">
        <v>65.962268211999998</v>
      </c>
      <c r="C1817" s="8">
        <v>44.688619058</v>
      </c>
      <c r="D1817" s="8">
        <v>29.379338253</v>
      </c>
    </row>
    <row r="1818" spans="1:4" x14ac:dyDescent="0.3">
      <c r="A1818" s="6">
        <v>44911</v>
      </c>
      <c r="B1818" s="8">
        <v>66.030168212000007</v>
      </c>
      <c r="C1818" s="8">
        <v>44.577243324999998</v>
      </c>
      <c r="D1818" s="8">
        <v>29.465671086</v>
      </c>
    </row>
    <row r="1819" spans="1:4" x14ac:dyDescent="0.3">
      <c r="A1819" s="6">
        <v>44912</v>
      </c>
      <c r="B1819" s="8">
        <v>66.042368212</v>
      </c>
      <c r="C1819" s="8">
        <v>44.346361182999999</v>
      </c>
      <c r="D1819" s="8">
        <v>29.225169146999999</v>
      </c>
    </row>
    <row r="1820" spans="1:4" x14ac:dyDescent="0.3">
      <c r="A1820" s="6">
        <v>44913</v>
      </c>
      <c r="B1820" s="8">
        <v>66.147253211999995</v>
      </c>
      <c r="C1820" s="8">
        <v>44.391601209999997</v>
      </c>
      <c r="D1820" s="8">
        <v>29.232449847000002</v>
      </c>
    </row>
    <row r="1821" spans="1:4" x14ac:dyDescent="0.3">
      <c r="A1821" s="6">
        <v>44914</v>
      </c>
      <c r="B1821" s="8">
        <v>66.147253211999995</v>
      </c>
      <c r="C1821" s="8">
        <v>44.423748797000002</v>
      </c>
      <c r="D1821" s="8">
        <v>29.233533064</v>
      </c>
    </row>
    <row r="1822" spans="1:4" x14ac:dyDescent="0.3">
      <c r="A1822" s="6">
        <v>44915</v>
      </c>
      <c r="B1822" s="8">
        <v>66.200693212000004</v>
      </c>
      <c r="C1822" s="8">
        <v>44.053252635</v>
      </c>
      <c r="D1822" s="8">
        <v>29.206949247000001</v>
      </c>
    </row>
    <row r="1823" spans="1:4" x14ac:dyDescent="0.3">
      <c r="A1823" s="6">
        <v>44916</v>
      </c>
      <c r="B1823" s="8">
        <v>66.233093212</v>
      </c>
      <c r="C1823" s="8">
        <v>43.990112230000001</v>
      </c>
      <c r="D1823" s="8">
        <v>28.970489428</v>
      </c>
    </row>
    <row r="1824" spans="1:4" x14ac:dyDescent="0.3">
      <c r="A1824" s="6">
        <v>44917</v>
      </c>
      <c r="B1824" s="8">
        <v>66.237845405000002</v>
      </c>
      <c r="C1824" s="8">
        <v>43.804615636000001</v>
      </c>
      <c r="D1824" s="8">
        <v>28.932313975</v>
      </c>
    </row>
    <row r="1825" spans="1:4" x14ac:dyDescent="0.3">
      <c r="A1825" s="6">
        <v>44918</v>
      </c>
      <c r="B1825" s="8">
        <v>66.237845405000002</v>
      </c>
      <c r="C1825" s="8">
        <v>43.739095673000001</v>
      </c>
      <c r="D1825" s="8">
        <v>28.850422096999999</v>
      </c>
    </row>
    <row r="1826" spans="1:4" x14ac:dyDescent="0.3">
      <c r="A1826" s="6">
        <v>44919</v>
      </c>
      <c r="B1826" s="8">
        <v>66.237795405</v>
      </c>
      <c r="C1826" s="8">
        <v>43.687642812999997</v>
      </c>
      <c r="D1826" s="8">
        <v>28.390134369999998</v>
      </c>
    </row>
    <row r="1827" spans="1:4" x14ac:dyDescent="0.3">
      <c r="A1827" s="6">
        <v>44920</v>
      </c>
      <c r="B1827" s="8">
        <v>66.237795405</v>
      </c>
      <c r="C1827" s="8">
        <v>43.824498695000003</v>
      </c>
      <c r="D1827" s="8">
        <v>28.30462889</v>
      </c>
    </row>
    <row r="1828" spans="1:4" x14ac:dyDescent="0.3">
      <c r="A1828" s="6">
        <v>44921</v>
      </c>
      <c r="B1828" s="8">
        <v>66.237795405</v>
      </c>
      <c r="C1828" s="8">
        <v>43.932373714000001</v>
      </c>
      <c r="D1828" s="8">
        <v>28.202841539000001</v>
      </c>
    </row>
    <row r="1829" spans="1:4" x14ac:dyDescent="0.3">
      <c r="A1829" s="6">
        <v>44922</v>
      </c>
      <c r="B1829" s="8">
        <v>66.240295404999998</v>
      </c>
      <c r="C1829" s="8">
        <v>44.029716309000001</v>
      </c>
      <c r="D1829" s="8">
        <v>28.100280660999999</v>
      </c>
    </row>
    <row r="1830" spans="1:4" x14ac:dyDescent="0.3">
      <c r="A1830" s="6">
        <v>44923</v>
      </c>
      <c r="B1830" s="8">
        <v>66.240295404999998</v>
      </c>
      <c r="C1830" s="8">
        <v>43.733866515000003</v>
      </c>
      <c r="D1830" s="8">
        <v>27.949202154000002</v>
      </c>
    </row>
    <row r="1831" spans="1:4" x14ac:dyDescent="0.3">
      <c r="A1831" s="6">
        <v>44924</v>
      </c>
      <c r="B1831" s="8">
        <v>66.247817799000003</v>
      </c>
      <c r="C1831" s="8">
        <v>43.974243039999998</v>
      </c>
      <c r="D1831" s="8">
        <v>27.75887397</v>
      </c>
    </row>
    <row r="1832" spans="1:4" x14ac:dyDescent="0.3">
      <c r="A1832" s="6">
        <v>44925</v>
      </c>
      <c r="B1832" s="8">
        <v>66.256361890999997</v>
      </c>
      <c r="C1832" s="8">
        <v>44.028750639999998</v>
      </c>
      <c r="D1832" s="8">
        <v>27.612803280000001</v>
      </c>
    </row>
    <row r="1833" spans="1:4" x14ac:dyDescent="0.3">
      <c r="A1833" s="6">
        <v>44926</v>
      </c>
      <c r="B1833" s="8">
        <v>66.256361890999997</v>
      </c>
      <c r="C1833" s="8">
        <v>44.099863896000002</v>
      </c>
      <c r="D1833" s="8">
        <v>27.416773545000002</v>
      </c>
    </row>
    <row r="1834" spans="1:4" x14ac:dyDescent="0.3">
      <c r="A1834" s="6">
        <v>44927</v>
      </c>
      <c r="B1834" s="8">
        <v>66.256361890999997</v>
      </c>
      <c r="C1834" s="8">
        <v>44.128050713999997</v>
      </c>
      <c r="D1834" s="8">
        <v>27.259236437999999</v>
      </c>
    </row>
    <row r="1835" spans="1:4" x14ac:dyDescent="0.3">
      <c r="A1835" s="6">
        <v>44928</v>
      </c>
      <c r="B1835" s="8">
        <v>66.256361890999997</v>
      </c>
      <c r="C1835" s="8">
        <v>44.187371837999997</v>
      </c>
      <c r="D1835" s="8">
        <v>27.297645759000002</v>
      </c>
    </row>
    <row r="1836" spans="1:4" x14ac:dyDescent="0.3">
      <c r="A1836" s="6">
        <v>44929</v>
      </c>
      <c r="B1836" s="8">
        <v>66.256361890999997</v>
      </c>
      <c r="C1836" s="8">
        <v>44.2921148</v>
      </c>
      <c r="D1836" s="8">
        <v>27.187976239000001</v>
      </c>
    </row>
    <row r="1837" spans="1:4" x14ac:dyDescent="0.3">
      <c r="A1837" s="6">
        <v>44930</v>
      </c>
      <c r="B1837" s="8">
        <v>66.256361890999997</v>
      </c>
      <c r="C1837" s="8">
        <v>43.755897726000001</v>
      </c>
      <c r="D1837" s="8">
        <v>27.382857789999999</v>
      </c>
    </row>
    <row r="1838" spans="1:4" x14ac:dyDescent="0.3">
      <c r="A1838" s="6">
        <v>44931</v>
      </c>
      <c r="B1838" s="8">
        <v>66.256361890999997</v>
      </c>
      <c r="C1838" s="8">
        <v>43.707557291999997</v>
      </c>
      <c r="D1838" s="8">
        <v>27.376675253999998</v>
      </c>
    </row>
    <row r="1839" spans="1:4" x14ac:dyDescent="0.3">
      <c r="A1839" s="6">
        <v>44932</v>
      </c>
      <c r="B1839" s="8">
        <v>66.265138847000003</v>
      </c>
      <c r="C1839" s="8">
        <v>43.299974347000003</v>
      </c>
      <c r="D1839" s="8">
        <v>27.493732233999999</v>
      </c>
    </row>
    <row r="1840" spans="1:4" x14ac:dyDescent="0.3">
      <c r="A1840" s="6">
        <v>44933</v>
      </c>
      <c r="B1840" s="8">
        <v>66.265138847000003</v>
      </c>
      <c r="C1840" s="8">
        <v>43.268699456999997</v>
      </c>
      <c r="D1840" s="8">
        <v>27.202759447999998</v>
      </c>
    </row>
    <row r="1841" spans="1:4" x14ac:dyDescent="0.3">
      <c r="A1841" s="6">
        <v>44934</v>
      </c>
      <c r="B1841" s="8">
        <v>66.265138847000003</v>
      </c>
      <c r="C1841" s="8">
        <v>43.387399344999999</v>
      </c>
      <c r="D1841" s="8">
        <v>27.209217234</v>
      </c>
    </row>
    <row r="1842" spans="1:4" x14ac:dyDescent="0.3">
      <c r="A1842" s="6">
        <v>44935</v>
      </c>
      <c r="B1842" s="8">
        <v>66.265138847000003</v>
      </c>
      <c r="C1842" s="8">
        <v>43.528571993</v>
      </c>
      <c r="D1842" s="8">
        <v>27.023697656</v>
      </c>
    </row>
    <row r="1843" spans="1:4" x14ac:dyDescent="0.3">
      <c r="A1843" s="6">
        <v>44936</v>
      </c>
      <c r="B1843" s="8">
        <v>66.265138847000003</v>
      </c>
      <c r="C1843" s="8">
        <v>43.178991852000003</v>
      </c>
      <c r="D1843" s="8">
        <v>27.142821995999999</v>
      </c>
    </row>
    <row r="1844" spans="1:4" x14ac:dyDescent="0.3">
      <c r="A1844" s="6">
        <v>44937</v>
      </c>
      <c r="B1844" s="8">
        <v>66.265235156000003</v>
      </c>
      <c r="C1844" s="8">
        <v>43.248929189999998</v>
      </c>
      <c r="D1844" s="8">
        <v>27.248067867</v>
      </c>
    </row>
    <row r="1845" spans="1:4" x14ac:dyDescent="0.3">
      <c r="A1845" s="6">
        <v>44938</v>
      </c>
      <c r="B1845" s="8">
        <v>66.265235023000002</v>
      </c>
      <c r="C1845" s="8">
        <v>43.376173704999999</v>
      </c>
      <c r="D1845" s="8">
        <v>27.177906795999998</v>
      </c>
    </row>
    <row r="1846" spans="1:4" x14ac:dyDescent="0.3">
      <c r="A1846" s="6">
        <v>44939</v>
      </c>
      <c r="B1846" s="8">
        <v>66.265234655</v>
      </c>
      <c r="C1846" s="8">
        <v>43.497346143000001</v>
      </c>
      <c r="D1846" s="8">
        <v>27.16009116</v>
      </c>
    </row>
    <row r="1847" spans="1:4" x14ac:dyDescent="0.3">
      <c r="A1847" s="6">
        <v>44940</v>
      </c>
      <c r="B1847" s="8">
        <v>66.265234518</v>
      </c>
      <c r="C1847" s="8">
        <v>43.019641206000003</v>
      </c>
      <c r="D1847" s="8">
        <v>27.382733347999999</v>
      </c>
    </row>
    <row r="1848" spans="1:4" x14ac:dyDescent="0.3">
      <c r="A1848" s="6">
        <v>44941</v>
      </c>
      <c r="B1848" s="8">
        <v>66.348034455000004</v>
      </c>
      <c r="C1848" s="8">
        <v>43.256713976999997</v>
      </c>
      <c r="D1848" s="8">
        <v>27.260104252000001</v>
      </c>
    </row>
    <row r="1849" spans="1:4" x14ac:dyDescent="0.3">
      <c r="A1849" s="6">
        <v>44942</v>
      </c>
      <c r="B1849" s="8">
        <v>66.348038278999994</v>
      </c>
      <c r="C1849" s="8">
        <v>43.471957433999997</v>
      </c>
      <c r="D1849" s="8">
        <v>27.194706812</v>
      </c>
    </row>
    <row r="1850" spans="1:4" x14ac:dyDescent="0.3">
      <c r="A1850" s="6">
        <v>44943</v>
      </c>
      <c r="B1850" s="8">
        <v>66.477485277</v>
      </c>
      <c r="C1850" s="8">
        <v>43.411669158000002</v>
      </c>
      <c r="D1850" s="8">
        <v>27.068274590000001</v>
      </c>
    </row>
    <row r="1851" spans="1:4" x14ac:dyDescent="0.3">
      <c r="A1851" s="6">
        <v>44944</v>
      </c>
      <c r="B1851" s="8">
        <v>66.477485275999996</v>
      </c>
      <c r="C1851" s="8">
        <v>43.137150755</v>
      </c>
      <c r="D1851" s="8">
        <v>26.875593739999999</v>
      </c>
    </row>
    <row r="1852" spans="1:4" x14ac:dyDescent="0.3">
      <c r="A1852" s="6">
        <v>44945</v>
      </c>
      <c r="B1852" s="8">
        <v>66.477485275999996</v>
      </c>
      <c r="C1852" s="8">
        <v>42.668616303</v>
      </c>
      <c r="D1852" s="8">
        <v>27.254467489</v>
      </c>
    </row>
    <row r="1853" spans="1:4" x14ac:dyDescent="0.3">
      <c r="A1853" s="6">
        <v>44946</v>
      </c>
      <c r="B1853" s="8">
        <v>66.477485275999996</v>
      </c>
      <c r="C1853" s="8">
        <v>42.558209003999998</v>
      </c>
      <c r="D1853" s="8">
        <v>27.314019947999999</v>
      </c>
    </row>
    <row r="1854" spans="1:4" x14ac:dyDescent="0.3">
      <c r="A1854" s="6">
        <v>44947</v>
      </c>
      <c r="B1854" s="8">
        <v>66.477485275999996</v>
      </c>
      <c r="C1854" s="8">
        <v>42.749802510000002</v>
      </c>
      <c r="D1854" s="8">
        <v>27.286029849999998</v>
      </c>
    </row>
    <row r="1855" spans="1:4" x14ac:dyDescent="0.3">
      <c r="A1855" s="6">
        <v>44948</v>
      </c>
      <c r="B1855" s="8">
        <v>66.690157268999997</v>
      </c>
      <c r="C1855" s="8">
        <v>42.928688530999999</v>
      </c>
      <c r="D1855" s="8">
        <v>27.192648238</v>
      </c>
    </row>
    <row r="1856" spans="1:4" x14ac:dyDescent="0.3">
      <c r="A1856" s="6">
        <v>44949</v>
      </c>
      <c r="B1856" s="8">
        <v>66.736957266999994</v>
      </c>
      <c r="C1856" s="8">
        <v>43.067678014000002</v>
      </c>
      <c r="D1856" s="8">
        <v>27.072983699000002</v>
      </c>
    </row>
    <row r="1857" spans="1:4" x14ac:dyDescent="0.3">
      <c r="A1857" s="6">
        <v>44950</v>
      </c>
      <c r="B1857" s="8">
        <v>66.847026263000004</v>
      </c>
      <c r="C1857" s="8">
        <v>43.061027705000001</v>
      </c>
      <c r="D1857" s="8">
        <v>26.831903167</v>
      </c>
    </row>
    <row r="1858" spans="1:4" x14ac:dyDescent="0.3">
      <c r="A1858" s="6">
        <v>44951</v>
      </c>
      <c r="B1858" s="8">
        <v>67.025890257</v>
      </c>
      <c r="C1858" s="8">
        <v>43.225760694999998</v>
      </c>
      <c r="D1858" s="8">
        <v>26.484482524000001</v>
      </c>
    </row>
    <row r="1859" spans="1:4" x14ac:dyDescent="0.3">
      <c r="A1859" s="6">
        <v>44952</v>
      </c>
      <c r="B1859" s="8">
        <v>67.181010252999997</v>
      </c>
      <c r="C1859" s="8">
        <v>43.129927506999998</v>
      </c>
      <c r="D1859" s="8">
        <v>26.737902128999998</v>
      </c>
    </row>
    <row r="1860" spans="1:4" x14ac:dyDescent="0.3">
      <c r="A1860" s="6">
        <v>44953</v>
      </c>
      <c r="B1860" s="8">
        <v>67.317930247999996</v>
      </c>
      <c r="C1860" s="8">
        <v>42.883164714000003</v>
      </c>
      <c r="D1860" s="8">
        <v>27.001628415999999</v>
      </c>
    </row>
    <row r="1861" spans="1:4" x14ac:dyDescent="0.3">
      <c r="A1861" s="6">
        <v>44954</v>
      </c>
      <c r="B1861" s="8">
        <v>67.497094239999996</v>
      </c>
      <c r="C1861" s="8">
        <v>42.651052010000001</v>
      </c>
      <c r="D1861" s="8">
        <v>26.881557894</v>
      </c>
    </row>
    <row r="1862" spans="1:4" x14ac:dyDescent="0.3">
      <c r="A1862" s="6">
        <v>44955</v>
      </c>
      <c r="B1862" s="8">
        <v>67.612864236999997</v>
      </c>
      <c r="C1862" s="8">
        <v>42.686584107999998</v>
      </c>
      <c r="D1862" s="8">
        <v>26.876197033</v>
      </c>
    </row>
    <row r="1863" spans="1:4" x14ac:dyDescent="0.3">
      <c r="A1863" s="6">
        <v>44956</v>
      </c>
      <c r="B1863" s="8">
        <v>67.768684231999998</v>
      </c>
      <c r="C1863" s="8">
        <v>42.566618284</v>
      </c>
      <c r="D1863" s="8">
        <v>26.793213690999998</v>
      </c>
    </row>
    <row r="1864" spans="1:4" x14ac:dyDescent="0.3">
      <c r="A1864" s="6">
        <v>44957</v>
      </c>
      <c r="B1864" s="8">
        <v>67.803984798000002</v>
      </c>
      <c r="C1864" s="8">
        <v>42.155501706999999</v>
      </c>
      <c r="D1864" s="8">
        <v>26.863621007999999</v>
      </c>
    </row>
    <row r="1865" spans="1:4" x14ac:dyDescent="0.3">
      <c r="A1865" s="6">
        <v>44958</v>
      </c>
      <c r="B1865" s="8">
        <v>67.785626780000001</v>
      </c>
      <c r="C1865" s="8">
        <v>41.871646730999998</v>
      </c>
      <c r="D1865" s="8">
        <v>27.216937733000002</v>
      </c>
    </row>
    <row r="1866" spans="1:4" x14ac:dyDescent="0.3">
      <c r="A1866" s="6">
        <v>44959</v>
      </c>
      <c r="B1866" s="8">
        <v>67.807926778999999</v>
      </c>
      <c r="C1866" s="8">
        <v>41.863253555999997</v>
      </c>
      <c r="D1866" s="8">
        <v>27.168326305000001</v>
      </c>
    </row>
    <row r="1867" spans="1:4" x14ac:dyDescent="0.3">
      <c r="A1867" s="6">
        <v>44960</v>
      </c>
      <c r="B1867" s="8">
        <v>68.021246767999997</v>
      </c>
      <c r="C1867" s="8">
        <v>41.916156504999996</v>
      </c>
      <c r="D1867" s="8">
        <v>27.173103279999999</v>
      </c>
    </row>
    <row r="1868" spans="1:4" x14ac:dyDescent="0.3">
      <c r="A1868" s="6">
        <v>44961</v>
      </c>
      <c r="B1868" s="8">
        <v>68.021246767999997</v>
      </c>
      <c r="C1868" s="8">
        <v>41.463032779000002</v>
      </c>
      <c r="D1868" s="8">
        <v>27.355975049000001</v>
      </c>
    </row>
    <row r="1869" spans="1:4" x14ac:dyDescent="0.3">
      <c r="A1869" s="6">
        <v>44962</v>
      </c>
      <c r="B1869" s="8">
        <v>68.057281685999996</v>
      </c>
      <c r="C1869" s="8">
        <v>41.436743966999998</v>
      </c>
      <c r="D1869" s="8">
        <v>27.367387426000001</v>
      </c>
    </row>
    <row r="1870" spans="1:4" x14ac:dyDescent="0.3">
      <c r="A1870" s="6">
        <v>44963</v>
      </c>
      <c r="B1870" s="8">
        <v>68.057281685999996</v>
      </c>
      <c r="C1870" s="8">
        <v>41.495257893000002</v>
      </c>
      <c r="D1870" s="8">
        <v>27.349513209000001</v>
      </c>
    </row>
    <row r="1871" spans="1:4" x14ac:dyDescent="0.3">
      <c r="A1871" s="6">
        <v>44964</v>
      </c>
      <c r="B1871" s="8">
        <v>68.175431684000003</v>
      </c>
      <c r="C1871" s="8">
        <v>41.342044373999997</v>
      </c>
      <c r="D1871" s="8">
        <v>27.289076816000001</v>
      </c>
    </row>
    <row r="1872" spans="1:4" x14ac:dyDescent="0.3">
      <c r="A1872" s="6">
        <v>44965</v>
      </c>
      <c r="B1872" s="8">
        <v>68.175031684000004</v>
      </c>
      <c r="C1872" s="8">
        <v>41.168900667000003</v>
      </c>
      <c r="D1872" s="8">
        <v>27.299199584</v>
      </c>
    </row>
    <row r="1873" spans="1:4" x14ac:dyDescent="0.3">
      <c r="A1873" s="6">
        <v>44966</v>
      </c>
      <c r="B1873" s="8">
        <v>68.175031684000004</v>
      </c>
      <c r="C1873" s="8">
        <v>41.006514985999999</v>
      </c>
      <c r="D1873" s="8">
        <v>27.334109426000001</v>
      </c>
    </row>
    <row r="1874" spans="1:4" x14ac:dyDescent="0.3">
      <c r="A1874" s="6">
        <v>44967</v>
      </c>
      <c r="B1874" s="8">
        <v>68.177031682999996</v>
      </c>
      <c r="C1874" s="8">
        <v>40.981967912000002</v>
      </c>
      <c r="D1874" s="8">
        <v>27.213348451000002</v>
      </c>
    </row>
    <row r="1875" spans="1:4" x14ac:dyDescent="0.3">
      <c r="A1875" s="6">
        <v>44968</v>
      </c>
      <c r="B1875" s="8">
        <v>68.312091683000006</v>
      </c>
      <c r="C1875" s="8">
        <v>40.852727448000003</v>
      </c>
      <c r="D1875" s="8">
        <v>27.219967710999999</v>
      </c>
    </row>
    <row r="1876" spans="1:4" x14ac:dyDescent="0.3">
      <c r="A1876" s="6">
        <v>44969</v>
      </c>
      <c r="B1876" s="8">
        <v>68.379291679999994</v>
      </c>
      <c r="C1876" s="8">
        <v>40.781641461</v>
      </c>
      <c r="D1876" s="8">
        <v>27.21489364</v>
      </c>
    </row>
    <row r="1877" spans="1:4" x14ac:dyDescent="0.3">
      <c r="A1877" s="6">
        <v>44970</v>
      </c>
      <c r="B1877" s="8">
        <v>68.40429168</v>
      </c>
      <c r="C1877" s="8">
        <v>40.709074100999999</v>
      </c>
      <c r="D1877" s="8">
        <v>27.214276429000002</v>
      </c>
    </row>
    <row r="1878" spans="1:4" x14ac:dyDescent="0.3">
      <c r="A1878" s="6">
        <v>44971</v>
      </c>
      <c r="B1878" s="8">
        <v>69.122316678000004</v>
      </c>
      <c r="C1878" s="8">
        <v>40.443960752999999</v>
      </c>
      <c r="D1878" s="8">
        <v>26.837751141999998</v>
      </c>
    </row>
    <row r="1879" spans="1:4" x14ac:dyDescent="0.3">
      <c r="A1879" s="6">
        <v>44972</v>
      </c>
      <c r="B1879" s="8">
        <v>69.484915674000007</v>
      </c>
      <c r="C1879" s="8">
        <v>40.525652946000001</v>
      </c>
      <c r="D1879" s="8">
        <v>26.271505608999998</v>
      </c>
    </row>
    <row r="1880" spans="1:4" x14ac:dyDescent="0.3">
      <c r="A1880" s="6">
        <v>44973</v>
      </c>
      <c r="B1880" s="8">
        <v>69.778380670000004</v>
      </c>
      <c r="C1880" s="8">
        <v>40.975801486000002</v>
      </c>
      <c r="D1880" s="8">
        <v>25.149090995000002</v>
      </c>
    </row>
    <row r="1881" spans="1:4" x14ac:dyDescent="0.3">
      <c r="A1881" s="6">
        <v>44974</v>
      </c>
      <c r="B1881" s="8">
        <v>70.146890658999993</v>
      </c>
      <c r="C1881" s="8">
        <v>41.155854966</v>
      </c>
      <c r="D1881" s="8">
        <v>24.733993546000001</v>
      </c>
    </row>
    <row r="1882" spans="1:4" x14ac:dyDescent="0.3">
      <c r="A1882" s="6">
        <v>44975</v>
      </c>
      <c r="B1882" s="8">
        <v>70.286590657999994</v>
      </c>
      <c r="C1882" s="8">
        <v>41.399631618000001</v>
      </c>
      <c r="D1882" s="8">
        <v>24.28984213</v>
      </c>
    </row>
    <row r="1883" spans="1:4" x14ac:dyDescent="0.3">
      <c r="A1883" s="6">
        <v>44976</v>
      </c>
      <c r="B1883" s="8">
        <v>70.395855656999998</v>
      </c>
      <c r="C1883" s="8">
        <v>41.361539305999997</v>
      </c>
      <c r="D1883" s="8">
        <v>24.222668564999999</v>
      </c>
    </row>
    <row r="1884" spans="1:4" x14ac:dyDescent="0.3">
      <c r="A1884" s="6">
        <v>44977</v>
      </c>
      <c r="B1884" s="8">
        <v>70.395855656999998</v>
      </c>
      <c r="C1884" s="8">
        <v>41.409293787999999</v>
      </c>
      <c r="D1884" s="8">
        <v>24.222394205000001</v>
      </c>
    </row>
    <row r="1885" spans="1:4" x14ac:dyDescent="0.3">
      <c r="A1885" s="6">
        <v>44978</v>
      </c>
      <c r="B1885" s="8">
        <v>70.432115655999993</v>
      </c>
      <c r="C1885" s="8">
        <v>41.474981309</v>
      </c>
      <c r="D1885" s="8">
        <v>23.802439951</v>
      </c>
    </row>
    <row r="1886" spans="1:4" x14ac:dyDescent="0.3">
      <c r="A1886" s="6">
        <v>44979</v>
      </c>
      <c r="B1886" s="8">
        <v>70.452425653000006</v>
      </c>
      <c r="C1886" s="8">
        <v>41.628495125000001</v>
      </c>
      <c r="D1886" s="8">
        <v>23.395209826999999</v>
      </c>
    </row>
    <row r="1887" spans="1:4" x14ac:dyDescent="0.3">
      <c r="A1887" s="6">
        <v>44980</v>
      </c>
      <c r="B1887" s="8">
        <v>70.583245568999999</v>
      </c>
      <c r="C1887" s="8">
        <v>41.65633863</v>
      </c>
      <c r="D1887" s="8">
        <v>22.980047698</v>
      </c>
    </row>
    <row r="1888" spans="1:4" x14ac:dyDescent="0.3">
      <c r="A1888" s="6">
        <v>44981</v>
      </c>
      <c r="B1888" s="8">
        <v>70.680398565000004</v>
      </c>
      <c r="C1888" s="8">
        <v>41.792319067000001</v>
      </c>
      <c r="D1888" s="8">
        <v>22.663145731</v>
      </c>
    </row>
    <row r="1889" spans="1:4" x14ac:dyDescent="0.3">
      <c r="A1889" s="6">
        <v>44982</v>
      </c>
      <c r="B1889" s="8">
        <v>70.790878484000004</v>
      </c>
      <c r="C1889" s="8">
        <v>42.043206419000001</v>
      </c>
      <c r="D1889" s="8">
        <v>22.231715195</v>
      </c>
    </row>
    <row r="1890" spans="1:4" x14ac:dyDescent="0.3">
      <c r="A1890" s="6">
        <v>44983</v>
      </c>
      <c r="B1890" s="8">
        <v>70.839528482999995</v>
      </c>
      <c r="C1890" s="8">
        <v>42.116692266000001</v>
      </c>
      <c r="D1890" s="8">
        <v>22.224403260999999</v>
      </c>
    </row>
    <row r="1891" spans="1:4" x14ac:dyDescent="0.3">
      <c r="A1891" s="6">
        <v>44984</v>
      </c>
      <c r="B1891" s="8">
        <v>70.876378482999996</v>
      </c>
      <c r="C1891" s="8">
        <v>42.161843277000003</v>
      </c>
      <c r="D1891" s="8">
        <v>22.073056960999999</v>
      </c>
    </row>
    <row r="1892" spans="1:4" x14ac:dyDescent="0.3">
      <c r="A1892" s="6">
        <v>44985</v>
      </c>
      <c r="B1892" s="8">
        <v>70.919778480999994</v>
      </c>
      <c r="C1892" s="8">
        <v>42.130176063999997</v>
      </c>
      <c r="D1892" s="8">
        <v>21.760851022000001</v>
      </c>
    </row>
    <row r="1893" spans="1:4" x14ac:dyDescent="0.3">
      <c r="A1893" s="6">
        <v>44986</v>
      </c>
      <c r="B1893" s="8">
        <v>70.961078474999994</v>
      </c>
      <c r="C1893" s="8">
        <v>41.998033685999999</v>
      </c>
      <c r="D1893" s="8">
        <v>21.717850059</v>
      </c>
    </row>
    <row r="1894" spans="1:4" x14ac:dyDescent="0.3">
      <c r="A1894" s="6">
        <v>44987</v>
      </c>
      <c r="B1894" s="8">
        <v>71.055458454999993</v>
      </c>
      <c r="C1894" s="8">
        <v>42.086086516000002</v>
      </c>
      <c r="D1894" s="8">
        <v>21.357908673000001</v>
      </c>
    </row>
    <row r="1895" spans="1:4" x14ac:dyDescent="0.3">
      <c r="A1895" s="6">
        <v>44988</v>
      </c>
      <c r="B1895" s="8">
        <v>71.109278153999995</v>
      </c>
      <c r="C1895" s="8">
        <v>42.693916969</v>
      </c>
      <c r="D1895" s="8">
        <v>20.881484920999998</v>
      </c>
    </row>
    <row r="1896" spans="1:4" x14ac:dyDescent="0.3">
      <c r="A1896" s="6">
        <v>44989</v>
      </c>
      <c r="B1896" s="8">
        <v>71.351777827999996</v>
      </c>
      <c r="C1896" s="8">
        <v>42.990691624999997</v>
      </c>
      <c r="D1896" s="8">
        <v>20.366907543</v>
      </c>
    </row>
    <row r="1897" spans="1:4" x14ac:dyDescent="0.3">
      <c r="A1897" s="6">
        <v>44990</v>
      </c>
      <c r="B1897" s="8">
        <v>71.435397827000003</v>
      </c>
      <c r="C1897" s="8">
        <v>43.224112097000003</v>
      </c>
      <c r="D1897" s="8">
        <v>20.129891131000001</v>
      </c>
    </row>
    <row r="1898" spans="1:4" x14ac:dyDescent="0.3">
      <c r="A1898" s="6">
        <v>44991</v>
      </c>
      <c r="B1898" s="8">
        <v>71.472117827000005</v>
      </c>
      <c r="C1898" s="8">
        <v>43.489028916999999</v>
      </c>
      <c r="D1898" s="8">
        <v>19.895656308</v>
      </c>
    </row>
    <row r="1899" spans="1:4" x14ac:dyDescent="0.3">
      <c r="A1899" s="6">
        <v>44992</v>
      </c>
      <c r="B1899" s="8">
        <v>71.584111031999996</v>
      </c>
      <c r="C1899" s="8">
        <v>43.288611942999999</v>
      </c>
      <c r="D1899" s="8">
        <v>19.789671878</v>
      </c>
    </row>
    <row r="1900" spans="1:4" x14ac:dyDescent="0.3">
      <c r="A1900" s="6">
        <v>44993</v>
      </c>
      <c r="B1900" s="8">
        <v>71.729084555</v>
      </c>
      <c r="C1900" s="8">
        <v>43.227648530000003</v>
      </c>
      <c r="D1900" s="8">
        <v>19.732092581</v>
      </c>
    </row>
    <row r="1901" spans="1:4" x14ac:dyDescent="0.3">
      <c r="A1901" s="6">
        <v>44994</v>
      </c>
      <c r="B1901" s="8">
        <v>71.733132005000002</v>
      </c>
      <c r="C1901" s="8">
        <v>43.197203559000002</v>
      </c>
      <c r="D1901" s="8">
        <v>19.66283121</v>
      </c>
    </row>
    <row r="1902" spans="1:4" x14ac:dyDescent="0.3">
      <c r="A1902" s="6">
        <v>44995</v>
      </c>
      <c r="B1902" s="8">
        <v>71.799456168999995</v>
      </c>
      <c r="C1902" s="8">
        <v>43.176044699999998</v>
      </c>
      <c r="D1902" s="8">
        <v>19.61861043</v>
      </c>
    </row>
    <row r="1903" spans="1:4" x14ac:dyDescent="0.3">
      <c r="A1903" s="6">
        <v>44996</v>
      </c>
      <c r="B1903" s="8">
        <v>72.07514793</v>
      </c>
      <c r="C1903" s="8">
        <v>42.200261242000003</v>
      </c>
      <c r="D1903" s="8">
        <v>19.856455747999998</v>
      </c>
    </row>
    <row r="1904" spans="1:4" x14ac:dyDescent="0.3">
      <c r="A1904" s="6">
        <v>44997</v>
      </c>
      <c r="B1904" s="8">
        <v>72.120358308999997</v>
      </c>
      <c r="C1904" s="8">
        <v>40.661099587000002</v>
      </c>
      <c r="D1904" s="8">
        <v>20.733615933999999</v>
      </c>
    </row>
    <row r="1905" spans="1:4" x14ac:dyDescent="0.3">
      <c r="A1905" s="6">
        <v>44998</v>
      </c>
      <c r="B1905" s="8">
        <v>72.557454191999994</v>
      </c>
      <c r="C1905" s="8">
        <v>40.468620895999997</v>
      </c>
      <c r="D1905" s="8">
        <v>21.601062424999999</v>
      </c>
    </row>
    <row r="1906" spans="1:4" x14ac:dyDescent="0.3">
      <c r="A1906" s="6">
        <v>44999</v>
      </c>
      <c r="B1906" s="8">
        <v>72.892204289999995</v>
      </c>
      <c r="C1906" s="8">
        <v>39.082309637000002</v>
      </c>
      <c r="D1906" s="8">
        <v>21.478748131</v>
      </c>
    </row>
    <row r="1907" spans="1:4" x14ac:dyDescent="0.3">
      <c r="A1907" s="6">
        <v>45000</v>
      </c>
      <c r="B1907" s="8">
        <v>73.400359945000005</v>
      </c>
      <c r="C1907" s="8">
        <v>38.107230325000003</v>
      </c>
      <c r="D1907" s="8">
        <v>21.226916664000001</v>
      </c>
    </row>
    <row r="1908" spans="1:4" x14ac:dyDescent="0.3">
      <c r="A1908" s="6">
        <v>45001</v>
      </c>
      <c r="B1908" s="8">
        <v>74.246550264000007</v>
      </c>
      <c r="C1908" s="8">
        <v>37.201853851999999</v>
      </c>
      <c r="D1908" s="8">
        <v>20.956685694000001</v>
      </c>
    </row>
    <row r="1909" spans="1:4" x14ac:dyDescent="0.3">
      <c r="A1909" s="6">
        <v>45002</v>
      </c>
      <c r="B1909" s="8">
        <v>75.163840899999997</v>
      </c>
      <c r="C1909" s="8">
        <v>36.625309641000001</v>
      </c>
      <c r="D1909" s="8">
        <v>20.633475547</v>
      </c>
    </row>
    <row r="1910" spans="1:4" x14ac:dyDescent="0.3">
      <c r="A1910" s="6">
        <v>45003</v>
      </c>
      <c r="B1910" s="8">
        <v>76.173667891999997</v>
      </c>
      <c r="C1910" s="8">
        <v>35.900827554999999</v>
      </c>
      <c r="D1910" s="8">
        <v>20.467260076999999</v>
      </c>
    </row>
    <row r="1911" spans="1:4" x14ac:dyDescent="0.3">
      <c r="A1911" s="6">
        <v>45004</v>
      </c>
      <c r="B1911" s="8">
        <v>76.213483077000006</v>
      </c>
      <c r="C1911" s="8">
        <v>35.896107315000002</v>
      </c>
      <c r="D1911" s="8">
        <v>20.445949894999998</v>
      </c>
    </row>
    <row r="1912" spans="1:4" x14ac:dyDescent="0.3">
      <c r="A1912" s="6">
        <v>45005</v>
      </c>
      <c r="B1912" s="8">
        <v>76.102599076999994</v>
      </c>
      <c r="C1912" s="8">
        <v>35.864646602999997</v>
      </c>
      <c r="D1912" s="8">
        <v>20.425405163000001</v>
      </c>
    </row>
    <row r="1913" spans="1:4" x14ac:dyDescent="0.3">
      <c r="A1913" s="6">
        <v>45006</v>
      </c>
      <c r="B1913" s="8">
        <v>76.849069864000001</v>
      </c>
      <c r="C1913" s="8">
        <v>35.127847500000001</v>
      </c>
      <c r="D1913" s="8">
        <v>20.288256710999999</v>
      </c>
    </row>
    <row r="1914" spans="1:4" x14ac:dyDescent="0.3">
      <c r="A1914" s="6">
        <v>45007</v>
      </c>
      <c r="B1914" s="8">
        <v>77.428990194999997</v>
      </c>
      <c r="C1914" s="8">
        <v>35.018475848999998</v>
      </c>
      <c r="D1914" s="8">
        <v>20.254505777999999</v>
      </c>
    </row>
    <row r="1915" spans="1:4" x14ac:dyDescent="0.3">
      <c r="A1915" s="6">
        <v>45008</v>
      </c>
      <c r="B1915" s="8">
        <v>77.776431259999995</v>
      </c>
      <c r="C1915" s="8">
        <v>34.561811566999999</v>
      </c>
      <c r="D1915" s="8">
        <v>20.111255487000001</v>
      </c>
    </row>
    <row r="1916" spans="1:4" x14ac:dyDescent="0.3">
      <c r="A1916" s="6">
        <v>45009</v>
      </c>
      <c r="B1916" s="8">
        <v>78.478753061999996</v>
      </c>
      <c r="C1916" s="8">
        <v>34.226726304000003</v>
      </c>
      <c r="D1916" s="8">
        <v>20.112431987000001</v>
      </c>
    </row>
    <row r="1917" spans="1:4" x14ac:dyDescent="0.3">
      <c r="A1917" s="6">
        <v>45010</v>
      </c>
      <c r="B1917" s="8">
        <v>79.014941308000004</v>
      </c>
      <c r="C1917" s="8">
        <v>33.699932832000002</v>
      </c>
      <c r="D1917" s="8">
        <v>20.041074127000002</v>
      </c>
    </row>
    <row r="1918" spans="1:4" x14ac:dyDescent="0.3">
      <c r="A1918" s="6">
        <v>45011</v>
      </c>
      <c r="B1918" s="8">
        <v>79.078783060000006</v>
      </c>
      <c r="C1918" s="8">
        <v>33.687836175999998</v>
      </c>
      <c r="D1918" s="8">
        <v>20.040914958999998</v>
      </c>
    </row>
    <row r="1919" spans="1:4" x14ac:dyDescent="0.3">
      <c r="A1919" s="6">
        <v>45012</v>
      </c>
      <c r="B1919" s="8">
        <v>79.097783049</v>
      </c>
      <c r="C1919" s="8">
        <v>33.654085958000003</v>
      </c>
      <c r="D1919" s="8">
        <v>20.032965255000001</v>
      </c>
    </row>
    <row r="1920" spans="1:4" x14ac:dyDescent="0.3">
      <c r="A1920" s="6">
        <v>45013</v>
      </c>
      <c r="B1920" s="8">
        <v>79.448607421000006</v>
      </c>
      <c r="C1920" s="8">
        <v>33.230005206000001</v>
      </c>
      <c r="D1920" s="8">
        <v>19.723217221999999</v>
      </c>
    </row>
    <row r="1921" spans="1:4" x14ac:dyDescent="0.3">
      <c r="A1921" s="6">
        <v>45014</v>
      </c>
      <c r="B1921" s="8">
        <v>79.513544279000001</v>
      </c>
      <c r="C1921" s="8">
        <v>32.934314211999997</v>
      </c>
      <c r="D1921" s="8">
        <v>19.571033837000002</v>
      </c>
    </row>
    <row r="1922" spans="1:4" x14ac:dyDescent="0.3">
      <c r="A1922" s="6">
        <v>45015</v>
      </c>
      <c r="B1922" s="8">
        <v>79.633547899999996</v>
      </c>
      <c r="C1922" s="8">
        <v>32.892475877000003</v>
      </c>
      <c r="D1922" s="8">
        <v>19.519562990000001</v>
      </c>
    </row>
    <row r="1923" spans="1:4" x14ac:dyDescent="0.3">
      <c r="A1923" s="6">
        <v>45016</v>
      </c>
      <c r="B1923" s="8">
        <v>79.665014575000001</v>
      </c>
      <c r="C1923" s="8">
        <v>32.596518670999998</v>
      </c>
      <c r="D1923" s="8">
        <v>19.475045381000001</v>
      </c>
    </row>
    <row r="1924" spans="1:4" x14ac:dyDescent="0.3">
      <c r="A1924" s="6">
        <v>45017</v>
      </c>
      <c r="B1924" s="8">
        <v>79.686510462000001</v>
      </c>
      <c r="C1924" s="8">
        <v>32.263624903</v>
      </c>
      <c r="D1924" s="8">
        <v>19.455978704</v>
      </c>
    </row>
    <row r="1925" spans="1:4" x14ac:dyDescent="0.3">
      <c r="A1925" s="6">
        <v>45018</v>
      </c>
      <c r="B1925" s="8">
        <v>79.686510462000001</v>
      </c>
      <c r="C1925" s="8">
        <v>32.217032516000003</v>
      </c>
      <c r="D1925" s="8">
        <v>19.461251899000001</v>
      </c>
    </row>
    <row r="1926" spans="1:4" x14ac:dyDescent="0.3">
      <c r="A1926" s="6">
        <v>45019</v>
      </c>
      <c r="B1926" s="8">
        <v>79.795510453000006</v>
      </c>
      <c r="C1926" s="8">
        <v>32.242579485999997</v>
      </c>
      <c r="D1926" s="8">
        <v>19.475101905999999</v>
      </c>
    </row>
    <row r="1927" spans="1:4" x14ac:dyDescent="0.3">
      <c r="A1927" s="6">
        <v>45020</v>
      </c>
      <c r="B1927" s="8">
        <v>79.901325455000006</v>
      </c>
      <c r="C1927" s="8">
        <v>32.407648440000003</v>
      </c>
      <c r="D1927" s="8">
        <v>19.775323796999999</v>
      </c>
    </row>
    <row r="1928" spans="1:4" x14ac:dyDescent="0.3">
      <c r="A1928" s="6">
        <v>45021</v>
      </c>
      <c r="B1928" s="8">
        <v>79.997214448999998</v>
      </c>
      <c r="C1928" s="8">
        <v>32.366379215999999</v>
      </c>
      <c r="D1928" s="8">
        <v>19.195196093</v>
      </c>
    </row>
    <row r="1929" spans="1:4" x14ac:dyDescent="0.3">
      <c r="A1929" s="6">
        <v>45022</v>
      </c>
      <c r="B1929" s="8">
        <v>80.100433550000005</v>
      </c>
      <c r="C1929" s="8">
        <v>32.292582445000001</v>
      </c>
      <c r="D1929" s="8">
        <v>19.07085932</v>
      </c>
    </row>
    <row r="1930" spans="1:4" x14ac:dyDescent="0.3">
      <c r="A1930" s="6">
        <v>45023</v>
      </c>
      <c r="B1930" s="8">
        <v>80.188035455999994</v>
      </c>
      <c r="C1930" s="8">
        <v>32.458357943000003</v>
      </c>
      <c r="D1930" s="8">
        <v>19.038594813</v>
      </c>
    </row>
    <row r="1931" spans="1:4" x14ac:dyDescent="0.3">
      <c r="A1931" s="6">
        <v>45024</v>
      </c>
      <c r="B1931" s="8">
        <v>80.193187656999996</v>
      </c>
      <c r="C1931" s="8">
        <v>32.368455615000002</v>
      </c>
      <c r="D1931" s="8">
        <v>19.076909180000001</v>
      </c>
    </row>
    <row r="1932" spans="1:4" x14ac:dyDescent="0.3">
      <c r="A1932" s="6">
        <v>45025</v>
      </c>
      <c r="B1932" s="8">
        <v>80.203187657000001</v>
      </c>
      <c r="C1932" s="8">
        <v>32.373973329000002</v>
      </c>
      <c r="D1932" s="8">
        <v>19.084726984</v>
      </c>
    </row>
    <row r="1933" spans="1:4" x14ac:dyDescent="0.3">
      <c r="A1933" s="6">
        <v>45026</v>
      </c>
      <c r="B1933" s="8">
        <v>80.203187657000001</v>
      </c>
      <c r="C1933" s="8">
        <v>32.348239339999999</v>
      </c>
      <c r="D1933" s="8">
        <v>19.075145427999999</v>
      </c>
    </row>
    <row r="1934" spans="1:4" x14ac:dyDescent="0.3">
      <c r="A1934" s="6">
        <v>45027</v>
      </c>
      <c r="B1934" s="8">
        <v>80.343238526999997</v>
      </c>
      <c r="C1934" s="8">
        <v>32.244073458999999</v>
      </c>
      <c r="D1934" s="8">
        <v>19.017293370000001</v>
      </c>
    </row>
    <row r="1935" spans="1:4" x14ac:dyDescent="0.3">
      <c r="A1935" s="6">
        <v>45028</v>
      </c>
      <c r="B1935" s="8">
        <v>80.443266292000004</v>
      </c>
      <c r="C1935" s="8">
        <v>32.190008800000001</v>
      </c>
      <c r="D1935" s="8">
        <v>19.015520711000001</v>
      </c>
    </row>
    <row r="1936" spans="1:4" x14ac:dyDescent="0.3">
      <c r="A1936" s="6">
        <v>45029</v>
      </c>
      <c r="B1936" s="8">
        <v>80.570447403000003</v>
      </c>
      <c r="C1936" s="8">
        <v>31.916012075000001</v>
      </c>
      <c r="D1936" s="8">
        <v>18.905632750999999</v>
      </c>
    </row>
    <row r="1937" spans="1:4" x14ac:dyDescent="0.3">
      <c r="A1937" s="6">
        <v>45030</v>
      </c>
      <c r="B1937" s="8">
        <v>80.756955086000005</v>
      </c>
      <c r="C1937" s="8">
        <v>31.778490747999999</v>
      </c>
      <c r="D1937" s="8">
        <v>18.879365153999998</v>
      </c>
    </row>
    <row r="1938" spans="1:4" x14ac:dyDescent="0.3">
      <c r="A1938" s="6">
        <v>45031</v>
      </c>
      <c r="B1938" s="8">
        <v>80.896461591000005</v>
      </c>
      <c r="C1938" s="8">
        <v>31.690139980000001</v>
      </c>
      <c r="D1938" s="8">
        <v>18.892713146999998</v>
      </c>
    </row>
    <row r="1939" spans="1:4" x14ac:dyDescent="0.3">
      <c r="A1939" s="6">
        <v>45032</v>
      </c>
      <c r="B1939" s="8">
        <v>80.913461588999994</v>
      </c>
      <c r="C1939" s="8">
        <v>31.679783075</v>
      </c>
      <c r="D1939" s="8">
        <v>18.908755357</v>
      </c>
    </row>
    <row r="1940" spans="1:4" x14ac:dyDescent="0.3">
      <c r="A1940" s="6">
        <v>45033</v>
      </c>
      <c r="B1940" s="8">
        <v>80.923461588999999</v>
      </c>
      <c r="C1940" s="8">
        <v>31.672385116000001</v>
      </c>
      <c r="D1940" s="8">
        <v>18.897529853000002</v>
      </c>
    </row>
    <row r="1941" spans="1:4" x14ac:dyDescent="0.3">
      <c r="A1941" s="6">
        <v>45034</v>
      </c>
      <c r="B1941" s="8">
        <v>81.052922316999997</v>
      </c>
      <c r="C1941" s="8">
        <v>31.515167319</v>
      </c>
      <c r="D1941" s="8">
        <v>18.719473621999999</v>
      </c>
    </row>
    <row r="1942" spans="1:4" x14ac:dyDescent="0.3">
      <c r="A1942" s="6">
        <v>45035</v>
      </c>
      <c r="B1942" s="8">
        <v>81.164195712999998</v>
      </c>
      <c r="C1942" s="8">
        <v>31.259252221000001</v>
      </c>
      <c r="D1942" s="8">
        <v>18.724926079999999</v>
      </c>
    </row>
    <row r="1943" spans="1:4" x14ac:dyDescent="0.3">
      <c r="A1943" s="6">
        <v>45036</v>
      </c>
      <c r="B1943" s="8">
        <v>81.291398302000005</v>
      </c>
      <c r="C1943" s="8">
        <v>31.02412515</v>
      </c>
      <c r="D1943" s="8">
        <v>18.747958859000001</v>
      </c>
    </row>
    <row r="1944" spans="1:4" x14ac:dyDescent="0.3">
      <c r="A1944" s="6">
        <v>45037</v>
      </c>
      <c r="B1944" s="8">
        <v>81.397398448999994</v>
      </c>
      <c r="C1944" s="8">
        <v>30.843626016000002</v>
      </c>
      <c r="D1944" s="8">
        <v>18.718831390999998</v>
      </c>
    </row>
    <row r="1945" spans="1:4" x14ac:dyDescent="0.3">
      <c r="A1945" s="6">
        <v>45038</v>
      </c>
      <c r="B1945" s="8">
        <v>80.620559311999997</v>
      </c>
      <c r="C1945" s="8">
        <v>30.624432909999999</v>
      </c>
      <c r="D1945" s="8">
        <v>18.499895887000001</v>
      </c>
    </row>
    <row r="1946" spans="1:4" x14ac:dyDescent="0.3">
      <c r="A1946" s="6">
        <v>45039</v>
      </c>
      <c r="B1946" s="8">
        <v>81.431518639000004</v>
      </c>
      <c r="C1946" s="8">
        <v>30.626893202000002</v>
      </c>
      <c r="D1946" s="8">
        <v>18.477808426999999</v>
      </c>
    </row>
    <row r="1947" spans="1:4" x14ac:dyDescent="0.3">
      <c r="A1947" s="6">
        <v>45040</v>
      </c>
      <c r="B1947" s="8">
        <v>81.441518638999995</v>
      </c>
      <c r="C1947" s="8">
        <v>30.664917788</v>
      </c>
      <c r="D1947" s="8">
        <v>18.477093728</v>
      </c>
    </row>
    <row r="1948" spans="1:4" x14ac:dyDescent="0.3">
      <c r="A1948" s="6">
        <v>45041</v>
      </c>
      <c r="B1948" s="8">
        <v>81.528400004000005</v>
      </c>
      <c r="C1948" s="8">
        <v>30.577494462000001</v>
      </c>
      <c r="D1948" s="8">
        <v>18.447245547000001</v>
      </c>
    </row>
    <row r="1949" spans="1:4" x14ac:dyDescent="0.3">
      <c r="A1949" s="6">
        <v>45042</v>
      </c>
      <c r="B1949" s="8">
        <v>81.566488285999995</v>
      </c>
      <c r="C1949" s="8">
        <v>30.584538649999999</v>
      </c>
      <c r="D1949" s="8">
        <v>18.317934911999998</v>
      </c>
    </row>
    <row r="1950" spans="1:4" x14ac:dyDescent="0.3">
      <c r="A1950" s="6">
        <v>45043</v>
      </c>
      <c r="B1950" s="8">
        <v>81.581156970999999</v>
      </c>
      <c r="C1950" s="8">
        <v>30.622150698999999</v>
      </c>
      <c r="D1950" s="8">
        <v>18.253370459999999</v>
      </c>
    </row>
    <row r="1951" spans="1:4" x14ac:dyDescent="0.3">
      <c r="A1951" s="6">
        <v>45044</v>
      </c>
      <c r="B1951" s="8">
        <v>81.605185848999994</v>
      </c>
      <c r="C1951" s="8">
        <v>30.345877098999999</v>
      </c>
      <c r="D1951" s="8">
        <v>18.192017828000001</v>
      </c>
    </row>
    <row r="1952" spans="1:4" x14ac:dyDescent="0.3">
      <c r="A1952" s="6">
        <v>45045</v>
      </c>
      <c r="B1952" s="8">
        <v>81.687767335000004</v>
      </c>
      <c r="C1952" s="8">
        <v>30.371295833000001</v>
      </c>
      <c r="D1952" s="8">
        <v>18.037973215000001</v>
      </c>
    </row>
    <row r="1953" spans="1:4" x14ac:dyDescent="0.3">
      <c r="A1953" s="6">
        <v>45046</v>
      </c>
      <c r="B1953" s="8">
        <v>81.697767321000001</v>
      </c>
      <c r="C1953" s="8">
        <v>30.383345254000002</v>
      </c>
      <c r="D1953" s="8">
        <v>18.03813547</v>
      </c>
    </row>
    <row r="1954" spans="1:4" x14ac:dyDescent="0.3">
      <c r="A1954" s="6">
        <v>45047</v>
      </c>
      <c r="B1954" s="8">
        <v>81.707767325000006</v>
      </c>
      <c r="C1954" s="8">
        <v>30.377707019999999</v>
      </c>
      <c r="D1954" s="8">
        <v>18.057088799999999</v>
      </c>
    </row>
    <row r="1955" spans="1:4" x14ac:dyDescent="0.3">
      <c r="A1955" s="6">
        <v>45048</v>
      </c>
      <c r="B1955" s="8">
        <v>81.790847850999995</v>
      </c>
      <c r="C1955" s="8">
        <v>30.250696805</v>
      </c>
      <c r="D1955" s="8">
        <v>18.503730468000001</v>
      </c>
    </row>
    <row r="1956" spans="1:4" x14ac:dyDescent="0.3">
      <c r="A1956" s="6">
        <v>45049</v>
      </c>
      <c r="B1956" s="8">
        <v>81.854781265</v>
      </c>
      <c r="C1956" s="8">
        <v>30.092013409</v>
      </c>
      <c r="D1956" s="8">
        <v>18.454790968000001</v>
      </c>
    </row>
    <row r="1957" spans="1:4" x14ac:dyDescent="0.3">
      <c r="A1957" s="6">
        <v>45050</v>
      </c>
      <c r="B1957" s="8">
        <v>81.975475256999999</v>
      </c>
      <c r="C1957" s="8">
        <v>30.054378366000002</v>
      </c>
      <c r="D1957" s="8">
        <v>18.102544596000001</v>
      </c>
    </row>
    <row r="1958" spans="1:4" x14ac:dyDescent="0.3">
      <c r="A1958" s="6">
        <v>45051</v>
      </c>
      <c r="B1958" s="8">
        <v>82.052222893000007</v>
      </c>
      <c r="C1958" s="8">
        <v>29.976504364</v>
      </c>
      <c r="D1958" s="8">
        <v>18.058475842</v>
      </c>
    </row>
    <row r="1959" spans="1:4" x14ac:dyDescent="0.3">
      <c r="A1959" s="6">
        <v>45052</v>
      </c>
      <c r="B1959" s="8">
        <v>82.068081638999999</v>
      </c>
      <c r="C1959" s="8">
        <v>30.248649113999999</v>
      </c>
      <c r="D1959" s="8">
        <v>18.047637860999998</v>
      </c>
    </row>
    <row r="1960" spans="1:4" x14ac:dyDescent="0.3">
      <c r="A1960" s="6">
        <v>45053</v>
      </c>
      <c r="B1960" s="8">
        <v>82.073081634000005</v>
      </c>
      <c r="C1960" s="8">
        <v>30.250436794999999</v>
      </c>
      <c r="D1960" s="8">
        <v>18.051038348999999</v>
      </c>
    </row>
    <row r="1961" spans="1:4" x14ac:dyDescent="0.3">
      <c r="A1961" s="6">
        <v>45054</v>
      </c>
      <c r="B1961" s="8">
        <v>82.078081628999996</v>
      </c>
      <c r="C1961" s="8">
        <v>30.246077309</v>
      </c>
      <c r="D1961" s="8">
        <v>18.053680321000002</v>
      </c>
    </row>
    <row r="1962" spans="1:4" x14ac:dyDescent="0.3">
      <c r="A1962" s="6">
        <v>45055</v>
      </c>
      <c r="B1962" s="8">
        <v>82.325354102999995</v>
      </c>
      <c r="C1962" s="8">
        <v>30.070588796999999</v>
      </c>
      <c r="D1962" s="8">
        <v>17.931543799</v>
      </c>
    </row>
    <row r="1963" spans="1:4" x14ac:dyDescent="0.3">
      <c r="A1963" s="6">
        <v>45056</v>
      </c>
      <c r="B1963" s="8">
        <v>82.466060393999996</v>
      </c>
      <c r="C1963" s="8">
        <v>29.969310072999999</v>
      </c>
      <c r="D1963" s="8">
        <v>17.815568451000001</v>
      </c>
    </row>
    <row r="1964" spans="1:4" x14ac:dyDescent="0.3">
      <c r="A1964" s="6">
        <v>45057</v>
      </c>
      <c r="B1964" s="8">
        <v>82.599114599999993</v>
      </c>
      <c r="C1964" s="8">
        <v>29.953642808000001</v>
      </c>
      <c r="D1964" s="8">
        <v>17.792056371000001</v>
      </c>
    </row>
    <row r="1965" spans="1:4" x14ac:dyDescent="0.3">
      <c r="A1965" s="6">
        <v>45058</v>
      </c>
      <c r="B1965" s="8">
        <v>82.713159758000003</v>
      </c>
      <c r="C1965" s="8">
        <v>29.777410301</v>
      </c>
      <c r="D1965" s="8">
        <v>17.710985780000001</v>
      </c>
    </row>
    <row r="1966" spans="1:4" x14ac:dyDescent="0.3">
      <c r="A1966" s="6">
        <v>45059</v>
      </c>
      <c r="B1966" s="8">
        <v>82.783885202999997</v>
      </c>
      <c r="C1966" s="8">
        <v>29.824998855</v>
      </c>
      <c r="D1966" s="8">
        <v>17.588844051999999</v>
      </c>
    </row>
    <row r="1967" spans="1:4" x14ac:dyDescent="0.3">
      <c r="A1967" s="6">
        <v>45060</v>
      </c>
      <c r="B1967" s="8">
        <v>82.783885202999997</v>
      </c>
      <c r="C1967" s="8">
        <v>29.831494601999999</v>
      </c>
      <c r="D1967" s="8">
        <v>17.587789515000001</v>
      </c>
    </row>
    <row r="1968" spans="1:4" x14ac:dyDescent="0.3">
      <c r="A1968" s="6">
        <v>45061</v>
      </c>
      <c r="B1968" s="8">
        <v>82.804277276999997</v>
      </c>
      <c r="C1968" s="8">
        <v>29.791341212999999</v>
      </c>
      <c r="D1968" s="8">
        <v>17.588110012000001</v>
      </c>
    </row>
    <row r="1969" spans="1:4" x14ac:dyDescent="0.3">
      <c r="A1969" s="6">
        <v>45062</v>
      </c>
      <c r="B1969" s="8">
        <v>82.809277269999995</v>
      </c>
      <c r="C1969" s="8">
        <v>29.648720457</v>
      </c>
      <c r="D1969" s="8">
        <v>17.592285093000001</v>
      </c>
    </row>
    <row r="1970" spans="1:4" x14ac:dyDescent="0.3">
      <c r="A1970" s="6">
        <v>45063</v>
      </c>
      <c r="B1970" s="8">
        <v>82.832082710999998</v>
      </c>
      <c r="C1970" s="8">
        <v>29.547500678999999</v>
      </c>
      <c r="D1970" s="8">
        <v>17.595298066000002</v>
      </c>
    </row>
    <row r="1971" spans="1:4" x14ac:dyDescent="0.3">
      <c r="A1971" s="6">
        <v>45064</v>
      </c>
      <c r="B1971" s="8">
        <v>82.840018134999994</v>
      </c>
      <c r="C1971" s="8">
        <v>29.389266617000001</v>
      </c>
      <c r="D1971" s="8">
        <v>17.579753051000001</v>
      </c>
    </row>
    <row r="1972" spans="1:4" x14ac:dyDescent="0.3">
      <c r="A1972" s="6">
        <v>45065</v>
      </c>
      <c r="B1972" s="8">
        <v>82.843573931999998</v>
      </c>
      <c r="C1972" s="8">
        <v>29.511174727</v>
      </c>
      <c r="D1972" s="8">
        <v>17.560379380000001</v>
      </c>
    </row>
    <row r="1973" spans="1:4" x14ac:dyDescent="0.3">
      <c r="A1973" s="6">
        <v>45066</v>
      </c>
      <c r="B1973" s="8">
        <v>82.895728300000002</v>
      </c>
      <c r="C1973" s="8">
        <v>29.423527449000002</v>
      </c>
      <c r="D1973" s="8">
        <v>17.481800493000001</v>
      </c>
    </row>
    <row r="1974" spans="1:4" x14ac:dyDescent="0.3">
      <c r="A1974" s="6">
        <v>45067</v>
      </c>
      <c r="B1974" s="8">
        <v>82.900728294999993</v>
      </c>
      <c r="C1974" s="8">
        <v>29.422981307000001</v>
      </c>
      <c r="D1974" s="8">
        <v>17.470821681</v>
      </c>
    </row>
    <row r="1975" spans="1:4" x14ac:dyDescent="0.3">
      <c r="A1975" s="6">
        <v>45068</v>
      </c>
      <c r="B1975" s="8">
        <v>82.905728288999995</v>
      </c>
      <c r="C1975" s="8">
        <v>29.413145320000002</v>
      </c>
      <c r="D1975" s="8">
        <v>17.484869360000001</v>
      </c>
    </row>
    <row r="1976" spans="1:4" x14ac:dyDescent="0.3">
      <c r="A1976" s="6">
        <v>45069</v>
      </c>
      <c r="B1976" s="8">
        <v>82.949208885000004</v>
      </c>
      <c r="C1976" s="8">
        <v>29.297607147000001</v>
      </c>
      <c r="D1976" s="8">
        <v>17.435112685</v>
      </c>
    </row>
    <row r="1977" spans="1:4" x14ac:dyDescent="0.3">
      <c r="A1977" s="6">
        <v>45070</v>
      </c>
      <c r="B1977" s="8">
        <v>83.013573949999994</v>
      </c>
      <c r="C1977" s="8">
        <v>29.159242313</v>
      </c>
      <c r="D1977" s="8">
        <v>17.363939167000002</v>
      </c>
    </row>
    <row r="1978" spans="1:4" x14ac:dyDescent="0.3">
      <c r="A1978" s="6">
        <v>45071</v>
      </c>
      <c r="B1978" s="8">
        <v>83.049248000000006</v>
      </c>
      <c r="C1978" s="8">
        <v>28.941549928000001</v>
      </c>
      <c r="D1978" s="8">
        <v>17.275464949</v>
      </c>
    </row>
    <row r="1979" spans="1:4" x14ac:dyDescent="0.3">
      <c r="A1979" s="6">
        <v>45072</v>
      </c>
      <c r="B1979" s="8">
        <v>83.063200195999997</v>
      </c>
      <c r="C1979" s="8">
        <v>28.872556088</v>
      </c>
      <c r="D1979" s="8">
        <v>17.248596513999999</v>
      </c>
    </row>
    <row r="1980" spans="1:4" x14ac:dyDescent="0.3">
      <c r="A1980" s="6">
        <v>45073</v>
      </c>
      <c r="B1980" s="8">
        <v>83.098239535000005</v>
      </c>
      <c r="C1980" s="8">
        <v>28.895224890000001</v>
      </c>
      <c r="D1980" s="8">
        <v>17.228275360000001</v>
      </c>
    </row>
    <row r="1981" spans="1:4" x14ac:dyDescent="0.3">
      <c r="A1981" s="6">
        <v>45074</v>
      </c>
      <c r="B1981" s="8">
        <v>83.103239529000007</v>
      </c>
      <c r="C1981" s="8">
        <v>28.872583112000001</v>
      </c>
      <c r="D1981" s="8">
        <v>17.244621233</v>
      </c>
    </row>
    <row r="1982" spans="1:4" x14ac:dyDescent="0.3">
      <c r="A1982" s="6">
        <v>45075</v>
      </c>
      <c r="B1982" s="8">
        <v>83.103239529000007</v>
      </c>
      <c r="C1982" s="8">
        <v>28.850915125</v>
      </c>
      <c r="D1982" s="8">
        <v>17.250532660000001</v>
      </c>
    </row>
    <row r="1983" spans="1:4" x14ac:dyDescent="0.3">
      <c r="A1983" s="6">
        <v>45076</v>
      </c>
      <c r="B1983" s="8">
        <v>83.118939764999993</v>
      </c>
      <c r="C1983" s="8">
        <v>28.89549564</v>
      </c>
      <c r="D1983" s="8">
        <v>17.290322251999999</v>
      </c>
    </row>
    <row r="1984" spans="1:4" x14ac:dyDescent="0.3">
      <c r="A1984" s="6">
        <v>45077</v>
      </c>
      <c r="B1984" s="8">
        <v>83.160474162</v>
      </c>
      <c r="C1984" s="8">
        <v>28.822973055999999</v>
      </c>
      <c r="D1984" s="8">
        <v>17.267699923999999</v>
      </c>
    </row>
    <row r="1985" spans="1:4" x14ac:dyDescent="0.3">
      <c r="A1985" s="6">
        <v>45078</v>
      </c>
      <c r="B1985" s="8">
        <v>83.198487627000006</v>
      </c>
      <c r="C1985" s="8">
        <v>28.665011224000001</v>
      </c>
      <c r="D1985" s="8">
        <v>17.211657701</v>
      </c>
    </row>
    <row r="1986" spans="1:4" x14ac:dyDescent="0.3">
      <c r="A1986" s="6">
        <v>45079</v>
      </c>
      <c r="B1986" s="8">
        <v>83.225841345999996</v>
      </c>
      <c r="C1986" s="8">
        <v>28.740695806000002</v>
      </c>
      <c r="D1986" s="8">
        <v>17.162612652</v>
      </c>
    </row>
    <row r="1987" spans="1:4" x14ac:dyDescent="0.3">
      <c r="A1987" s="6">
        <v>45080</v>
      </c>
      <c r="B1987" s="8">
        <v>83.128645073000001</v>
      </c>
      <c r="C1987" s="8">
        <v>28.776788278000001</v>
      </c>
      <c r="D1987" s="8">
        <v>17.135914714999998</v>
      </c>
    </row>
    <row r="1988" spans="1:4" x14ac:dyDescent="0.3">
      <c r="A1988" s="6">
        <v>45081</v>
      </c>
      <c r="B1988" s="8">
        <v>83.133645068000007</v>
      </c>
      <c r="C1988" s="8">
        <v>28.766911373999999</v>
      </c>
      <c r="D1988" s="8">
        <v>17.132438101000002</v>
      </c>
    </row>
    <row r="1989" spans="1:4" x14ac:dyDescent="0.3">
      <c r="A1989" s="6">
        <v>45082</v>
      </c>
      <c r="B1989" s="8">
        <v>83.138645060000002</v>
      </c>
      <c r="C1989" s="8">
        <v>28.770478585999999</v>
      </c>
      <c r="D1989" s="8">
        <v>17.131929168999999</v>
      </c>
    </row>
    <row r="1990" spans="1:4" x14ac:dyDescent="0.3">
      <c r="A1990" s="6">
        <v>45083</v>
      </c>
      <c r="B1990" s="8">
        <v>83.195143056999996</v>
      </c>
      <c r="C1990" s="8">
        <v>28.690969178</v>
      </c>
      <c r="D1990" s="8">
        <v>17.072728622</v>
      </c>
    </row>
    <row r="1991" spans="1:4" x14ac:dyDescent="0.3">
      <c r="A1991" s="6">
        <v>45084</v>
      </c>
      <c r="B1991" s="8">
        <v>83.266980941</v>
      </c>
      <c r="C1991" s="8">
        <v>28.537436828000001</v>
      </c>
      <c r="D1991" s="8">
        <v>16.980214112999999</v>
      </c>
    </row>
    <row r="1992" spans="1:4" x14ac:dyDescent="0.3">
      <c r="A1992" s="6">
        <v>45085</v>
      </c>
      <c r="B1992" s="8">
        <v>83.277591266000002</v>
      </c>
      <c r="C1992" s="8">
        <v>28.38868862</v>
      </c>
      <c r="D1992" s="8">
        <v>16.886030157</v>
      </c>
    </row>
    <row r="1993" spans="1:4" x14ac:dyDescent="0.3">
      <c r="A1993" s="6">
        <v>45086</v>
      </c>
      <c r="B1993" s="8">
        <v>83.297749826</v>
      </c>
      <c r="C1993" s="8">
        <v>28.288057736999999</v>
      </c>
      <c r="D1993" s="8">
        <v>16.857790137999999</v>
      </c>
    </row>
    <row r="1994" spans="1:4" x14ac:dyDescent="0.3">
      <c r="A1994" s="6">
        <v>45087</v>
      </c>
      <c r="B1994" s="8">
        <v>83.332664063999999</v>
      </c>
      <c r="C1994" s="8">
        <v>28.120319455000001</v>
      </c>
      <c r="D1994" s="8">
        <v>16.695803830999999</v>
      </c>
    </row>
    <row r="1995" spans="1:4" x14ac:dyDescent="0.3">
      <c r="A1995" s="6">
        <v>45088</v>
      </c>
      <c r="B1995" s="8">
        <v>83.343664056999998</v>
      </c>
      <c r="C1995" s="8">
        <v>28.181539134000001</v>
      </c>
      <c r="D1995" s="8">
        <v>16.690363672</v>
      </c>
    </row>
    <row r="1996" spans="1:4" x14ac:dyDescent="0.3">
      <c r="A1996" s="6">
        <v>45089</v>
      </c>
      <c r="B1996" s="8">
        <v>83.348664056999993</v>
      </c>
      <c r="C1996" s="8">
        <v>28.202990012000001</v>
      </c>
      <c r="D1996" s="8">
        <v>16.662560819999999</v>
      </c>
    </row>
    <row r="1997" spans="1:4" x14ac:dyDescent="0.3">
      <c r="A1997" s="6">
        <v>45090</v>
      </c>
      <c r="B1997" s="8">
        <v>83.478930155</v>
      </c>
      <c r="C1997" s="8">
        <v>28.118370623000001</v>
      </c>
      <c r="D1997" s="8">
        <v>16.462086666000001</v>
      </c>
    </row>
    <row r="1998" spans="1:4" x14ac:dyDescent="0.3">
      <c r="A1998" s="6">
        <v>45091</v>
      </c>
      <c r="B1998" s="8">
        <v>83.505217923999993</v>
      </c>
      <c r="C1998" s="8">
        <v>27.986919455999999</v>
      </c>
      <c r="D1998" s="8">
        <v>16.375789532999999</v>
      </c>
    </row>
    <row r="1999" spans="1:4" x14ac:dyDescent="0.3">
      <c r="A1999" s="6">
        <v>45092</v>
      </c>
      <c r="B1999" s="8">
        <v>83.539459054000005</v>
      </c>
      <c r="C1999" s="8">
        <v>27.888345407999999</v>
      </c>
      <c r="D1999" s="8">
        <v>16.25795505</v>
      </c>
    </row>
    <row r="2000" spans="1:4" x14ac:dyDescent="0.3">
      <c r="A2000" s="6">
        <v>45093</v>
      </c>
      <c r="B2000" s="8">
        <v>83.544985808000007</v>
      </c>
      <c r="C2000" s="8">
        <v>28.004076313999999</v>
      </c>
      <c r="D2000" s="8">
        <v>17.111841385999998</v>
      </c>
    </row>
    <row r="2001" spans="1:4" x14ac:dyDescent="0.3">
      <c r="A2001" s="6">
        <v>45094</v>
      </c>
      <c r="B2001" s="8">
        <v>83.549735056000003</v>
      </c>
      <c r="C2001" s="8">
        <v>28.145000250999999</v>
      </c>
      <c r="D2001" s="8">
        <v>17.000135966999999</v>
      </c>
    </row>
    <row r="2002" spans="1:4" x14ac:dyDescent="0.3">
      <c r="A2002" s="6">
        <v>45095</v>
      </c>
      <c r="B2002" s="8">
        <v>83.156027042000005</v>
      </c>
      <c r="C2002" s="8">
        <v>28.140675824999999</v>
      </c>
      <c r="D2002" s="8">
        <v>17.017809994</v>
      </c>
    </row>
    <row r="2003" spans="1:4" x14ac:dyDescent="0.3">
      <c r="A2003" s="6">
        <v>45096</v>
      </c>
      <c r="B2003" s="8">
        <v>83.156027042000005</v>
      </c>
      <c r="C2003" s="8">
        <v>28.130413959999998</v>
      </c>
      <c r="D2003" s="8">
        <v>17.029620834999999</v>
      </c>
    </row>
    <row r="2004" spans="1:4" x14ac:dyDescent="0.3">
      <c r="A2004" s="6">
        <v>45097</v>
      </c>
      <c r="B2004" s="8">
        <v>83.159185882000003</v>
      </c>
      <c r="C2004" s="8">
        <v>28.249176070000001</v>
      </c>
      <c r="D2004" s="8">
        <v>17.089935947000001</v>
      </c>
    </row>
    <row r="2005" spans="1:4" x14ac:dyDescent="0.3">
      <c r="A2005" s="6">
        <v>45098</v>
      </c>
      <c r="B2005" s="8">
        <v>83.166935124999995</v>
      </c>
      <c r="C2005" s="8">
        <v>28.346860715999998</v>
      </c>
      <c r="D2005" s="8">
        <v>17.101671333999999</v>
      </c>
    </row>
    <row r="2006" spans="1:4" x14ac:dyDescent="0.3">
      <c r="A2006" s="6">
        <v>45099</v>
      </c>
      <c r="B2006" s="8">
        <v>83.174169305999996</v>
      </c>
      <c r="C2006" s="8">
        <v>28.232880812000001</v>
      </c>
      <c r="D2006" s="8">
        <v>17.078777220999999</v>
      </c>
    </row>
    <row r="2007" spans="1:4" x14ac:dyDescent="0.3">
      <c r="A2007" s="6">
        <v>45100</v>
      </c>
      <c r="B2007" s="8">
        <v>83.184169316999999</v>
      </c>
      <c r="C2007" s="8">
        <v>28.206917825000001</v>
      </c>
      <c r="D2007" s="8">
        <v>17.177819611</v>
      </c>
    </row>
    <row r="2008" spans="1:4" x14ac:dyDescent="0.3">
      <c r="A2008" s="6">
        <v>45101</v>
      </c>
      <c r="B2008" s="8">
        <v>83.184169316999999</v>
      </c>
      <c r="C2008" s="8">
        <v>28.211878779999999</v>
      </c>
      <c r="D2008" s="8">
        <v>17.176732126000001</v>
      </c>
    </row>
    <row r="2009" spans="1:4" x14ac:dyDescent="0.3">
      <c r="A2009" s="6">
        <v>45102</v>
      </c>
      <c r="B2009" s="8">
        <v>83.189169316999994</v>
      </c>
      <c r="C2009" s="8">
        <v>28.223195844999999</v>
      </c>
      <c r="D2009" s="8">
        <v>17.182401119000001</v>
      </c>
    </row>
    <row r="2010" spans="1:4" x14ac:dyDescent="0.3">
      <c r="A2010" s="6">
        <v>45103</v>
      </c>
      <c r="B2010" s="8">
        <v>83.194169312</v>
      </c>
      <c r="C2010" s="8">
        <v>28.224054249999998</v>
      </c>
      <c r="D2010" s="8">
        <v>17.175058921000002</v>
      </c>
    </row>
    <row r="2011" spans="1:4" x14ac:dyDescent="0.3">
      <c r="A2011" s="6">
        <v>45104</v>
      </c>
      <c r="B2011" s="8">
        <v>83.216257483999996</v>
      </c>
      <c r="C2011" s="8">
        <v>28.1273749</v>
      </c>
      <c r="D2011" s="8">
        <v>17.128584780000001</v>
      </c>
    </row>
    <row r="2012" spans="1:4" x14ac:dyDescent="0.3">
      <c r="A2012" s="6">
        <v>45105</v>
      </c>
      <c r="B2012" s="8">
        <v>83.222640433999999</v>
      </c>
      <c r="C2012" s="8">
        <v>27.979425218999999</v>
      </c>
      <c r="D2012" s="8">
        <v>17.097349143999999</v>
      </c>
    </row>
    <row r="2013" spans="1:4" x14ac:dyDescent="0.3">
      <c r="A2013" s="6">
        <v>45106</v>
      </c>
      <c r="B2013" s="8">
        <v>83.307731669000006</v>
      </c>
      <c r="C2013" s="8">
        <v>27.866383227</v>
      </c>
      <c r="D2013" s="8">
        <v>16.967540076999999</v>
      </c>
    </row>
    <row r="2014" spans="1:4" x14ac:dyDescent="0.3">
      <c r="A2014" s="6">
        <v>45107</v>
      </c>
      <c r="B2014" s="8">
        <v>83.359863360000006</v>
      </c>
      <c r="C2014" s="8">
        <v>27.724620748</v>
      </c>
      <c r="D2014" s="8">
        <v>16.957054142</v>
      </c>
    </row>
    <row r="2015" spans="1:4" x14ac:dyDescent="0.3">
      <c r="A2015" s="6">
        <v>45108</v>
      </c>
      <c r="B2015" s="8">
        <v>83.320859006000006</v>
      </c>
      <c r="C2015" s="8">
        <v>27.132925413999999</v>
      </c>
      <c r="D2015" s="8">
        <v>16.925246318999999</v>
      </c>
    </row>
    <row r="2016" spans="1:4" x14ac:dyDescent="0.3">
      <c r="A2016" s="6">
        <v>45109</v>
      </c>
      <c r="B2016" s="8">
        <v>83.320859006000006</v>
      </c>
      <c r="C2016" s="8">
        <v>27.152516862999999</v>
      </c>
      <c r="D2016" s="8">
        <v>16.931718506999999</v>
      </c>
    </row>
    <row r="2017" spans="1:4" x14ac:dyDescent="0.3">
      <c r="A2017" s="6">
        <v>45110</v>
      </c>
      <c r="B2017" s="8">
        <v>83.320859006000006</v>
      </c>
      <c r="C2017" s="8">
        <v>27.157152928999999</v>
      </c>
      <c r="D2017" s="8">
        <v>16.930938879999999</v>
      </c>
    </row>
    <row r="2018" spans="1:4" x14ac:dyDescent="0.3">
      <c r="A2018" s="6">
        <v>45111</v>
      </c>
      <c r="B2018" s="8">
        <v>83.331873579000003</v>
      </c>
      <c r="C2018" s="8">
        <v>27.438030473000001</v>
      </c>
      <c r="D2018" s="8">
        <v>16.846701881000001</v>
      </c>
    </row>
    <row r="2019" spans="1:4" x14ac:dyDescent="0.3">
      <c r="A2019" s="6">
        <v>45112</v>
      </c>
      <c r="B2019" s="8">
        <v>83.333734067999998</v>
      </c>
      <c r="C2019" s="8">
        <v>27.468737485999998</v>
      </c>
      <c r="D2019" s="8">
        <v>16.904540957999998</v>
      </c>
    </row>
    <row r="2020" spans="1:4" x14ac:dyDescent="0.3">
      <c r="A2020" s="6">
        <v>45113</v>
      </c>
      <c r="B2020" s="8">
        <v>83.334004999000001</v>
      </c>
      <c r="C2020" s="8">
        <v>27.415757730999999</v>
      </c>
      <c r="D2020" s="8">
        <v>16.843614655</v>
      </c>
    </row>
    <row r="2021" spans="1:4" x14ac:dyDescent="0.3">
      <c r="A2021" s="6">
        <v>45114</v>
      </c>
      <c r="B2021" s="8">
        <v>83.334319952000001</v>
      </c>
      <c r="C2021" s="8">
        <v>27.272490403999999</v>
      </c>
      <c r="D2021" s="8">
        <v>16.578438383000002</v>
      </c>
    </row>
    <row r="2022" spans="1:4" x14ac:dyDescent="0.3">
      <c r="A2022" s="6">
        <v>45115</v>
      </c>
      <c r="B2022" s="8">
        <v>83.337768992999997</v>
      </c>
      <c r="C2022" s="8">
        <v>27.213544329000001</v>
      </c>
      <c r="D2022" s="8">
        <v>16.474179858999999</v>
      </c>
    </row>
    <row r="2023" spans="1:4" x14ac:dyDescent="0.3">
      <c r="A2023" s="6">
        <v>45116</v>
      </c>
      <c r="B2023" s="8">
        <v>83.337768983000004</v>
      </c>
      <c r="C2023" s="8">
        <v>27.211802158000001</v>
      </c>
      <c r="D2023" s="8">
        <v>16.585902939</v>
      </c>
    </row>
    <row r="2024" spans="1:4" x14ac:dyDescent="0.3">
      <c r="A2024" s="6">
        <v>45117</v>
      </c>
      <c r="B2024" s="8">
        <v>83.329868982999997</v>
      </c>
      <c r="C2024" s="8">
        <v>27.216440803000001</v>
      </c>
      <c r="D2024" s="8">
        <v>16.584608045</v>
      </c>
    </row>
    <row r="2025" spans="1:4" x14ac:dyDescent="0.3">
      <c r="A2025" s="6">
        <v>45118</v>
      </c>
      <c r="B2025" s="8">
        <v>83.328289818000002</v>
      </c>
      <c r="C2025" s="8">
        <v>27.109264131</v>
      </c>
      <c r="D2025" s="8">
        <v>16.522179681000001</v>
      </c>
    </row>
    <row r="2026" spans="1:4" x14ac:dyDescent="0.3">
      <c r="A2026" s="6">
        <v>45119</v>
      </c>
      <c r="B2026" s="8">
        <v>83.352634014000003</v>
      </c>
      <c r="C2026" s="8">
        <v>27.060818639000001</v>
      </c>
      <c r="D2026" s="8">
        <v>16.396958817000002</v>
      </c>
    </row>
    <row r="2027" spans="1:4" x14ac:dyDescent="0.3">
      <c r="A2027" s="6">
        <v>45120</v>
      </c>
      <c r="B2027" s="8">
        <v>83.357216574000006</v>
      </c>
      <c r="C2027" s="8">
        <v>26.988918817999998</v>
      </c>
      <c r="D2027" s="8">
        <v>16.305487292999999</v>
      </c>
    </row>
    <row r="2028" spans="1:4" x14ac:dyDescent="0.3">
      <c r="A2028" s="6">
        <v>45121</v>
      </c>
      <c r="B2028" s="8">
        <v>83.413240012000003</v>
      </c>
      <c r="C2028" s="8">
        <v>27.155801116999999</v>
      </c>
      <c r="D2028" s="8">
        <v>16.251458750000001</v>
      </c>
    </row>
    <row r="2029" spans="1:4" x14ac:dyDescent="0.3">
      <c r="A2029" s="6">
        <v>45122</v>
      </c>
      <c r="B2029" s="8">
        <v>83.593002992999999</v>
      </c>
      <c r="C2029" s="8">
        <v>27.016341485000002</v>
      </c>
      <c r="D2029" s="8">
        <v>16.242264214999999</v>
      </c>
    </row>
    <row r="2030" spans="1:4" x14ac:dyDescent="0.3">
      <c r="A2030" s="6">
        <v>45123</v>
      </c>
      <c r="B2030" s="8">
        <v>83.617525940999997</v>
      </c>
      <c r="C2030" s="8">
        <v>27.025204610999999</v>
      </c>
      <c r="D2030" s="8">
        <v>16.252893048000001</v>
      </c>
    </row>
    <row r="2031" spans="1:4" x14ac:dyDescent="0.3">
      <c r="A2031" s="6">
        <v>45124</v>
      </c>
      <c r="B2031" s="8">
        <v>83.628525929999995</v>
      </c>
      <c r="C2031" s="8">
        <v>27.045950391000002</v>
      </c>
      <c r="D2031" s="8">
        <v>16.245564811000001</v>
      </c>
    </row>
    <row r="2032" spans="1:4" x14ac:dyDescent="0.3">
      <c r="A2032" s="6">
        <v>45125</v>
      </c>
      <c r="B2032" s="8">
        <v>83.729629318999997</v>
      </c>
      <c r="C2032" s="8">
        <v>26.816244126000001</v>
      </c>
      <c r="D2032" s="8">
        <v>16.196625651000002</v>
      </c>
    </row>
    <row r="2033" spans="1:4" x14ac:dyDescent="0.3">
      <c r="A2033" s="6">
        <v>45126</v>
      </c>
      <c r="B2033" s="8">
        <v>83.784430444999998</v>
      </c>
      <c r="C2033" s="8">
        <v>26.746754219</v>
      </c>
      <c r="D2033" s="8">
        <v>16.115292448999998</v>
      </c>
    </row>
    <row r="2034" spans="1:4" x14ac:dyDescent="0.3">
      <c r="A2034" s="6">
        <v>45127</v>
      </c>
      <c r="B2034" s="8">
        <v>83.754595772000002</v>
      </c>
      <c r="C2034" s="8">
        <v>26.634551828999999</v>
      </c>
      <c r="D2034" s="8">
        <v>16.050150981000002</v>
      </c>
    </row>
    <row r="2035" spans="1:4" x14ac:dyDescent="0.3">
      <c r="A2035" s="6">
        <v>45128</v>
      </c>
      <c r="B2035" s="8">
        <v>83.798446906999999</v>
      </c>
      <c r="C2035" s="8">
        <v>26.582269438000001</v>
      </c>
      <c r="D2035" s="8">
        <v>15.99002262</v>
      </c>
    </row>
    <row r="2036" spans="1:4" x14ac:dyDescent="0.3">
      <c r="A2036" s="6">
        <v>45129</v>
      </c>
      <c r="B2036" s="8">
        <v>83.775338993999995</v>
      </c>
      <c r="C2036" s="8">
        <v>26.534110284</v>
      </c>
      <c r="D2036" s="8">
        <v>15.902588022</v>
      </c>
    </row>
    <row r="2037" spans="1:4" x14ac:dyDescent="0.3">
      <c r="A2037" s="6">
        <v>45130</v>
      </c>
      <c r="B2037" s="8">
        <v>83.780338989000001</v>
      </c>
      <c r="C2037" s="8">
        <v>26.526966073000001</v>
      </c>
      <c r="D2037" s="8">
        <v>15.815178595000001</v>
      </c>
    </row>
    <row r="2038" spans="1:4" x14ac:dyDescent="0.3">
      <c r="A2038" s="6">
        <v>45131</v>
      </c>
      <c r="B2038" s="8">
        <v>83.780338989000001</v>
      </c>
      <c r="C2038" s="8">
        <v>26.519666418</v>
      </c>
      <c r="D2038" s="8">
        <v>15.801271716</v>
      </c>
    </row>
    <row r="2039" spans="1:4" x14ac:dyDescent="0.3">
      <c r="A2039" s="6">
        <v>45132</v>
      </c>
      <c r="B2039" s="8">
        <v>83.788525522</v>
      </c>
      <c r="C2039" s="8">
        <v>26.397964508000001</v>
      </c>
      <c r="D2039" s="8">
        <v>15.740570738000001</v>
      </c>
    </row>
    <row r="2040" spans="1:4" x14ac:dyDescent="0.3">
      <c r="A2040" s="6">
        <v>45133</v>
      </c>
      <c r="B2040" s="8">
        <v>83.789146039000002</v>
      </c>
      <c r="C2040" s="8">
        <v>26.322031148000001</v>
      </c>
      <c r="D2040" s="8">
        <v>15.716658179</v>
      </c>
    </row>
    <row r="2041" spans="1:4" x14ac:dyDescent="0.3">
      <c r="A2041" s="6">
        <v>45134</v>
      </c>
      <c r="B2041" s="8">
        <v>83.794928377000005</v>
      </c>
      <c r="C2041" s="8">
        <v>26.233307648</v>
      </c>
      <c r="D2041" s="8">
        <v>15.679256004999999</v>
      </c>
    </row>
    <row r="2042" spans="1:4" x14ac:dyDescent="0.3">
      <c r="A2042" s="6">
        <v>45135</v>
      </c>
      <c r="B2042" s="8">
        <v>83.800932183</v>
      </c>
      <c r="C2042" s="8">
        <v>26.251972715000001</v>
      </c>
      <c r="D2042" s="8">
        <v>15.576795542999999</v>
      </c>
    </row>
    <row r="2043" spans="1:4" x14ac:dyDescent="0.3">
      <c r="A2043" s="6">
        <v>45136</v>
      </c>
      <c r="B2043" s="8">
        <v>83.803836403000005</v>
      </c>
      <c r="C2043" s="8">
        <v>26.224182963000001</v>
      </c>
      <c r="D2043" s="8">
        <v>15.42731349</v>
      </c>
    </row>
    <row r="2044" spans="1:4" x14ac:dyDescent="0.3">
      <c r="A2044" s="6">
        <v>45137</v>
      </c>
      <c r="B2044" s="8">
        <v>83.803836403000005</v>
      </c>
      <c r="C2044" s="8">
        <v>26.262929509999999</v>
      </c>
      <c r="D2044" s="8">
        <v>15.680477688</v>
      </c>
    </row>
    <row r="2045" spans="1:4" x14ac:dyDescent="0.3">
      <c r="A2045" s="6">
        <v>45138</v>
      </c>
      <c r="B2045" s="8">
        <v>83.797285742</v>
      </c>
      <c r="C2045" s="8">
        <v>26.261362183999999</v>
      </c>
      <c r="D2045" s="8">
        <v>15.520969657</v>
      </c>
    </row>
    <row r="2046" spans="1:4" x14ac:dyDescent="0.3">
      <c r="A2046" s="6">
        <v>45139</v>
      </c>
      <c r="B2046" s="8">
        <v>83.873378188999993</v>
      </c>
      <c r="C2046" s="8">
        <v>26.195419435000002</v>
      </c>
      <c r="D2046" s="8">
        <v>15.453447410000001</v>
      </c>
    </row>
    <row r="2047" spans="1:4" x14ac:dyDescent="0.3">
      <c r="A2047" s="6">
        <v>45140</v>
      </c>
      <c r="B2047" s="8">
        <v>83.874617419000003</v>
      </c>
      <c r="C2047" s="8">
        <v>25.989002607</v>
      </c>
      <c r="D2047" s="8">
        <v>15.398892124</v>
      </c>
    </row>
    <row r="2048" spans="1:4" x14ac:dyDescent="0.3">
      <c r="A2048" s="6">
        <v>45141</v>
      </c>
      <c r="B2048" s="8">
        <v>83.876255947999994</v>
      </c>
      <c r="C2048" s="8">
        <v>25.864742745000001</v>
      </c>
      <c r="D2048" s="8">
        <v>15.372456006</v>
      </c>
    </row>
    <row r="2049" spans="1:4" x14ac:dyDescent="0.3">
      <c r="A2049" s="6">
        <v>45142</v>
      </c>
      <c r="B2049" s="8">
        <v>83.876255947999994</v>
      </c>
      <c r="C2049" s="8">
        <v>25.765219601999998</v>
      </c>
      <c r="D2049" s="8">
        <v>15.258481136</v>
      </c>
    </row>
    <row r="2050" spans="1:4" x14ac:dyDescent="0.3">
      <c r="A2050" s="6">
        <v>45143</v>
      </c>
      <c r="B2050" s="8">
        <v>83.881700967</v>
      </c>
      <c r="C2050" s="8">
        <v>25.690465626000002</v>
      </c>
      <c r="D2050" s="8">
        <v>15.186856404</v>
      </c>
    </row>
    <row r="2051" spans="1:4" x14ac:dyDescent="0.3">
      <c r="A2051" s="6">
        <v>45144</v>
      </c>
      <c r="B2051" s="8">
        <v>83.881700967</v>
      </c>
      <c r="C2051" s="8">
        <v>25.688180547999998</v>
      </c>
      <c r="D2051" s="8">
        <v>15.184209362000001</v>
      </c>
    </row>
    <row r="2052" spans="1:4" x14ac:dyDescent="0.3">
      <c r="A2052" s="6">
        <v>45145</v>
      </c>
      <c r="B2052" s="8">
        <v>83.881700967</v>
      </c>
      <c r="C2052" s="8">
        <v>25.686797963</v>
      </c>
      <c r="D2052" s="8">
        <v>15.210236403</v>
      </c>
    </row>
    <row r="2053" spans="1:4" x14ac:dyDescent="0.3">
      <c r="A2053" s="6">
        <v>45146</v>
      </c>
      <c r="B2053" s="8">
        <v>83.557764340000006</v>
      </c>
      <c r="C2053" s="8">
        <v>25.811578349000001</v>
      </c>
      <c r="D2053" s="8">
        <v>15.214659446000001</v>
      </c>
    </row>
    <row r="2054" spans="1:4" x14ac:dyDescent="0.3">
      <c r="A2054" s="6">
        <v>45147</v>
      </c>
      <c r="B2054" s="8">
        <v>83.511223881999996</v>
      </c>
      <c r="C2054" s="8">
        <v>25.95640843</v>
      </c>
      <c r="D2054" s="8">
        <v>15.235567851000001</v>
      </c>
    </row>
    <row r="2055" spans="1:4" x14ac:dyDescent="0.3">
      <c r="A2055" s="6">
        <v>45148</v>
      </c>
      <c r="B2055" s="8">
        <v>83.512053051999999</v>
      </c>
      <c r="C2055" s="8">
        <v>25.945179045</v>
      </c>
      <c r="D2055" s="8">
        <v>15.252095428000001</v>
      </c>
    </row>
    <row r="2056" spans="1:4" x14ac:dyDescent="0.3">
      <c r="A2056" s="6">
        <v>45149</v>
      </c>
      <c r="B2056" s="8">
        <v>83.512552526999997</v>
      </c>
      <c r="C2056" s="8">
        <v>25.815464791</v>
      </c>
      <c r="D2056" s="8">
        <v>15.170711047999999</v>
      </c>
    </row>
    <row r="2057" spans="1:4" x14ac:dyDescent="0.3">
      <c r="A2057" s="6">
        <v>45150</v>
      </c>
      <c r="B2057" s="8">
        <v>83.387991626000002</v>
      </c>
      <c r="C2057" s="8">
        <v>25.782353613000002</v>
      </c>
      <c r="D2057" s="8">
        <v>15.134839265</v>
      </c>
    </row>
    <row r="2058" spans="1:4" x14ac:dyDescent="0.3">
      <c r="A2058" s="6">
        <v>45151</v>
      </c>
      <c r="B2058" s="8">
        <v>83.387991626000002</v>
      </c>
      <c r="C2058" s="8">
        <v>25.823761081000001</v>
      </c>
      <c r="D2058" s="8">
        <v>15.181653995</v>
      </c>
    </row>
    <row r="2059" spans="1:4" x14ac:dyDescent="0.3">
      <c r="A2059" s="6">
        <v>45152</v>
      </c>
      <c r="B2059" s="8">
        <v>83.387991626000002</v>
      </c>
      <c r="C2059" s="8">
        <v>25.853211025</v>
      </c>
      <c r="D2059" s="8">
        <v>15.161009022</v>
      </c>
    </row>
    <row r="2060" spans="1:4" x14ac:dyDescent="0.3">
      <c r="A2060" s="6">
        <v>45153</v>
      </c>
      <c r="B2060" s="8">
        <v>83.389050706999996</v>
      </c>
      <c r="C2060" s="8">
        <v>25.662906710000001</v>
      </c>
      <c r="D2060" s="8">
        <v>14.94806309</v>
      </c>
    </row>
    <row r="2061" spans="1:4" x14ac:dyDescent="0.3">
      <c r="A2061" s="6">
        <v>45154</v>
      </c>
      <c r="B2061" s="8">
        <v>83.159126422</v>
      </c>
      <c r="C2061" s="8">
        <v>25.7039671</v>
      </c>
      <c r="D2061" s="8">
        <v>14.867346526</v>
      </c>
    </row>
    <row r="2062" spans="1:4" x14ac:dyDescent="0.3">
      <c r="A2062" s="6">
        <v>45155</v>
      </c>
      <c r="B2062" s="8">
        <v>82.994370395000004</v>
      </c>
      <c r="C2062" s="8">
        <v>25.742157858999999</v>
      </c>
      <c r="D2062" s="8">
        <v>14.832893869999999</v>
      </c>
    </row>
    <row r="2063" spans="1:4" x14ac:dyDescent="0.3">
      <c r="A2063" s="6">
        <v>45156</v>
      </c>
      <c r="B2063" s="8">
        <v>82.819461935000007</v>
      </c>
      <c r="C2063" s="8">
        <v>25.790323246</v>
      </c>
      <c r="D2063" s="8">
        <v>14.792643234</v>
      </c>
    </row>
    <row r="2064" spans="1:4" x14ac:dyDescent="0.3">
      <c r="A2064" s="6">
        <v>45157</v>
      </c>
      <c r="B2064" s="8">
        <v>82.823608781999994</v>
      </c>
      <c r="C2064" s="8">
        <v>25.457553059999999</v>
      </c>
      <c r="D2064" s="8">
        <v>14.753024867000001</v>
      </c>
    </row>
    <row r="2065" spans="1:4" x14ac:dyDescent="0.3">
      <c r="A2065" s="6">
        <v>45158</v>
      </c>
      <c r="B2065" s="8">
        <v>82.823608781999994</v>
      </c>
      <c r="C2065" s="8">
        <v>25.644378206999999</v>
      </c>
      <c r="D2065" s="8">
        <v>14.763939289</v>
      </c>
    </row>
    <row r="2066" spans="1:4" x14ac:dyDescent="0.3">
      <c r="A2066" s="6">
        <v>45159</v>
      </c>
      <c r="B2066" s="8">
        <v>82.823608781999994</v>
      </c>
      <c r="C2066" s="8">
        <v>25.649020295</v>
      </c>
      <c r="D2066" s="8">
        <v>14.808634609</v>
      </c>
    </row>
    <row r="2067" spans="1:4" x14ac:dyDescent="0.3">
      <c r="A2067" s="6">
        <v>45160</v>
      </c>
      <c r="B2067" s="8">
        <v>82.826097691000001</v>
      </c>
      <c r="C2067" s="8">
        <v>25.646447436999999</v>
      </c>
      <c r="D2067" s="8">
        <v>15.892317604</v>
      </c>
    </row>
    <row r="2068" spans="1:4" x14ac:dyDescent="0.3">
      <c r="A2068" s="6">
        <v>45161</v>
      </c>
      <c r="B2068" s="8">
        <v>82.832852958999993</v>
      </c>
      <c r="C2068" s="8">
        <v>25.592161638</v>
      </c>
      <c r="D2068" s="8">
        <v>15.860143858000001</v>
      </c>
    </row>
    <row r="2069" spans="1:4" x14ac:dyDescent="0.3">
      <c r="A2069" s="6">
        <v>45162</v>
      </c>
      <c r="B2069" s="8">
        <v>82.822901509000005</v>
      </c>
      <c r="C2069" s="8">
        <v>25.680714466000001</v>
      </c>
      <c r="D2069" s="8">
        <v>15.776653403999999</v>
      </c>
    </row>
    <row r="2070" spans="1:4" x14ac:dyDescent="0.3">
      <c r="A2070" s="6">
        <v>45163</v>
      </c>
      <c r="B2070" s="8">
        <v>82.826258267</v>
      </c>
      <c r="C2070" s="8">
        <v>25.569315468999999</v>
      </c>
      <c r="D2070" s="8">
        <v>15.986715440999999</v>
      </c>
    </row>
    <row r="2071" spans="1:4" x14ac:dyDescent="0.3">
      <c r="A2071" s="6">
        <v>45164</v>
      </c>
      <c r="B2071" s="8">
        <v>82.828725797000004</v>
      </c>
      <c r="C2071" s="8">
        <v>25.635926640000001</v>
      </c>
      <c r="D2071" s="8">
        <v>15.952333823</v>
      </c>
    </row>
    <row r="2072" spans="1:4" x14ac:dyDescent="0.3">
      <c r="A2072" s="6">
        <v>45165</v>
      </c>
      <c r="B2072" s="8">
        <v>82.828725797000004</v>
      </c>
      <c r="C2072" s="8">
        <v>25.688679094000001</v>
      </c>
      <c r="D2072" s="8">
        <v>15.984325648</v>
      </c>
    </row>
    <row r="2073" spans="1:4" x14ac:dyDescent="0.3">
      <c r="A2073" s="6">
        <v>45166</v>
      </c>
      <c r="B2073" s="8">
        <v>82.828725797000004</v>
      </c>
      <c r="C2073" s="8">
        <v>25.746763037000001</v>
      </c>
      <c r="D2073" s="8">
        <v>16.010171254999999</v>
      </c>
    </row>
    <row r="2074" spans="1:4" x14ac:dyDescent="0.3">
      <c r="A2074" s="6">
        <v>45167</v>
      </c>
      <c r="B2074" s="8">
        <v>82.835281925000004</v>
      </c>
      <c r="C2074" s="8">
        <v>25.733184247000001</v>
      </c>
      <c r="D2074" s="8">
        <v>16.069561177000001</v>
      </c>
    </row>
    <row r="2075" spans="1:4" x14ac:dyDescent="0.3">
      <c r="A2075" s="6">
        <v>45168</v>
      </c>
      <c r="B2075" s="8">
        <v>82.836705499000004</v>
      </c>
      <c r="C2075" s="8">
        <v>25.869198762</v>
      </c>
      <c r="D2075" s="8">
        <v>16.319039707999998</v>
      </c>
    </row>
    <row r="2076" spans="1:4" x14ac:dyDescent="0.3">
      <c r="A2076" s="6">
        <v>45169</v>
      </c>
      <c r="B2076" s="8">
        <v>82.839654049000004</v>
      </c>
      <c r="C2076" s="8">
        <v>25.827476368999999</v>
      </c>
      <c r="D2076" s="8">
        <v>16.504932977999999</v>
      </c>
    </row>
    <row r="2077" spans="1:4" x14ac:dyDescent="0.3">
      <c r="A2077" s="6">
        <v>45170</v>
      </c>
      <c r="B2077" s="8">
        <v>82.845642166999994</v>
      </c>
      <c r="C2077" s="8">
        <v>25.914941129999999</v>
      </c>
      <c r="D2077" s="8">
        <v>16.504113912000001</v>
      </c>
    </row>
    <row r="2078" spans="1:4" x14ac:dyDescent="0.3">
      <c r="A2078" s="6">
        <v>45171</v>
      </c>
      <c r="B2078" s="8">
        <v>82.877292011999998</v>
      </c>
      <c r="C2078" s="8">
        <v>25.857627494999999</v>
      </c>
      <c r="D2078" s="8">
        <v>16.400272472000001</v>
      </c>
    </row>
    <row r="2079" spans="1:4" x14ac:dyDescent="0.3">
      <c r="A2079" s="6">
        <v>45172</v>
      </c>
      <c r="B2079" s="8">
        <v>82.877292011999998</v>
      </c>
      <c r="C2079" s="8">
        <v>25.870674648000001</v>
      </c>
      <c r="D2079" s="8">
        <v>16.397380297000002</v>
      </c>
    </row>
    <row r="2080" spans="1:4" x14ac:dyDescent="0.3">
      <c r="A2080" s="6">
        <v>45173</v>
      </c>
      <c r="B2080" s="8">
        <v>82.877292011999998</v>
      </c>
      <c r="C2080" s="8">
        <v>25.916593491</v>
      </c>
      <c r="D2080" s="8">
        <v>16.397283603000002</v>
      </c>
    </row>
    <row r="2081" spans="1:4" x14ac:dyDescent="0.3">
      <c r="A2081" s="6">
        <v>45174</v>
      </c>
      <c r="B2081" s="8">
        <v>82.882641164999995</v>
      </c>
      <c r="C2081" s="8">
        <v>25.760615012999999</v>
      </c>
      <c r="D2081" s="8">
        <v>16.347297006000002</v>
      </c>
    </row>
    <row r="2082" spans="1:4" x14ac:dyDescent="0.3">
      <c r="A2082" s="6">
        <v>45175</v>
      </c>
      <c r="B2082" s="8">
        <v>82.885039763999998</v>
      </c>
      <c r="C2082" s="8">
        <v>25.596726928999999</v>
      </c>
      <c r="D2082" s="8">
        <v>15.996119776</v>
      </c>
    </row>
    <row r="2083" spans="1:4" x14ac:dyDescent="0.3">
      <c r="A2083" s="6">
        <v>45176</v>
      </c>
      <c r="B2083" s="8">
        <v>82.888307992999998</v>
      </c>
      <c r="C2083" s="8">
        <v>25.579952964</v>
      </c>
      <c r="D2083" s="8">
        <v>15.840023511</v>
      </c>
    </row>
    <row r="2084" spans="1:4" x14ac:dyDescent="0.3">
      <c r="A2084" s="6">
        <v>45177</v>
      </c>
      <c r="B2084" s="8">
        <v>82.890066232999999</v>
      </c>
      <c r="C2084" s="8">
        <v>25.419930515000001</v>
      </c>
      <c r="D2084" s="8">
        <v>15.780325911</v>
      </c>
    </row>
    <row r="2085" spans="1:4" x14ac:dyDescent="0.3">
      <c r="A2085" s="6">
        <v>45178</v>
      </c>
      <c r="B2085" s="8">
        <v>82.993370803000005</v>
      </c>
      <c r="C2085" s="8">
        <v>25.550154541000001</v>
      </c>
      <c r="D2085" s="8">
        <v>15.681471549999999</v>
      </c>
    </row>
    <row r="2086" spans="1:4" x14ac:dyDescent="0.3">
      <c r="A2086" s="6">
        <v>45179</v>
      </c>
      <c r="B2086" s="8">
        <v>82.993370803000005</v>
      </c>
      <c r="C2086" s="8">
        <v>25.580353049999999</v>
      </c>
      <c r="D2086" s="8">
        <v>15.699961124</v>
      </c>
    </row>
    <row r="2087" spans="1:4" x14ac:dyDescent="0.3">
      <c r="A2087" s="6">
        <v>45180</v>
      </c>
      <c r="B2087" s="8">
        <v>82.993370803000005</v>
      </c>
      <c r="C2087" s="8">
        <v>25.640222570999999</v>
      </c>
      <c r="D2087" s="8">
        <v>15.71115181</v>
      </c>
    </row>
    <row r="2088" spans="1:4" x14ac:dyDescent="0.3">
      <c r="A2088" s="6">
        <v>45181</v>
      </c>
      <c r="B2088" s="8">
        <v>83.003117902</v>
      </c>
      <c r="C2088" s="8">
        <v>25.571258531000002</v>
      </c>
      <c r="D2088" s="8">
        <v>15.653540053</v>
      </c>
    </row>
    <row r="2089" spans="1:4" x14ac:dyDescent="0.3">
      <c r="A2089" s="6">
        <v>45182</v>
      </c>
      <c r="B2089" s="8">
        <v>83.008854473</v>
      </c>
      <c r="C2089" s="8">
        <v>25.675045073</v>
      </c>
      <c r="D2089" s="8">
        <v>15.635529464999999</v>
      </c>
    </row>
    <row r="2090" spans="1:4" x14ac:dyDescent="0.3">
      <c r="A2090" s="6">
        <v>45183</v>
      </c>
      <c r="B2090" s="8">
        <v>83.011848204000003</v>
      </c>
      <c r="C2090" s="8">
        <v>25.714552942000001</v>
      </c>
      <c r="D2090" s="8">
        <v>15.637180952</v>
      </c>
    </row>
    <row r="2091" spans="1:4" x14ac:dyDescent="0.3">
      <c r="A2091" s="6">
        <v>45184</v>
      </c>
      <c r="B2091" s="8">
        <v>83.019048237000007</v>
      </c>
      <c r="C2091" s="8">
        <v>25.670470756</v>
      </c>
      <c r="D2091" s="8">
        <v>15.642338240999999</v>
      </c>
    </row>
    <row r="2092" spans="1:4" x14ac:dyDescent="0.3">
      <c r="A2092" s="6">
        <v>45185</v>
      </c>
      <c r="B2092" s="8">
        <v>83.019048236000003</v>
      </c>
      <c r="C2092" s="8">
        <v>25.612143583999998</v>
      </c>
      <c r="D2092" s="8">
        <v>15.580914330000001</v>
      </c>
    </row>
    <row r="2093" spans="1:4" x14ac:dyDescent="0.3">
      <c r="A2093" s="6">
        <v>45186</v>
      </c>
      <c r="B2093" s="8">
        <v>83.019048236000003</v>
      </c>
      <c r="C2093" s="8">
        <v>25.666974545999999</v>
      </c>
      <c r="D2093" s="8">
        <v>15.603470989</v>
      </c>
    </row>
    <row r="2094" spans="1:4" x14ac:dyDescent="0.3">
      <c r="A2094" s="6">
        <v>45187</v>
      </c>
      <c r="B2094" s="8">
        <v>83.019048236000003</v>
      </c>
      <c r="C2094" s="8">
        <v>25.671163378999999</v>
      </c>
      <c r="D2094" s="8">
        <v>15.636662335</v>
      </c>
    </row>
    <row r="2095" spans="1:4" x14ac:dyDescent="0.3">
      <c r="A2095" s="6">
        <v>45188</v>
      </c>
      <c r="B2095" s="8">
        <v>83.068755238999998</v>
      </c>
      <c r="C2095" s="8">
        <v>25.634462257999999</v>
      </c>
      <c r="D2095" s="8">
        <v>15.597474094000001</v>
      </c>
    </row>
    <row r="2096" spans="1:4" x14ac:dyDescent="0.3">
      <c r="A2096" s="6">
        <v>45189</v>
      </c>
      <c r="B2096" s="8">
        <v>83.139501601000006</v>
      </c>
      <c r="C2096" s="8">
        <v>25.560926089999999</v>
      </c>
      <c r="D2096" s="8">
        <v>15.590316651</v>
      </c>
    </row>
    <row r="2097" spans="1:4" x14ac:dyDescent="0.3">
      <c r="A2097" s="6">
        <v>45190</v>
      </c>
      <c r="B2097" s="8">
        <v>83.168141273000003</v>
      </c>
      <c r="C2097" s="8">
        <v>25.479830926000002</v>
      </c>
      <c r="D2097" s="8">
        <v>15.734451854</v>
      </c>
    </row>
    <row r="2098" spans="1:4" x14ac:dyDescent="0.3">
      <c r="A2098" s="6">
        <v>45191</v>
      </c>
      <c r="B2098" s="8">
        <v>83.171325515000007</v>
      </c>
      <c r="C2098" s="8">
        <v>25.298919373</v>
      </c>
      <c r="D2098" s="8">
        <v>15.950538197</v>
      </c>
    </row>
    <row r="2099" spans="1:4" x14ac:dyDescent="0.3">
      <c r="A2099" s="6">
        <v>45192</v>
      </c>
      <c r="B2099" s="8">
        <v>83.178483701000005</v>
      </c>
      <c r="C2099" s="8">
        <v>25.252642283</v>
      </c>
      <c r="D2099" s="8">
        <v>15.924824155</v>
      </c>
    </row>
    <row r="2100" spans="1:4" x14ac:dyDescent="0.3">
      <c r="A2100" s="6">
        <v>45193</v>
      </c>
      <c r="B2100" s="8">
        <v>83.180866469999998</v>
      </c>
      <c r="C2100" s="8">
        <v>25.266630377999999</v>
      </c>
      <c r="D2100" s="8">
        <v>15.953609501000001</v>
      </c>
    </row>
    <row r="2101" spans="1:4" x14ac:dyDescent="0.3">
      <c r="A2101" s="6">
        <v>45194</v>
      </c>
      <c r="B2101" s="8">
        <v>83.180866469999998</v>
      </c>
      <c r="C2101" s="8">
        <v>25.272353934000002</v>
      </c>
      <c r="D2101" s="8">
        <v>15.953203068000001</v>
      </c>
    </row>
    <row r="2102" spans="1:4" x14ac:dyDescent="0.3">
      <c r="A2102" s="6">
        <v>45195</v>
      </c>
      <c r="B2102" s="8">
        <v>83.185008081999996</v>
      </c>
      <c r="C2102" s="8">
        <v>25.091997278000001</v>
      </c>
      <c r="D2102" s="8">
        <v>15.911502514</v>
      </c>
    </row>
    <row r="2103" spans="1:4" x14ac:dyDescent="0.3">
      <c r="A2103" s="6">
        <v>45196</v>
      </c>
      <c r="B2103" s="8">
        <v>83.243973134000001</v>
      </c>
      <c r="C2103" s="8">
        <v>25.071733285000001</v>
      </c>
      <c r="D2103" s="8">
        <v>15.811093668</v>
      </c>
    </row>
    <row r="2104" spans="1:4" x14ac:dyDescent="0.3">
      <c r="A2104" s="6">
        <v>45197</v>
      </c>
      <c r="B2104" s="8">
        <v>83.248340764999995</v>
      </c>
      <c r="C2104" s="8">
        <v>24.940524452999998</v>
      </c>
      <c r="D2104" s="8">
        <v>15.771591936</v>
      </c>
    </row>
    <row r="2105" spans="1:4" x14ac:dyDescent="0.3">
      <c r="A2105" s="6">
        <v>45198</v>
      </c>
      <c r="B2105" s="8">
        <v>83.253698407000002</v>
      </c>
      <c r="C2105" s="8">
        <v>25.104355641000001</v>
      </c>
      <c r="D2105" s="8">
        <v>15.804428265</v>
      </c>
    </row>
    <row r="2106" spans="1:4" x14ac:dyDescent="0.3">
      <c r="A2106" s="6">
        <v>45199</v>
      </c>
      <c r="B2106" s="8">
        <v>83.221172675999995</v>
      </c>
      <c r="C2106" s="8">
        <v>24.719546593</v>
      </c>
      <c r="D2106" s="8">
        <v>15.86797644</v>
      </c>
    </row>
    <row r="2107" spans="1:4" x14ac:dyDescent="0.3">
      <c r="A2107" s="6">
        <v>45200</v>
      </c>
      <c r="B2107" s="8">
        <v>83.232172676000005</v>
      </c>
      <c r="C2107" s="8">
        <v>24.776652510000002</v>
      </c>
      <c r="D2107" s="8">
        <v>15.852628431999999</v>
      </c>
    </row>
    <row r="2108" spans="1:4" x14ac:dyDescent="0.3">
      <c r="A2108" s="6">
        <v>45201</v>
      </c>
      <c r="B2108" s="8">
        <v>83.234172676</v>
      </c>
      <c r="C2108" s="8">
        <v>24.80119213</v>
      </c>
      <c r="D2108" s="8">
        <v>15.857481249999999</v>
      </c>
    </row>
    <row r="2109" spans="1:4" x14ac:dyDescent="0.3">
      <c r="A2109" s="6">
        <v>45202</v>
      </c>
      <c r="B2109" s="8">
        <v>83.317986708999996</v>
      </c>
      <c r="C2109" s="8">
        <v>24.938605244000001</v>
      </c>
      <c r="D2109" s="8">
        <v>15.815087666</v>
      </c>
    </row>
    <row r="2110" spans="1:4" x14ac:dyDescent="0.3">
      <c r="A2110" s="6">
        <v>45203</v>
      </c>
      <c r="B2110" s="8">
        <v>83.342217735999995</v>
      </c>
      <c r="C2110" s="8">
        <v>24.796660211999999</v>
      </c>
      <c r="D2110" s="8">
        <v>15.785403754000001</v>
      </c>
    </row>
    <row r="2111" spans="1:4" x14ac:dyDescent="0.3">
      <c r="A2111" s="6">
        <v>45204</v>
      </c>
      <c r="B2111" s="8">
        <v>83.344022138</v>
      </c>
      <c r="C2111" s="8">
        <v>24.718523750999999</v>
      </c>
      <c r="D2111" s="8">
        <v>15.744871830999999</v>
      </c>
    </row>
    <row r="2112" spans="1:4" x14ac:dyDescent="0.3">
      <c r="A2112" s="6">
        <v>45205</v>
      </c>
      <c r="B2112" s="8">
        <v>83.379670189999999</v>
      </c>
      <c r="C2112" s="8">
        <v>24.713919406999999</v>
      </c>
      <c r="D2112" s="8">
        <v>15.744987156000001</v>
      </c>
    </row>
    <row r="2113" spans="1:4" x14ac:dyDescent="0.3">
      <c r="A2113" s="6">
        <v>45206</v>
      </c>
      <c r="B2113" s="8">
        <v>83.413066842000006</v>
      </c>
      <c r="C2113" s="8">
        <v>24.987213634</v>
      </c>
      <c r="D2113" s="8">
        <v>15.728258216</v>
      </c>
    </row>
    <row r="2114" spans="1:4" x14ac:dyDescent="0.3">
      <c r="A2114" s="6">
        <v>45207</v>
      </c>
      <c r="B2114" s="8">
        <v>83.451566842000005</v>
      </c>
      <c r="C2114" s="8">
        <v>25.015532573000002</v>
      </c>
      <c r="D2114" s="8">
        <v>15.734006617</v>
      </c>
    </row>
    <row r="2115" spans="1:4" x14ac:dyDescent="0.3">
      <c r="A2115" s="6">
        <v>45208</v>
      </c>
      <c r="B2115" s="8">
        <v>83.451566842000005</v>
      </c>
      <c r="C2115" s="8">
        <v>25.030759136</v>
      </c>
      <c r="D2115" s="8">
        <v>15.74530463</v>
      </c>
    </row>
    <row r="2116" spans="1:4" x14ac:dyDescent="0.3">
      <c r="A2116" s="6">
        <v>45209</v>
      </c>
      <c r="B2116" s="8">
        <v>83.472069062000003</v>
      </c>
      <c r="C2116" s="8">
        <v>24.999133168</v>
      </c>
      <c r="D2116" s="8">
        <v>15.733027314999999</v>
      </c>
    </row>
    <row r="2117" spans="1:4" x14ac:dyDescent="0.3">
      <c r="A2117" s="6">
        <v>45210</v>
      </c>
      <c r="B2117" s="8">
        <v>83.489869061999997</v>
      </c>
      <c r="C2117" s="8">
        <v>24.879384406</v>
      </c>
      <c r="D2117" s="8">
        <v>15.660610120999999</v>
      </c>
    </row>
    <row r="2118" spans="1:4" x14ac:dyDescent="0.3">
      <c r="A2118" s="6">
        <v>45211</v>
      </c>
      <c r="B2118" s="8">
        <v>83.497134325000005</v>
      </c>
      <c r="C2118" s="8">
        <v>24.713509049999999</v>
      </c>
      <c r="D2118" s="8">
        <v>15.605812597</v>
      </c>
    </row>
    <row r="2119" spans="1:4" x14ac:dyDescent="0.3">
      <c r="A2119" s="6">
        <v>45212</v>
      </c>
      <c r="B2119" s="8">
        <v>83.499157749999995</v>
      </c>
      <c r="C2119" s="8">
        <v>24.604428204000001</v>
      </c>
      <c r="D2119" s="8">
        <v>15.553254328</v>
      </c>
    </row>
    <row r="2120" spans="1:4" x14ac:dyDescent="0.3">
      <c r="A2120" s="6">
        <v>45213</v>
      </c>
      <c r="B2120" s="8">
        <v>83.504131932999996</v>
      </c>
      <c r="C2120" s="8">
        <v>24.570148280000002</v>
      </c>
      <c r="D2120" s="8">
        <v>15.534726273</v>
      </c>
    </row>
    <row r="2121" spans="1:4" x14ac:dyDescent="0.3">
      <c r="A2121" s="6">
        <v>45214</v>
      </c>
      <c r="B2121" s="8">
        <v>83.504131932999996</v>
      </c>
      <c r="C2121" s="8">
        <v>24.602589236</v>
      </c>
      <c r="D2121" s="8">
        <v>15.544503635</v>
      </c>
    </row>
    <row r="2122" spans="1:4" x14ac:dyDescent="0.3">
      <c r="A2122" s="6">
        <v>45215</v>
      </c>
      <c r="B2122" s="8">
        <v>83.508131933000001</v>
      </c>
      <c r="C2122" s="8">
        <v>24.669094048000002</v>
      </c>
      <c r="D2122" s="8">
        <v>15.541441109999999</v>
      </c>
    </row>
    <row r="2123" spans="1:4" x14ac:dyDescent="0.3">
      <c r="A2123" s="6">
        <v>45216</v>
      </c>
      <c r="B2123" s="8">
        <v>83.564073493999999</v>
      </c>
      <c r="C2123" s="8">
        <v>24.740884768000001</v>
      </c>
      <c r="D2123" s="8">
        <v>15.532577466999999</v>
      </c>
    </row>
    <row r="2124" spans="1:4" x14ac:dyDescent="0.3">
      <c r="A2124" s="6">
        <v>45217</v>
      </c>
      <c r="B2124" s="8">
        <v>83.658558995999996</v>
      </c>
      <c r="C2124" s="8">
        <v>24.768367448999999</v>
      </c>
      <c r="D2124" s="8">
        <v>15.546439703000001</v>
      </c>
    </row>
    <row r="2125" spans="1:4" x14ac:dyDescent="0.3">
      <c r="A2125" s="6">
        <v>45218</v>
      </c>
      <c r="B2125" s="8">
        <v>83.792007687999998</v>
      </c>
      <c r="C2125" s="8">
        <v>24.761705567</v>
      </c>
      <c r="D2125" s="8">
        <v>15.552116549000001</v>
      </c>
    </row>
    <row r="2126" spans="1:4" x14ac:dyDescent="0.3">
      <c r="A2126" s="6">
        <v>45219</v>
      </c>
      <c r="B2126" s="8">
        <v>83.902581463999994</v>
      </c>
      <c r="C2126" s="8">
        <v>24.867638704000001</v>
      </c>
      <c r="D2126" s="8">
        <v>16.023336793999999</v>
      </c>
    </row>
    <row r="2127" spans="1:4" x14ac:dyDescent="0.3">
      <c r="A2127" s="6">
        <v>45220</v>
      </c>
      <c r="B2127" s="8">
        <v>84.130259194000004</v>
      </c>
      <c r="C2127" s="8">
        <v>24.916454497</v>
      </c>
      <c r="D2127" s="8">
        <v>15.565347574</v>
      </c>
    </row>
    <row r="2128" spans="1:4" x14ac:dyDescent="0.3">
      <c r="A2128" s="6">
        <v>45221</v>
      </c>
      <c r="B2128" s="8">
        <v>84.131359672000002</v>
      </c>
      <c r="C2128" s="8">
        <v>24.939168495000001</v>
      </c>
      <c r="D2128" s="8">
        <v>15.566229679999999</v>
      </c>
    </row>
    <row r="2129" spans="1:4" x14ac:dyDescent="0.3">
      <c r="A2129" s="6">
        <v>45222</v>
      </c>
      <c r="B2129" s="8">
        <v>84.142359671999998</v>
      </c>
      <c r="C2129" s="8">
        <v>24.928945516999999</v>
      </c>
      <c r="D2129" s="8">
        <v>15.599113009</v>
      </c>
    </row>
    <row r="2130" spans="1:4" x14ac:dyDescent="0.3">
      <c r="A2130" s="6">
        <v>45223</v>
      </c>
      <c r="B2130" s="8">
        <v>84.264122115999996</v>
      </c>
      <c r="C2130" s="8">
        <v>24.838422095999999</v>
      </c>
      <c r="D2130" s="8">
        <v>15.553112326000001</v>
      </c>
    </row>
    <row r="2131" spans="1:4" x14ac:dyDescent="0.3">
      <c r="A2131" s="6">
        <v>45224</v>
      </c>
      <c r="B2131" s="8">
        <v>84.233811435000007</v>
      </c>
      <c r="C2131" s="8">
        <v>24.437827441</v>
      </c>
      <c r="D2131" s="8">
        <v>15.529901194000001</v>
      </c>
    </row>
    <row r="2132" spans="1:4" x14ac:dyDescent="0.3">
      <c r="A2132" s="6">
        <v>45225</v>
      </c>
      <c r="B2132" s="8">
        <v>84.368685905999996</v>
      </c>
      <c r="C2132" s="8">
        <v>24.555653839000001</v>
      </c>
      <c r="D2132" s="8">
        <v>15.520055259999999</v>
      </c>
    </row>
    <row r="2133" spans="1:4" x14ac:dyDescent="0.3">
      <c r="A2133" s="6">
        <v>45226</v>
      </c>
      <c r="B2133" s="8">
        <v>84.487655717999999</v>
      </c>
      <c r="C2133" s="8">
        <v>24.524779067000001</v>
      </c>
      <c r="D2133" s="8">
        <v>15.517602037</v>
      </c>
    </row>
    <row r="2134" spans="1:4" x14ac:dyDescent="0.3">
      <c r="A2134" s="6">
        <v>45227</v>
      </c>
      <c r="B2134" s="8">
        <v>84.515238111000002</v>
      </c>
      <c r="C2134" s="8">
        <v>24.380740868</v>
      </c>
      <c r="D2134" s="8">
        <v>15.476024324000001</v>
      </c>
    </row>
    <row r="2135" spans="1:4" x14ac:dyDescent="0.3">
      <c r="A2135" s="6">
        <v>45228</v>
      </c>
      <c r="B2135" s="8">
        <v>84.515238111000002</v>
      </c>
      <c r="C2135" s="8">
        <v>24.413937127000001</v>
      </c>
      <c r="D2135" s="8">
        <v>15.463360421000001</v>
      </c>
    </row>
    <row r="2136" spans="1:4" x14ac:dyDescent="0.3">
      <c r="A2136" s="6">
        <v>45229</v>
      </c>
      <c r="B2136" s="8">
        <v>84.515238111000002</v>
      </c>
      <c r="C2136" s="8">
        <v>24.458926812000001</v>
      </c>
      <c r="D2136" s="8">
        <v>15.451929075000001</v>
      </c>
    </row>
    <row r="2137" spans="1:4" x14ac:dyDescent="0.3">
      <c r="A2137" s="6">
        <v>45230</v>
      </c>
      <c r="B2137" s="8">
        <v>84.564598508000003</v>
      </c>
      <c r="C2137" s="8">
        <v>24.344687406999999</v>
      </c>
      <c r="D2137" s="8">
        <v>15.347062889</v>
      </c>
    </row>
    <row r="2138" spans="1:4" x14ac:dyDescent="0.3">
      <c r="A2138" s="6">
        <v>45231</v>
      </c>
      <c r="B2138" s="8">
        <v>84.778830833000001</v>
      </c>
      <c r="C2138" s="8">
        <v>24.176878457000001</v>
      </c>
      <c r="D2138" s="8">
        <v>15.317805009000001</v>
      </c>
    </row>
    <row r="2139" spans="1:4" x14ac:dyDescent="0.3">
      <c r="A2139" s="6">
        <v>45232</v>
      </c>
      <c r="B2139" s="8">
        <v>84.849462983999999</v>
      </c>
      <c r="C2139" s="8">
        <v>24.161194972000001</v>
      </c>
      <c r="D2139" s="8">
        <v>15.386391457</v>
      </c>
    </row>
    <row r="2140" spans="1:4" x14ac:dyDescent="0.3">
      <c r="A2140" s="6">
        <v>45233</v>
      </c>
      <c r="B2140" s="8">
        <v>85.174392534000006</v>
      </c>
      <c r="C2140" s="8">
        <v>23.867421192999998</v>
      </c>
      <c r="D2140" s="8">
        <v>15.444619407999999</v>
      </c>
    </row>
    <row r="2141" spans="1:4" x14ac:dyDescent="0.3">
      <c r="A2141" s="6">
        <v>45234</v>
      </c>
      <c r="B2141" s="8">
        <v>85.329884144999994</v>
      </c>
      <c r="C2141" s="8">
        <v>23.899424367999998</v>
      </c>
      <c r="D2141" s="8">
        <v>15.470596209</v>
      </c>
    </row>
    <row r="2142" spans="1:4" x14ac:dyDescent="0.3">
      <c r="A2142" s="6">
        <v>45235</v>
      </c>
      <c r="B2142" s="8">
        <v>85.339884143999996</v>
      </c>
      <c r="C2142" s="8">
        <v>23.982608181</v>
      </c>
      <c r="D2142" s="8">
        <v>15.526427747</v>
      </c>
    </row>
    <row r="2143" spans="1:4" x14ac:dyDescent="0.3">
      <c r="A2143" s="6">
        <v>45236</v>
      </c>
      <c r="B2143" s="8">
        <v>85.367984141999997</v>
      </c>
      <c r="C2143" s="8">
        <v>24.003236380000001</v>
      </c>
      <c r="D2143" s="8">
        <v>15.531945768</v>
      </c>
    </row>
    <row r="2144" spans="1:4" x14ac:dyDescent="0.3">
      <c r="A2144" s="6">
        <v>45237</v>
      </c>
      <c r="B2144" s="8">
        <v>85.712109690000005</v>
      </c>
      <c r="C2144" s="8">
        <v>23.817430639000001</v>
      </c>
      <c r="D2144" s="8">
        <v>15.525177380000001</v>
      </c>
    </row>
    <row r="2145" spans="1:4" x14ac:dyDescent="0.3">
      <c r="A2145" s="6">
        <v>45238</v>
      </c>
      <c r="B2145" s="8">
        <v>86.059207861999994</v>
      </c>
      <c r="C2145" s="8">
        <v>23.752297148</v>
      </c>
      <c r="D2145" s="8">
        <v>15.508412837</v>
      </c>
    </row>
    <row r="2146" spans="1:4" x14ac:dyDescent="0.3">
      <c r="A2146" s="6">
        <v>45239</v>
      </c>
      <c r="B2146" s="8">
        <v>86.236089163000003</v>
      </c>
      <c r="C2146" s="8">
        <v>23.618587002999998</v>
      </c>
      <c r="D2146" s="8">
        <v>15.471889028</v>
      </c>
    </row>
    <row r="2147" spans="1:4" x14ac:dyDescent="0.3">
      <c r="A2147" s="6">
        <v>45240</v>
      </c>
      <c r="B2147" s="8">
        <v>86.489374730999998</v>
      </c>
      <c r="C2147" s="8">
        <v>23.500780589000001</v>
      </c>
      <c r="D2147" s="8">
        <v>15.502454821000001</v>
      </c>
    </row>
    <row r="2148" spans="1:4" x14ac:dyDescent="0.3">
      <c r="A2148" s="6">
        <v>45241</v>
      </c>
      <c r="B2148" s="8">
        <v>86.651790617000003</v>
      </c>
      <c r="C2148" s="8">
        <v>23.518074759000001</v>
      </c>
      <c r="D2148" s="8">
        <v>15.489571163999999</v>
      </c>
    </row>
    <row r="2149" spans="1:4" x14ac:dyDescent="0.3">
      <c r="A2149" s="6">
        <v>45242</v>
      </c>
      <c r="B2149" s="8">
        <v>86.766265614999995</v>
      </c>
      <c r="C2149" s="8">
        <v>23.580366141999999</v>
      </c>
      <c r="D2149" s="8">
        <v>15.514496269</v>
      </c>
    </row>
    <row r="2150" spans="1:4" x14ac:dyDescent="0.3">
      <c r="A2150" s="6">
        <v>45243</v>
      </c>
      <c r="B2150" s="8">
        <v>86.776580495000005</v>
      </c>
      <c r="C2150" s="8">
        <v>23.634897489</v>
      </c>
      <c r="D2150" s="8">
        <v>15.501907787</v>
      </c>
    </row>
    <row r="2151" spans="1:4" x14ac:dyDescent="0.3">
      <c r="A2151" s="6">
        <v>45244</v>
      </c>
      <c r="B2151" s="8">
        <v>87.049399807</v>
      </c>
      <c r="C2151" s="8">
        <v>23.396607702000001</v>
      </c>
      <c r="D2151" s="8">
        <v>15.466555053</v>
      </c>
    </row>
    <row r="2152" spans="1:4" x14ac:dyDescent="0.3">
      <c r="A2152" s="6">
        <v>45245</v>
      </c>
      <c r="B2152" s="8">
        <v>87.295398004999996</v>
      </c>
      <c r="C2152" s="8">
        <v>23.187038998999999</v>
      </c>
      <c r="D2152" s="8">
        <v>15.411292049</v>
      </c>
    </row>
    <row r="2153" spans="1:4" x14ac:dyDescent="0.3">
      <c r="A2153" s="6">
        <v>45246</v>
      </c>
      <c r="B2153" s="8">
        <v>87.406916112999994</v>
      </c>
      <c r="C2153" s="8">
        <v>23.442920950000001</v>
      </c>
      <c r="D2153" s="8">
        <v>15.382455476000001</v>
      </c>
    </row>
    <row r="2154" spans="1:4" x14ac:dyDescent="0.3">
      <c r="A2154" s="6">
        <v>45247</v>
      </c>
      <c r="B2154" s="8">
        <v>87.502024031999994</v>
      </c>
      <c r="C2154" s="8">
        <v>23.507080005999999</v>
      </c>
      <c r="D2154" s="8">
        <v>15.363041012</v>
      </c>
    </row>
    <row r="2155" spans="1:4" x14ac:dyDescent="0.3">
      <c r="A2155" s="6">
        <v>45248</v>
      </c>
      <c r="B2155" s="8">
        <v>87.650408686999995</v>
      </c>
      <c r="C2155" s="8">
        <v>23.757478112000001</v>
      </c>
      <c r="D2155" s="8">
        <v>15.307831661</v>
      </c>
    </row>
    <row r="2156" spans="1:4" x14ac:dyDescent="0.3">
      <c r="A2156" s="6">
        <v>45249</v>
      </c>
      <c r="B2156" s="8">
        <v>87.665708687000006</v>
      </c>
      <c r="C2156" s="8">
        <v>23.770394757999998</v>
      </c>
      <c r="D2156" s="8">
        <v>15.327154842000001</v>
      </c>
    </row>
    <row r="2157" spans="1:4" x14ac:dyDescent="0.3">
      <c r="A2157" s="6">
        <v>45250</v>
      </c>
      <c r="B2157" s="8">
        <v>87.688283686000005</v>
      </c>
      <c r="C2157" s="8">
        <v>23.813281718999999</v>
      </c>
      <c r="D2157" s="8">
        <v>15.355407045</v>
      </c>
    </row>
    <row r="2158" spans="1:4" x14ac:dyDescent="0.3">
      <c r="A2158" s="6">
        <v>45251</v>
      </c>
      <c r="B2158" s="8">
        <v>87.999214565000003</v>
      </c>
      <c r="C2158" s="8">
        <v>23.853840231</v>
      </c>
      <c r="D2158" s="8">
        <v>15.329301838999999</v>
      </c>
    </row>
    <row r="2159" spans="1:4" x14ac:dyDescent="0.3">
      <c r="A2159" s="6">
        <v>45252</v>
      </c>
      <c r="B2159" s="8">
        <v>88.280778060000003</v>
      </c>
      <c r="C2159" s="8">
        <v>23.700765516000001</v>
      </c>
      <c r="D2159" s="8">
        <v>15.273522526000001</v>
      </c>
    </row>
    <row r="2160" spans="1:4" x14ac:dyDescent="0.3">
      <c r="A2160" s="6">
        <v>45253</v>
      </c>
      <c r="B2160" s="8">
        <v>88.445991835000001</v>
      </c>
      <c r="C2160" s="8">
        <v>23.740658669999998</v>
      </c>
      <c r="D2160" s="8">
        <v>15.265633588</v>
      </c>
    </row>
    <row r="2161" spans="1:4" x14ac:dyDescent="0.3">
      <c r="A2161" s="6">
        <v>45254</v>
      </c>
      <c r="B2161" s="8">
        <v>88.486990065000001</v>
      </c>
      <c r="C2161" s="8">
        <v>23.754368571000001</v>
      </c>
      <c r="D2161" s="8">
        <v>15.135127803</v>
      </c>
    </row>
    <row r="2162" spans="1:4" x14ac:dyDescent="0.3">
      <c r="A2162" s="6">
        <v>45255</v>
      </c>
      <c r="B2162" s="8">
        <v>88.683450805999996</v>
      </c>
      <c r="C2162" s="8">
        <v>23.978886256999999</v>
      </c>
      <c r="D2162" s="8">
        <v>15.260969028</v>
      </c>
    </row>
    <row r="2163" spans="1:4" x14ac:dyDescent="0.3">
      <c r="A2163" s="6">
        <v>45256</v>
      </c>
      <c r="B2163" s="8">
        <v>88.700950805999994</v>
      </c>
      <c r="C2163" s="8">
        <v>23.976050681</v>
      </c>
      <c r="D2163" s="8">
        <v>15.275582038</v>
      </c>
    </row>
    <row r="2164" spans="1:4" x14ac:dyDescent="0.3">
      <c r="A2164" s="6">
        <v>45257</v>
      </c>
      <c r="B2164" s="8">
        <v>88.755950803999994</v>
      </c>
      <c r="C2164" s="8">
        <v>23.920388873</v>
      </c>
      <c r="D2164" s="8">
        <v>15.298434390000001</v>
      </c>
    </row>
    <row r="2165" spans="1:4" x14ac:dyDescent="0.3">
      <c r="A2165" s="6">
        <v>45258</v>
      </c>
      <c r="B2165" s="8">
        <v>88.897224190000003</v>
      </c>
      <c r="C2165" s="8">
        <v>23.680900263000002</v>
      </c>
      <c r="D2165" s="8">
        <v>15.244833772</v>
      </c>
    </row>
    <row r="2166" spans="1:4" x14ac:dyDescent="0.3">
      <c r="A2166" s="6">
        <v>45259</v>
      </c>
      <c r="B2166" s="8">
        <v>89.051834037000006</v>
      </c>
      <c r="C2166" s="8">
        <v>23.856423200999998</v>
      </c>
      <c r="D2166" s="8">
        <v>15.148682001999999</v>
      </c>
    </row>
    <row r="2167" spans="1:4" x14ac:dyDescent="0.3">
      <c r="A2167" s="6">
        <v>45260</v>
      </c>
      <c r="B2167" s="8">
        <v>89.253851478000001</v>
      </c>
      <c r="C2167" s="8">
        <v>23.762150801000001</v>
      </c>
      <c r="D2167" s="8">
        <v>15.091866748999999</v>
      </c>
    </row>
    <row r="2168" spans="1:4" x14ac:dyDescent="0.3">
      <c r="A2168" s="6">
        <v>45261</v>
      </c>
      <c r="B2168" s="8">
        <v>89.317080453000003</v>
      </c>
      <c r="C2168" s="8">
        <v>23.807958530000001</v>
      </c>
      <c r="D2168" s="8">
        <v>15.178553967999999</v>
      </c>
    </row>
    <row r="2169" spans="1:4" x14ac:dyDescent="0.3">
      <c r="A2169" s="6">
        <v>45262</v>
      </c>
      <c r="B2169" s="8">
        <v>89.499174100999994</v>
      </c>
      <c r="C2169" s="8">
        <v>23.815559023999999</v>
      </c>
      <c r="D2169" s="8">
        <v>15.159029524999999</v>
      </c>
    </row>
    <row r="2170" spans="1:4" x14ac:dyDescent="0.3">
      <c r="A2170" s="6">
        <v>45263</v>
      </c>
      <c r="B2170" s="8">
        <v>89.569124098000003</v>
      </c>
      <c r="C2170" s="8">
        <v>23.799118336999999</v>
      </c>
      <c r="D2170" s="8">
        <v>15.137775998</v>
      </c>
    </row>
    <row r="2171" spans="1:4" x14ac:dyDescent="0.3">
      <c r="A2171" s="6">
        <v>45264</v>
      </c>
      <c r="B2171" s="8">
        <v>89.619724097000002</v>
      </c>
      <c r="C2171" s="8">
        <v>23.774520696</v>
      </c>
      <c r="D2171" s="8">
        <v>15.174520399</v>
      </c>
    </row>
    <row r="2172" spans="1:4" x14ac:dyDescent="0.3">
      <c r="A2172" s="6">
        <v>45265</v>
      </c>
      <c r="B2172" s="8">
        <v>89.786241692999994</v>
      </c>
      <c r="C2172" s="8">
        <v>23.642787409</v>
      </c>
      <c r="D2172" s="8">
        <v>15.072064415</v>
      </c>
    </row>
    <row r="2173" spans="1:4" x14ac:dyDescent="0.3">
      <c r="A2173" s="6">
        <v>45266</v>
      </c>
      <c r="B2173" s="8">
        <v>90.005799511000006</v>
      </c>
      <c r="C2173" s="8">
        <v>23.554487025</v>
      </c>
      <c r="D2173" s="8">
        <v>15.155570921000001</v>
      </c>
    </row>
    <row r="2174" spans="1:4" x14ac:dyDescent="0.3">
      <c r="A2174" s="6">
        <v>45267</v>
      </c>
      <c r="B2174" s="8">
        <v>90.040209001999997</v>
      </c>
      <c r="C2174" s="8">
        <v>23.541269424999999</v>
      </c>
      <c r="D2174" s="8">
        <v>15.151168388</v>
      </c>
    </row>
    <row r="2175" spans="1:4" x14ac:dyDescent="0.3">
      <c r="A2175" s="6">
        <v>45268</v>
      </c>
      <c r="B2175" s="8">
        <v>90.228000441999995</v>
      </c>
      <c r="C2175" s="8">
        <v>23.600185435</v>
      </c>
      <c r="D2175" s="8">
        <v>14.907965684000001</v>
      </c>
    </row>
    <row r="2176" spans="1:4" x14ac:dyDescent="0.3">
      <c r="A2176" s="6">
        <v>45269</v>
      </c>
      <c r="B2176" s="8">
        <v>90.307767897000005</v>
      </c>
      <c r="C2176" s="8">
        <v>23.763399955000001</v>
      </c>
      <c r="D2176" s="8">
        <v>14.871935465</v>
      </c>
    </row>
    <row r="2177" spans="1:4" x14ac:dyDescent="0.3">
      <c r="A2177" s="6">
        <v>45270</v>
      </c>
      <c r="B2177" s="8">
        <v>90.561569095999999</v>
      </c>
      <c r="C2177" s="8">
        <v>23.800765636000001</v>
      </c>
      <c r="D2177" s="8">
        <v>14.895360881</v>
      </c>
    </row>
    <row r="2178" spans="1:4" x14ac:dyDescent="0.3">
      <c r="A2178" s="6">
        <v>45271</v>
      </c>
      <c r="B2178" s="8">
        <v>90.517569096000003</v>
      </c>
      <c r="C2178" s="8">
        <v>23.805577094</v>
      </c>
      <c r="D2178" s="8">
        <v>14.911475283</v>
      </c>
    </row>
    <row r="2179" spans="1:4" x14ac:dyDescent="0.3">
      <c r="A2179" s="6">
        <v>45272</v>
      </c>
      <c r="B2179" s="8">
        <v>90.606798291999993</v>
      </c>
      <c r="C2179" s="8">
        <v>23.405513900999999</v>
      </c>
      <c r="D2179" s="8">
        <v>14.737320028999999</v>
      </c>
    </row>
    <row r="2180" spans="1:4" x14ac:dyDescent="0.3">
      <c r="A2180" s="6">
        <v>45273</v>
      </c>
      <c r="B2180" s="8">
        <v>90.624753214999998</v>
      </c>
      <c r="C2180" s="8">
        <v>23.298020236999999</v>
      </c>
      <c r="D2180" s="8">
        <v>14.580368018</v>
      </c>
    </row>
    <row r="2181" spans="1:4" x14ac:dyDescent="0.3">
      <c r="A2181" s="6">
        <v>45274</v>
      </c>
      <c r="B2181" s="8">
        <v>90.631136002999995</v>
      </c>
      <c r="C2181" s="8">
        <v>23.542287870999999</v>
      </c>
      <c r="D2181" s="8">
        <v>14.629267017</v>
      </c>
    </row>
    <row r="2182" spans="1:4" x14ac:dyDescent="0.3">
      <c r="A2182" s="6">
        <v>45275</v>
      </c>
      <c r="B2182" s="8">
        <v>90.790069493000004</v>
      </c>
      <c r="C2182" s="8">
        <v>23.650623842000002</v>
      </c>
      <c r="D2182" s="8">
        <v>14.537006578</v>
      </c>
    </row>
    <row r="2183" spans="1:4" x14ac:dyDescent="0.3">
      <c r="A2183" s="6">
        <v>45276</v>
      </c>
      <c r="B2183" s="8">
        <v>90.884632596000003</v>
      </c>
      <c r="C2183" s="8">
        <v>23.757991956000001</v>
      </c>
      <c r="D2183" s="8">
        <v>14.721584446</v>
      </c>
    </row>
    <row r="2184" spans="1:4" x14ac:dyDescent="0.3">
      <c r="A2184" s="6">
        <v>45277</v>
      </c>
      <c r="B2184" s="8">
        <v>90.884632596000003</v>
      </c>
      <c r="C2184" s="8">
        <v>23.767281923999999</v>
      </c>
      <c r="D2184" s="8">
        <v>14.759927606</v>
      </c>
    </row>
    <row r="2185" spans="1:4" x14ac:dyDescent="0.3">
      <c r="A2185" s="6">
        <v>45278</v>
      </c>
      <c r="B2185" s="8">
        <v>90.884632596000003</v>
      </c>
      <c r="C2185" s="8">
        <v>23.719180948000002</v>
      </c>
      <c r="D2185" s="8">
        <v>14.762850017</v>
      </c>
    </row>
    <row r="2186" spans="1:4" x14ac:dyDescent="0.3">
      <c r="A2186" s="6">
        <v>45279</v>
      </c>
      <c r="B2186" s="8">
        <v>90.890026113999994</v>
      </c>
      <c r="C2186" s="8">
        <v>23.869459276000001</v>
      </c>
      <c r="D2186" s="8">
        <v>14.735351507000001</v>
      </c>
    </row>
    <row r="2187" spans="1:4" x14ac:dyDescent="0.3">
      <c r="A2187" s="6">
        <v>45280</v>
      </c>
      <c r="B2187" s="8">
        <v>90.903282681999997</v>
      </c>
      <c r="C2187" s="8">
        <v>24.105525681</v>
      </c>
      <c r="D2187" s="8">
        <v>14.758883615</v>
      </c>
    </row>
    <row r="2188" spans="1:4" x14ac:dyDescent="0.3">
      <c r="A2188" s="6">
        <v>45281</v>
      </c>
      <c r="B2188" s="8">
        <v>90.997478400000006</v>
      </c>
      <c r="C2188" s="8">
        <v>24.231924975999998</v>
      </c>
      <c r="D2188" s="8">
        <v>14.741108055</v>
      </c>
    </row>
    <row r="2189" spans="1:4" x14ac:dyDescent="0.3">
      <c r="A2189" s="6">
        <v>45282</v>
      </c>
      <c r="B2189" s="8">
        <v>91.042674797000004</v>
      </c>
      <c r="C2189" s="8">
        <v>24.138399412999998</v>
      </c>
      <c r="D2189" s="8">
        <v>14.745236505999999</v>
      </c>
    </row>
    <row r="2190" spans="1:4" x14ac:dyDescent="0.3">
      <c r="A2190" s="6">
        <v>45283</v>
      </c>
      <c r="B2190" s="8">
        <v>91.166134357999994</v>
      </c>
      <c r="C2190" s="8">
        <v>24.409485161999999</v>
      </c>
      <c r="D2190" s="8">
        <v>14.766447926</v>
      </c>
    </row>
    <row r="2191" spans="1:4" x14ac:dyDescent="0.3">
      <c r="A2191" s="6">
        <v>45284</v>
      </c>
      <c r="B2191" s="8">
        <v>91.232934357999994</v>
      </c>
      <c r="C2191" s="8">
        <v>24.426184285000001</v>
      </c>
      <c r="D2191" s="8">
        <v>14.804443705000001</v>
      </c>
    </row>
    <row r="2192" spans="1:4" x14ac:dyDescent="0.3">
      <c r="A2192" s="6">
        <v>45285</v>
      </c>
      <c r="B2192" s="8">
        <v>91.288596667999997</v>
      </c>
      <c r="C2192" s="8">
        <v>24.451863876000001</v>
      </c>
      <c r="D2192" s="8">
        <v>14.807389489</v>
      </c>
    </row>
    <row r="2193" spans="1:4" x14ac:dyDescent="0.3">
      <c r="A2193" s="6">
        <v>45286</v>
      </c>
      <c r="B2193" s="8">
        <v>91.298065199999996</v>
      </c>
      <c r="C2193" s="8">
        <v>24.400862987</v>
      </c>
      <c r="D2193" s="8">
        <v>14.793201211</v>
      </c>
    </row>
    <row r="2194" spans="1:4" x14ac:dyDescent="0.3">
      <c r="A2194" s="6">
        <v>45287</v>
      </c>
      <c r="B2194" s="8">
        <v>91.315808078000003</v>
      </c>
      <c r="C2194" s="8">
        <v>24.063409417999999</v>
      </c>
      <c r="D2194" s="8">
        <v>14.760261032000001</v>
      </c>
    </row>
    <row r="2195" spans="1:4" x14ac:dyDescent="0.3">
      <c r="A2195" s="6">
        <v>45288</v>
      </c>
      <c r="B2195" s="8">
        <v>91.427015092999994</v>
      </c>
      <c r="C2195" s="8">
        <v>24.222944014999999</v>
      </c>
      <c r="D2195" s="8">
        <v>14.759379802</v>
      </c>
    </row>
    <row r="2196" spans="1:4" x14ac:dyDescent="0.3">
      <c r="A2196" s="6">
        <v>45289</v>
      </c>
      <c r="B2196" s="8">
        <v>91.497677421999995</v>
      </c>
      <c r="C2196" s="8">
        <v>24.172541481</v>
      </c>
      <c r="D2196" s="8">
        <v>14.748091218000001</v>
      </c>
    </row>
    <row r="2197" spans="1:4" x14ac:dyDescent="0.3">
      <c r="A2197" s="6">
        <v>45290</v>
      </c>
      <c r="B2197" s="8">
        <v>91.651728371999994</v>
      </c>
      <c r="C2197" s="8">
        <v>24.112008589999999</v>
      </c>
      <c r="D2197" s="8">
        <v>14.670287484999999</v>
      </c>
    </row>
    <row r="2198" spans="1:4" x14ac:dyDescent="0.3">
      <c r="A2198" s="6">
        <v>45291</v>
      </c>
      <c r="B2198" s="8">
        <v>91.677093370999998</v>
      </c>
      <c r="C2198" s="8">
        <v>24.025552612999999</v>
      </c>
      <c r="D2198" s="8">
        <v>14.670322412999999</v>
      </c>
    </row>
    <row r="2199" spans="1:4" x14ac:dyDescent="0.3">
      <c r="A2199" s="6">
        <v>45292</v>
      </c>
      <c r="B2199" s="8">
        <v>91.677928370999993</v>
      </c>
      <c r="C2199" s="8">
        <v>23.863493722000001</v>
      </c>
      <c r="D2199" s="8">
        <v>14.659903519</v>
      </c>
    </row>
    <row r="2200" spans="1:4" x14ac:dyDescent="0.3">
      <c r="A2200" s="6">
        <v>45293</v>
      </c>
      <c r="B2200" s="8">
        <v>91.682127370000003</v>
      </c>
      <c r="C2200" s="8">
        <v>23.950386290000001</v>
      </c>
      <c r="D2200" s="8">
        <v>14.713473888999999</v>
      </c>
    </row>
    <row r="2201" spans="1:4" x14ac:dyDescent="0.3">
      <c r="A2201" s="6">
        <v>45294</v>
      </c>
      <c r="B2201" s="8">
        <v>92.020117111999994</v>
      </c>
      <c r="C2201" s="8">
        <v>24.114881441000001</v>
      </c>
      <c r="D2201" s="8">
        <v>14.730874352000001</v>
      </c>
    </row>
    <row r="2202" spans="1:4" x14ac:dyDescent="0.3">
      <c r="A2202" s="6">
        <v>45295</v>
      </c>
      <c r="B2202" s="8">
        <v>92.411788606000002</v>
      </c>
      <c r="C2202" s="8">
        <v>24.266940178999999</v>
      </c>
      <c r="D2202" s="8">
        <v>14.733748977999999</v>
      </c>
    </row>
    <row r="2203" spans="1:4" x14ac:dyDescent="0.3">
      <c r="A2203" s="6">
        <v>45296</v>
      </c>
      <c r="B2203" s="8">
        <v>92.780444258000003</v>
      </c>
      <c r="C2203" s="8">
        <v>24.353067798000001</v>
      </c>
      <c r="D2203" s="8">
        <v>14.723261804</v>
      </c>
    </row>
    <row r="2204" spans="1:4" x14ac:dyDescent="0.3">
      <c r="A2204" s="6">
        <v>45297</v>
      </c>
      <c r="B2204" s="8">
        <v>93.320401317999995</v>
      </c>
      <c r="C2204" s="8">
        <v>24.589809397</v>
      </c>
      <c r="D2204" s="8">
        <v>14.548625296000001</v>
      </c>
    </row>
    <row r="2205" spans="1:4" x14ac:dyDescent="0.3">
      <c r="A2205" s="6">
        <v>45298</v>
      </c>
      <c r="B2205" s="8">
        <v>93.528001317999994</v>
      </c>
      <c r="C2205" s="8">
        <v>24.613313652999999</v>
      </c>
      <c r="D2205" s="8">
        <v>14.590054608000001</v>
      </c>
    </row>
    <row r="2206" spans="1:4" x14ac:dyDescent="0.3">
      <c r="A2206" s="6">
        <v>45299</v>
      </c>
      <c r="B2206" s="8">
        <v>93.596751318000003</v>
      </c>
      <c r="C2206" s="8">
        <v>24.612675798000001</v>
      </c>
      <c r="D2206" s="8">
        <v>14.567641484999999</v>
      </c>
    </row>
    <row r="2207" spans="1:4" x14ac:dyDescent="0.3">
      <c r="A2207" s="6">
        <v>45300</v>
      </c>
      <c r="B2207" s="8">
        <v>94.063288706999998</v>
      </c>
      <c r="C2207" s="8">
        <v>24.550664243</v>
      </c>
      <c r="D2207" s="8">
        <v>14.513420962</v>
      </c>
    </row>
    <row r="2208" spans="1:4" x14ac:dyDescent="0.3">
      <c r="A2208" s="6">
        <v>45301</v>
      </c>
      <c r="B2208" s="8">
        <v>94.368207275000003</v>
      </c>
      <c r="C2208" s="8">
        <v>24.39444116</v>
      </c>
      <c r="D2208" s="8">
        <v>14.457273091999999</v>
      </c>
    </row>
    <row r="2209" spans="1:4" x14ac:dyDescent="0.3">
      <c r="A2209" s="6">
        <v>45302</v>
      </c>
      <c r="B2209" s="8">
        <v>94.591242887999996</v>
      </c>
      <c r="C2209" s="8">
        <v>24.396846034999999</v>
      </c>
      <c r="D2209" s="8">
        <v>14.405347063000001</v>
      </c>
    </row>
    <row r="2210" spans="1:4" x14ac:dyDescent="0.3">
      <c r="A2210" s="6">
        <v>45303</v>
      </c>
      <c r="B2210" s="8">
        <v>94.980329573000006</v>
      </c>
      <c r="C2210" s="8">
        <v>24.405992700999999</v>
      </c>
      <c r="D2210" s="8">
        <v>14.290402173</v>
      </c>
    </row>
    <row r="2211" spans="1:4" x14ac:dyDescent="0.3">
      <c r="A2211" s="6">
        <v>45304</v>
      </c>
      <c r="B2211" s="8">
        <v>94.982958944000003</v>
      </c>
      <c r="C2211" s="8">
        <v>24.482663795000001</v>
      </c>
      <c r="D2211" s="8">
        <v>14.224815531000001</v>
      </c>
    </row>
    <row r="2212" spans="1:4" x14ac:dyDescent="0.3">
      <c r="A2212" s="6">
        <v>45305</v>
      </c>
      <c r="B2212" s="8">
        <v>94.982958944000003</v>
      </c>
      <c r="C2212" s="8">
        <v>24.571655907</v>
      </c>
      <c r="D2212" s="8">
        <v>14.205972416</v>
      </c>
    </row>
    <row r="2213" spans="1:4" x14ac:dyDescent="0.3">
      <c r="A2213" s="6">
        <v>45306</v>
      </c>
      <c r="B2213" s="8">
        <v>94.982958937999996</v>
      </c>
      <c r="C2213" s="8">
        <v>24.570818353</v>
      </c>
      <c r="D2213" s="8">
        <v>14.171921264</v>
      </c>
    </row>
    <row r="2214" spans="1:4" x14ac:dyDescent="0.3">
      <c r="A2214" s="6">
        <v>45307</v>
      </c>
      <c r="B2214" s="8">
        <v>95.093844051999994</v>
      </c>
      <c r="C2214" s="8">
        <v>24.556922460999999</v>
      </c>
      <c r="D2214" s="8">
        <v>14.01445496</v>
      </c>
    </row>
    <row r="2215" spans="1:4" x14ac:dyDescent="0.3">
      <c r="A2215" s="6">
        <v>45308</v>
      </c>
      <c r="B2215" s="8">
        <v>95.101372849000001</v>
      </c>
      <c r="C2215" s="8">
        <v>24.534036326999999</v>
      </c>
      <c r="D2215" s="8">
        <v>13.954851872000001</v>
      </c>
    </row>
    <row r="2216" spans="1:4" x14ac:dyDescent="0.3">
      <c r="A2216" s="6">
        <v>45309</v>
      </c>
      <c r="B2216" s="8">
        <v>95.137139323</v>
      </c>
      <c r="C2216" s="8">
        <v>24.772680029</v>
      </c>
      <c r="D2216" s="8">
        <v>14.302395715999999</v>
      </c>
    </row>
    <row r="2217" spans="1:4" x14ac:dyDescent="0.3">
      <c r="A2217" s="6">
        <v>45310</v>
      </c>
      <c r="B2217" s="8">
        <v>95.033236391000003</v>
      </c>
      <c r="C2217" s="8">
        <v>24.728677091000002</v>
      </c>
      <c r="D2217" s="8">
        <v>13.850087037</v>
      </c>
    </row>
    <row r="2218" spans="1:4" x14ac:dyDescent="0.3">
      <c r="A2218" s="6">
        <v>45311</v>
      </c>
      <c r="B2218" s="8">
        <v>95.033236391000003</v>
      </c>
      <c r="C2218" s="8">
        <v>24.657925376000001</v>
      </c>
      <c r="D2218" s="8">
        <v>14.0773804375</v>
      </c>
    </row>
    <row r="2219" spans="1:4" x14ac:dyDescent="0.3">
      <c r="A2219" s="6">
        <v>45312</v>
      </c>
      <c r="B2219" s="8">
        <v>95.033236391000003</v>
      </c>
      <c r="C2219" s="8">
        <v>24.798972412000001</v>
      </c>
      <c r="D2219" s="8">
        <v>14.100812652</v>
      </c>
    </row>
    <row r="2220" spans="1:4" x14ac:dyDescent="0.3">
      <c r="A2220" s="6">
        <v>45313</v>
      </c>
      <c r="B2220" s="8">
        <v>94.902945510999999</v>
      </c>
      <c r="C2220" s="8">
        <v>24.821227894</v>
      </c>
      <c r="D2220" s="8">
        <v>13.996960015000001</v>
      </c>
    </row>
    <row r="2221" spans="1:4" x14ac:dyDescent="0.3">
      <c r="A2221" s="6">
        <v>45314</v>
      </c>
      <c r="B2221" s="8">
        <v>94.865026114000003</v>
      </c>
      <c r="C2221" s="8">
        <v>24.674962523000001</v>
      </c>
      <c r="D2221" s="8">
        <v>14.159905781999999</v>
      </c>
    </row>
    <row r="2222" spans="1:4" x14ac:dyDescent="0.3">
      <c r="A2222" s="6">
        <v>45315</v>
      </c>
      <c r="B2222" s="8">
        <v>95.563944195999994</v>
      </c>
      <c r="C2222" s="8">
        <v>24.711208897999999</v>
      </c>
      <c r="D2222" s="8">
        <v>14.114665737999999</v>
      </c>
    </row>
    <row r="2223" spans="1:4" x14ac:dyDescent="0.3">
      <c r="A2223" s="6">
        <v>45316</v>
      </c>
      <c r="B2223" s="8">
        <v>95.540986301000004</v>
      </c>
      <c r="C2223" s="8">
        <v>24.821272236999999</v>
      </c>
      <c r="D2223" s="8">
        <v>14.133498084999999</v>
      </c>
    </row>
    <row r="2224" spans="1:4" x14ac:dyDescent="0.3">
      <c r="A2224" s="6">
        <v>45317</v>
      </c>
      <c r="B2224" s="8">
        <v>95.543581704999994</v>
      </c>
      <c r="C2224" s="8">
        <v>24.981649926999999</v>
      </c>
      <c r="D2224" s="8">
        <v>14.105548837000001</v>
      </c>
    </row>
    <row r="2225" spans="1:4" x14ac:dyDescent="0.3">
      <c r="A2225" s="6">
        <v>45318</v>
      </c>
      <c r="B2225" s="8">
        <v>96.023872796000006</v>
      </c>
      <c r="C2225" s="8">
        <v>25.051595733999999</v>
      </c>
      <c r="D2225" s="8">
        <v>13.851238103</v>
      </c>
    </row>
    <row r="2226" spans="1:4" x14ac:dyDescent="0.3">
      <c r="A2226" s="6">
        <v>45319</v>
      </c>
      <c r="B2226" s="8">
        <v>96.022872794999998</v>
      </c>
      <c r="C2226" s="8">
        <v>25.108525962000002</v>
      </c>
      <c r="D2226" s="8">
        <v>13.854554945</v>
      </c>
    </row>
    <row r="2227" spans="1:4" x14ac:dyDescent="0.3">
      <c r="A2227" s="6">
        <v>45320</v>
      </c>
      <c r="B2227" s="8">
        <v>96.022872794999998</v>
      </c>
      <c r="C2227" s="8">
        <v>25.13103362</v>
      </c>
      <c r="D2227" s="8">
        <v>13.862294284000001</v>
      </c>
    </row>
    <row r="2228" spans="1:4" x14ac:dyDescent="0.3">
      <c r="A2228" s="6">
        <v>45321</v>
      </c>
      <c r="B2228" s="8">
        <v>96.040095473999997</v>
      </c>
      <c r="C2228" s="8">
        <v>25.374565041</v>
      </c>
      <c r="D2228" s="8">
        <v>13.843208816000001</v>
      </c>
    </row>
    <row r="2229" spans="1:4" x14ac:dyDescent="0.3">
      <c r="A2229" s="6">
        <v>45322</v>
      </c>
      <c r="B2229" s="8">
        <v>96.187066651999999</v>
      </c>
      <c r="C2229" s="8">
        <v>25.610422712999998</v>
      </c>
      <c r="D2229" s="8">
        <v>13.418607080999999</v>
      </c>
    </row>
    <row r="2230" spans="1:4" x14ac:dyDescent="0.3">
      <c r="A2230" s="6">
        <v>45323</v>
      </c>
      <c r="B2230" s="8">
        <v>96.206404754000005</v>
      </c>
      <c r="C2230" s="8">
        <v>25.842279663999999</v>
      </c>
      <c r="D2230" s="8">
        <v>13.364386836</v>
      </c>
    </row>
    <row r="2231" spans="1:4" x14ac:dyDescent="0.3">
      <c r="A2231" s="6">
        <v>45324</v>
      </c>
      <c r="B2231" s="8">
        <v>96.208938476</v>
      </c>
      <c r="C2231" s="8">
        <v>25.781117066</v>
      </c>
      <c r="D2231" s="8">
        <v>13.382247849000001</v>
      </c>
    </row>
    <row r="2232" spans="1:4" x14ac:dyDescent="0.3">
      <c r="A2232" s="6">
        <v>45325</v>
      </c>
      <c r="B2232" s="8">
        <v>96.218466556999999</v>
      </c>
      <c r="C2232" s="8">
        <v>25.897770065</v>
      </c>
      <c r="D2232" s="8">
        <v>13.371478700000001</v>
      </c>
    </row>
    <row r="2233" spans="1:4" x14ac:dyDescent="0.3">
      <c r="A2233" s="6">
        <v>45326</v>
      </c>
      <c r="B2233" s="8">
        <v>96.218466556999999</v>
      </c>
      <c r="C2233" s="8">
        <v>25.949372717999999</v>
      </c>
      <c r="D2233" s="8">
        <v>13.318540764</v>
      </c>
    </row>
    <row r="2234" spans="1:4" x14ac:dyDescent="0.3">
      <c r="A2234" s="6">
        <v>45327</v>
      </c>
      <c r="B2234" s="8">
        <v>96.219105917999997</v>
      </c>
      <c r="C2234" s="8">
        <v>25.994030471999999</v>
      </c>
      <c r="D2234" s="8">
        <v>13.323609463</v>
      </c>
    </row>
    <row r="2235" spans="1:4" x14ac:dyDescent="0.3">
      <c r="A2235" s="6">
        <v>45328</v>
      </c>
      <c r="B2235" s="8">
        <v>96.223618244999997</v>
      </c>
      <c r="C2235" s="8">
        <v>25.966881237999999</v>
      </c>
      <c r="D2235" s="8">
        <v>13.311227326999999</v>
      </c>
    </row>
    <row r="2236" spans="1:4" x14ac:dyDescent="0.3">
      <c r="A2236" s="6">
        <v>45329</v>
      </c>
      <c r="B2236" s="8">
        <v>96.168527921000006</v>
      </c>
      <c r="C2236" s="8">
        <v>26.217899253999999</v>
      </c>
      <c r="D2236" s="8">
        <v>13.304271611000001</v>
      </c>
    </row>
    <row r="2237" spans="1:4" x14ac:dyDescent="0.3">
      <c r="A2237" s="6">
        <v>45330</v>
      </c>
      <c r="B2237" s="8">
        <v>96.173255741999995</v>
      </c>
      <c r="C2237" s="8">
        <v>26.414784653000002</v>
      </c>
      <c r="D2237" s="8">
        <v>13.229780851999999</v>
      </c>
    </row>
    <row r="2238" spans="1:4" x14ac:dyDescent="0.3">
      <c r="A2238" s="6">
        <v>45331</v>
      </c>
      <c r="B2238" s="8">
        <v>96.193378382999995</v>
      </c>
      <c r="C2238" s="8">
        <v>26.616157472000001</v>
      </c>
      <c r="D2238" s="8">
        <v>13.368064351999999</v>
      </c>
    </row>
    <row r="2239" spans="1:4" x14ac:dyDescent="0.3">
      <c r="A2239" s="6">
        <v>45332</v>
      </c>
      <c r="B2239" s="8">
        <v>96.208378382999996</v>
      </c>
      <c r="C2239" s="8">
        <v>26.806565845000002</v>
      </c>
      <c r="D2239" s="8">
        <v>13.492372143000001</v>
      </c>
    </row>
    <row r="2240" spans="1:4" x14ac:dyDescent="0.3">
      <c r="A2240" s="6">
        <v>45333</v>
      </c>
      <c r="B2240" s="8">
        <v>96.328878383000003</v>
      </c>
      <c r="C2240" s="8">
        <v>26.826968670999999</v>
      </c>
      <c r="D2240" s="8">
        <v>13.52935119</v>
      </c>
    </row>
    <row r="2241" spans="1:4" x14ac:dyDescent="0.3">
      <c r="A2241" s="6">
        <v>45334</v>
      </c>
      <c r="B2241" s="8">
        <v>96.462258382000002</v>
      </c>
      <c r="C2241" s="8">
        <v>26.803610810999999</v>
      </c>
      <c r="D2241" s="8">
        <v>13.543460454</v>
      </c>
    </row>
    <row r="2242" spans="1:4" x14ac:dyDescent="0.3">
      <c r="A2242" s="6">
        <v>45335</v>
      </c>
      <c r="B2242" s="8">
        <v>96.655458382000006</v>
      </c>
      <c r="C2242" s="8">
        <v>26.657271501</v>
      </c>
      <c r="D2242" s="8">
        <v>13.255874281000001</v>
      </c>
    </row>
    <row r="2243" spans="1:4" x14ac:dyDescent="0.3">
      <c r="A2243" s="6">
        <v>45336</v>
      </c>
      <c r="B2243" s="8">
        <v>96.787758381000003</v>
      </c>
      <c r="C2243" s="8">
        <v>26.715501557</v>
      </c>
      <c r="D2243" s="8">
        <v>13.264660314</v>
      </c>
    </row>
    <row r="2244" spans="1:4" x14ac:dyDescent="0.3">
      <c r="A2244" s="6">
        <v>45337</v>
      </c>
      <c r="B2244" s="8">
        <v>96.948454100000006</v>
      </c>
      <c r="C2244" s="8">
        <v>26.884937563000001</v>
      </c>
      <c r="D2244" s="8">
        <v>13.279978227000001</v>
      </c>
    </row>
    <row r="2245" spans="1:4" x14ac:dyDescent="0.3">
      <c r="A2245" s="6">
        <v>45338</v>
      </c>
      <c r="B2245" s="8">
        <v>97.334361243000004</v>
      </c>
      <c r="C2245" s="8">
        <v>26.962603158</v>
      </c>
      <c r="D2245" s="8">
        <v>13.306805039</v>
      </c>
    </row>
    <row r="2246" spans="1:4" x14ac:dyDescent="0.3">
      <c r="A2246" s="6">
        <v>45339</v>
      </c>
      <c r="B2246" s="8">
        <v>97.537110494000004</v>
      </c>
      <c r="C2246" s="8">
        <v>26.960510313</v>
      </c>
      <c r="D2246" s="8">
        <v>13.319948746</v>
      </c>
    </row>
    <row r="2247" spans="1:4" x14ac:dyDescent="0.3">
      <c r="A2247" s="6">
        <v>45340</v>
      </c>
      <c r="B2247" s="8">
        <v>97.644529575000007</v>
      </c>
      <c r="C2247" s="8">
        <v>26.965558239</v>
      </c>
      <c r="D2247" s="8">
        <v>13.355413037</v>
      </c>
    </row>
    <row r="2248" spans="1:4" x14ac:dyDescent="0.3">
      <c r="A2248" s="6">
        <v>45341</v>
      </c>
      <c r="B2248" s="8">
        <v>97.674223122000001</v>
      </c>
      <c r="C2248" s="8">
        <v>26.923120421</v>
      </c>
      <c r="D2248" s="8">
        <v>13.373789003000001</v>
      </c>
    </row>
    <row r="2249" spans="1:4" x14ac:dyDescent="0.3">
      <c r="A2249" s="6">
        <v>45342</v>
      </c>
      <c r="B2249" s="8">
        <v>97.694587261999999</v>
      </c>
      <c r="C2249" s="8">
        <v>26.884372118000002</v>
      </c>
      <c r="D2249" s="8">
        <v>13.448244675</v>
      </c>
    </row>
    <row r="2250" spans="1:4" x14ac:dyDescent="0.3">
      <c r="A2250" s="6">
        <v>45343</v>
      </c>
      <c r="B2250" s="8">
        <v>97.805414635000005</v>
      </c>
      <c r="C2250" s="8">
        <v>26.849138161999999</v>
      </c>
      <c r="D2250" s="8">
        <v>13.454959253</v>
      </c>
    </row>
    <row r="2251" spans="1:4" x14ac:dyDescent="0.3">
      <c r="A2251" s="6">
        <v>45344</v>
      </c>
      <c r="B2251" s="8">
        <v>97.828950766999995</v>
      </c>
      <c r="C2251" s="8">
        <v>26.905476515</v>
      </c>
      <c r="D2251" s="8">
        <v>13.532879475</v>
      </c>
    </row>
    <row r="2252" spans="1:4" x14ac:dyDescent="0.3">
      <c r="A2252" s="6">
        <v>45345</v>
      </c>
      <c r="B2252" s="8">
        <v>97.830410207</v>
      </c>
      <c r="C2252" s="8">
        <v>26.853304820999998</v>
      </c>
      <c r="D2252" s="8">
        <v>13.798285091</v>
      </c>
    </row>
    <row r="2253" spans="1:4" x14ac:dyDescent="0.3">
      <c r="A2253" s="6">
        <v>45346</v>
      </c>
      <c r="B2253" s="8">
        <v>97.897857759999994</v>
      </c>
      <c r="C2253" s="8">
        <v>26.941129038</v>
      </c>
      <c r="D2253" s="8">
        <v>13.994687933</v>
      </c>
    </row>
    <row r="2254" spans="1:4" x14ac:dyDescent="0.3">
      <c r="A2254" s="6">
        <v>45347</v>
      </c>
      <c r="B2254" s="8">
        <v>97.897857759999994</v>
      </c>
      <c r="C2254" s="8">
        <v>26.990807633999999</v>
      </c>
      <c r="D2254" s="8">
        <v>14.019192504999999</v>
      </c>
    </row>
    <row r="2255" spans="1:4" x14ac:dyDescent="0.3">
      <c r="A2255" s="6">
        <v>45348</v>
      </c>
      <c r="B2255" s="8">
        <v>97.897857458000004</v>
      </c>
      <c r="C2255" s="8">
        <v>27.016393883999999</v>
      </c>
      <c r="D2255" s="8">
        <v>14.039021264</v>
      </c>
    </row>
    <row r="2256" spans="1:4" x14ac:dyDescent="0.3">
      <c r="A2256" s="6">
        <v>45349</v>
      </c>
      <c r="B2256" s="8">
        <v>98.106291060000004</v>
      </c>
      <c r="C2256" s="8">
        <v>27.248948581000001</v>
      </c>
      <c r="D2256" s="8">
        <v>14.107666018</v>
      </c>
    </row>
    <row r="2257" spans="1:4" x14ac:dyDescent="0.3">
      <c r="A2257" s="6">
        <v>45350</v>
      </c>
      <c r="B2257" s="8">
        <v>98.378060189999999</v>
      </c>
      <c r="C2257" s="8">
        <v>27.196072647000001</v>
      </c>
      <c r="D2257" s="8">
        <v>14.156139984999999</v>
      </c>
    </row>
    <row r="2258" spans="1:4" x14ac:dyDescent="0.3">
      <c r="A2258" s="6">
        <v>45351</v>
      </c>
      <c r="B2258" s="8">
        <v>98.695532864</v>
      </c>
      <c r="C2258" s="8">
        <v>27.347800752000001</v>
      </c>
      <c r="D2258" s="8">
        <v>14.311847308999999</v>
      </c>
    </row>
    <row r="2259" spans="1:4" x14ac:dyDescent="0.3">
      <c r="A2259" s="6">
        <v>45352</v>
      </c>
      <c r="B2259" s="8">
        <v>98.834150546000004</v>
      </c>
      <c r="C2259" s="8">
        <v>27.484804686</v>
      </c>
      <c r="D2259" s="8">
        <v>14.43713998</v>
      </c>
    </row>
    <row r="2260" spans="1:4" x14ac:dyDescent="0.3">
      <c r="A2260" s="6">
        <v>45353</v>
      </c>
      <c r="B2260" s="8">
        <v>99.173460258999995</v>
      </c>
      <c r="C2260" s="8">
        <v>27.673628724</v>
      </c>
      <c r="D2260" s="8">
        <v>14.534965199</v>
      </c>
    </row>
    <row r="2261" spans="1:4" x14ac:dyDescent="0.3">
      <c r="A2261" s="6">
        <v>45354</v>
      </c>
      <c r="B2261" s="8">
        <v>99.422260258999998</v>
      </c>
      <c r="C2261" s="8">
        <v>27.661749629999999</v>
      </c>
      <c r="D2261" s="8">
        <v>14.560475416999999</v>
      </c>
    </row>
    <row r="2262" spans="1:4" x14ac:dyDescent="0.3">
      <c r="A2262" s="6">
        <v>45355</v>
      </c>
      <c r="B2262" s="8">
        <v>99.525850148999993</v>
      </c>
      <c r="C2262" s="8">
        <v>27.603887693000001</v>
      </c>
      <c r="D2262" s="8">
        <v>14.62168258</v>
      </c>
    </row>
    <row r="2263" spans="1:4" x14ac:dyDescent="0.3">
      <c r="A2263" s="6">
        <v>45356</v>
      </c>
      <c r="B2263" s="8">
        <v>100.038817337</v>
      </c>
      <c r="C2263" s="8">
        <v>27.538326850000001</v>
      </c>
      <c r="D2263" s="8">
        <v>14.567799936</v>
      </c>
    </row>
    <row r="2264" spans="1:4" x14ac:dyDescent="0.3">
      <c r="A2264" s="6">
        <v>45357</v>
      </c>
      <c r="B2264" s="8">
        <v>100.434401358</v>
      </c>
      <c r="C2264" s="8">
        <v>27.464080572</v>
      </c>
      <c r="D2264" s="8">
        <v>14.365297277</v>
      </c>
    </row>
    <row r="2265" spans="1:4" x14ac:dyDescent="0.3">
      <c r="A2265" s="6">
        <v>45358</v>
      </c>
      <c r="B2265" s="8">
        <v>100.752179979</v>
      </c>
      <c r="C2265" s="8">
        <v>27.739878379</v>
      </c>
      <c r="D2265" s="8">
        <v>14.443387959000001</v>
      </c>
    </row>
    <row r="2266" spans="1:4" x14ac:dyDescent="0.3">
      <c r="A2266" s="6">
        <v>45359</v>
      </c>
      <c r="B2266" s="8">
        <v>101.039338406</v>
      </c>
      <c r="C2266" s="8">
        <v>27.884612179000001</v>
      </c>
      <c r="D2266" s="8">
        <v>14.085775312000001</v>
      </c>
    </row>
    <row r="2267" spans="1:4" x14ac:dyDescent="0.3">
      <c r="A2267" s="6">
        <v>45360</v>
      </c>
      <c r="B2267" s="8">
        <v>101.58645578799999</v>
      </c>
      <c r="C2267" s="8">
        <v>28.440553688000001</v>
      </c>
      <c r="D2267" s="8">
        <v>14.196189264999999</v>
      </c>
    </row>
    <row r="2268" spans="1:4" x14ac:dyDescent="0.3">
      <c r="A2268" s="6">
        <v>45361</v>
      </c>
      <c r="B2268" s="8">
        <v>101.812755784</v>
      </c>
      <c r="C2268" s="8">
        <v>28.481735113999999</v>
      </c>
      <c r="D2268" s="8">
        <v>14.206899431</v>
      </c>
    </row>
    <row r="2269" spans="1:4" x14ac:dyDescent="0.3">
      <c r="A2269" s="6">
        <v>45362</v>
      </c>
      <c r="B2269" s="8">
        <v>102.012255784</v>
      </c>
      <c r="C2269" s="8">
        <v>28.604591335999999</v>
      </c>
      <c r="D2269" s="8">
        <v>14.394611095</v>
      </c>
    </row>
    <row r="2270" spans="1:4" x14ac:dyDescent="0.3">
      <c r="A2270" s="6">
        <v>45363</v>
      </c>
      <c r="B2270" s="8">
        <v>102.428495868</v>
      </c>
      <c r="C2270" s="8">
        <v>28.972227030999999</v>
      </c>
      <c r="D2270" s="8">
        <v>14.401625335</v>
      </c>
    </row>
    <row r="2271" spans="1:4" x14ac:dyDescent="0.3">
      <c r="A2271" s="6">
        <v>45364</v>
      </c>
      <c r="B2271" s="8">
        <v>102.65698279199999</v>
      </c>
      <c r="C2271" s="8">
        <v>28.934440144</v>
      </c>
      <c r="D2271" s="8">
        <v>14.262230619</v>
      </c>
    </row>
    <row r="2272" spans="1:4" x14ac:dyDescent="0.3">
      <c r="A2272" s="6">
        <v>45365</v>
      </c>
      <c r="B2272" s="8">
        <v>103.124150069</v>
      </c>
      <c r="C2272" s="8">
        <v>29.227668673</v>
      </c>
      <c r="D2272" s="8">
        <v>14.183800381999999</v>
      </c>
    </row>
    <row r="2273" spans="1:4" x14ac:dyDescent="0.3">
      <c r="A2273" s="6">
        <v>45366</v>
      </c>
      <c r="B2273" s="8">
        <v>103.256569684</v>
      </c>
      <c r="C2273" s="8">
        <v>29.027559819</v>
      </c>
      <c r="D2273" s="8">
        <v>14.311557238000001</v>
      </c>
    </row>
    <row r="2274" spans="1:4" x14ac:dyDescent="0.3">
      <c r="A2274" s="6">
        <v>45367</v>
      </c>
      <c r="B2274" s="8">
        <v>103.30807735099999</v>
      </c>
      <c r="C2274" s="8">
        <v>29.367700855999999</v>
      </c>
      <c r="D2274" s="8">
        <v>14.0041772165</v>
      </c>
    </row>
    <row r="2275" spans="1:4" x14ac:dyDescent="0.3">
      <c r="A2275" s="6">
        <v>45368</v>
      </c>
      <c r="B2275" s="8">
        <v>103.40307735099999</v>
      </c>
      <c r="C2275" s="8">
        <v>29.425677192999999</v>
      </c>
      <c r="D2275" s="8">
        <v>14.076658537</v>
      </c>
    </row>
    <row r="2276" spans="1:4" x14ac:dyDescent="0.3">
      <c r="A2276" s="6">
        <v>45369</v>
      </c>
      <c r="B2276" s="8">
        <v>103.40328714100001</v>
      </c>
      <c r="C2276" s="8">
        <v>29.351921177000001</v>
      </c>
      <c r="D2276" s="8">
        <v>14.0577605405</v>
      </c>
    </row>
    <row r="2277" spans="1:4" x14ac:dyDescent="0.3">
      <c r="A2277" s="6">
        <v>45370</v>
      </c>
      <c r="B2277" s="8">
        <v>103.65675595099999</v>
      </c>
      <c r="C2277" s="8">
        <v>29.670459830999999</v>
      </c>
      <c r="D2277" s="8">
        <v>14.133011991</v>
      </c>
    </row>
    <row r="2278" spans="1:4" x14ac:dyDescent="0.3">
      <c r="A2278" s="6">
        <v>45371</v>
      </c>
      <c r="B2278" s="8">
        <v>103.76764467300001</v>
      </c>
      <c r="C2278" s="8">
        <v>29.690124696000002</v>
      </c>
      <c r="D2278" s="8">
        <v>13.8590221145</v>
      </c>
    </row>
    <row r="2279" spans="1:4" x14ac:dyDescent="0.3">
      <c r="A2279" s="6">
        <v>45372</v>
      </c>
      <c r="B2279" s="8">
        <v>103.892152366</v>
      </c>
      <c r="C2279" s="8">
        <v>29.932564271</v>
      </c>
      <c r="D2279" s="8">
        <v>13.550464502000001</v>
      </c>
    </row>
    <row r="2280" spans="1:4" x14ac:dyDescent="0.3">
      <c r="A2280" s="6">
        <v>45373</v>
      </c>
      <c r="B2280" s="8">
        <v>104.04211053900001</v>
      </c>
      <c r="C2280" s="8">
        <v>30.332201521999998</v>
      </c>
      <c r="D2280" s="8">
        <v>13.390871904999999</v>
      </c>
    </row>
    <row r="2281" spans="1:4" x14ac:dyDescent="0.3">
      <c r="A2281" s="6">
        <v>45374</v>
      </c>
      <c r="B2281" s="8">
        <v>104.007508096</v>
      </c>
      <c r="C2281" s="8">
        <v>30.524444759000001</v>
      </c>
      <c r="D2281" s="8">
        <v>13.428159392</v>
      </c>
    </row>
    <row r="2282" spans="1:4" x14ac:dyDescent="0.3">
      <c r="A2282" s="6">
        <v>45375</v>
      </c>
      <c r="B2282" s="8">
        <v>103.997508096</v>
      </c>
      <c r="C2282" s="8">
        <v>30.547102776999999</v>
      </c>
      <c r="D2282" s="8">
        <v>13.530678518</v>
      </c>
    </row>
    <row r="2283" spans="1:4" x14ac:dyDescent="0.3">
      <c r="A2283" s="6">
        <v>45376</v>
      </c>
      <c r="B2283" s="8">
        <v>104.002508096</v>
      </c>
      <c r="C2283" s="8">
        <v>30.537647709000002</v>
      </c>
      <c r="D2283" s="8">
        <v>13.619162744</v>
      </c>
    </row>
    <row r="2284" spans="1:4" x14ac:dyDescent="0.3">
      <c r="A2284" s="6">
        <v>45377</v>
      </c>
      <c r="B2284" s="8">
        <v>104.231823342</v>
      </c>
      <c r="C2284" s="8">
        <v>31.565676685</v>
      </c>
      <c r="D2284" s="8">
        <v>13.536184636</v>
      </c>
    </row>
    <row r="2285" spans="1:4" x14ac:dyDescent="0.3">
      <c r="A2285" s="6">
        <v>45378</v>
      </c>
      <c r="B2285" s="8">
        <v>104.358215527</v>
      </c>
      <c r="C2285" s="8">
        <v>31.613745702999999</v>
      </c>
      <c r="D2285" s="8">
        <v>13.6376758875</v>
      </c>
    </row>
    <row r="2286" spans="1:4" x14ac:dyDescent="0.3">
      <c r="A2286" s="6">
        <v>45379</v>
      </c>
      <c r="B2286" s="8">
        <v>104.438284293</v>
      </c>
      <c r="C2286" s="8">
        <v>31.416151473999999</v>
      </c>
      <c r="D2286" s="8">
        <v>13.596111635</v>
      </c>
    </row>
    <row r="2287" spans="1:4" x14ac:dyDescent="0.3">
      <c r="A2287" s="6">
        <v>45380</v>
      </c>
      <c r="B2287" s="8">
        <v>104.488442732</v>
      </c>
      <c r="C2287" s="8">
        <v>31.780276306000001</v>
      </c>
      <c r="D2287" s="8">
        <v>13.634393127499999</v>
      </c>
    </row>
    <row r="2288" spans="1:4" x14ac:dyDescent="0.3">
      <c r="A2288" s="6">
        <v>45381</v>
      </c>
      <c r="B2288" s="8">
        <v>104.48947120699999</v>
      </c>
      <c r="C2288" s="8">
        <v>31.841917384999999</v>
      </c>
      <c r="D2288" s="8">
        <v>13.788114838</v>
      </c>
    </row>
    <row r="2289" spans="1:4" x14ac:dyDescent="0.3">
      <c r="A2289" s="6">
        <v>45382</v>
      </c>
      <c r="B2289" s="8">
        <v>104.48947120699999</v>
      </c>
      <c r="C2289" s="8">
        <v>31.824931203999999</v>
      </c>
      <c r="D2289" s="8">
        <v>13.809906268500001</v>
      </c>
    </row>
    <row r="2290" spans="1:4" x14ac:dyDescent="0.3">
      <c r="A2290" s="6">
        <v>45383</v>
      </c>
      <c r="B2290" s="8">
        <v>104.43076990900001</v>
      </c>
      <c r="C2290" s="8">
        <v>31.790934909000001</v>
      </c>
      <c r="D2290" s="8">
        <v>13.821165457999999</v>
      </c>
    </row>
    <row r="2291" spans="1:4" x14ac:dyDescent="0.3">
      <c r="A2291" s="6">
        <v>45384</v>
      </c>
      <c r="B2291" s="8">
        <v>104.64206861</v>
      </c>
      <c r="C2291" s="8">
        <v>31.990864846000001</v>
      </c>
      <c r="D2291" s="8">
        <v>13.952894463</v>
      </c>
    </row>
    <row r="2292" spans="1:4" x14ac:dyDescent="0.3">
      <c r="A2292" s="6">
        <v>45385</v>
      </c>
      <c r="B2292" s="8">
        <v>105.26285108800001</v>
      </c>
      <c r="C2292" s="8">
        <v>32.165088085999997</v>
      </c>
      <c r="D2292" s="8">
        <v>14.048269236499999</v>
      </c>
    </row>
    <row r="2293" spans="1:4" x14ac:dyDescent="0.3">
      <c r="A2293" s="6">
        <v>45386</v>
      </c>
      <c r="B2293" s="8">
        <v>106.12890962900001</v>
      </c>
      <c r="C2293" s="8">
        <v>32.195126362000003</v>
      </c>
      <c r="D2293" s="8">
        <v>14.192194084</v>
      </c>
    </row>
    <row r="2294" spans="1:4" x14ac:dyDescent="0.3">
      <c r="A2294" s="6">
        <v>45387</v>
      </c>
      <c r="B2294" s="8">
        <v>106.577580717</v>
      </c>
      <c r="C2294" s="8">
        <v>32.336584375000001</v>
      </c>
      <c r="D2294" s="8">
        <v>14.633342431000001</v>
      </c>
    </row>
    <row r="2295" spans="1:4" x14ac:dyDescent="0.3">
      <c r="A2295" s="6">
        <v>45388</v>
      </c>
      <c r="B2295" s="8">
        <v>106.790630717</v>
      </c>
      <c r="C2295" s="8">
        <v>32.230297819</v>
      </c>
      <c r="D2295" s="8">
        <v>15.378971636999999</v>
      </c>
    </row>
    <row r="2296" spans="1:4" x14ac:dyDescent="0.3">
      <c r="A2296" s="6">
        <v>45389</v>
      </c>
      <c r="B2296" s="8">
        <v>106.87639071700001</v>
      </c>
      <c r="C2296" s="8">
        <v>32.255081128</v>
      </c>
      <c r="D2296" s="8">
        <v>15.474568455</v>
      </c>
    </row>
    <row r="2297" spans="1:4" x14ac:dyDescent="0.3">
      <c r="A2297" s="6">
        <v>45390</v>
      </c>
      <c r="B2297" s="8">
        <v>106.877390717</v>
      </c>
      <c r="C2297" s="8">
        <v>32.235006841999997</v>
      </c>
      <c r="D2297" s="8">
        <v>15.475501065</v>
      </c>
    </row>
    <row r="2298" spans="1:4" x14ac:dyDescent="0.3">
      <c r="A2298" s="6">
        <v>45391</v>
      </c>
      <c r="B2298" s="8">
        <v>107.027788864</v>
      </c>
      <c r="C2298" s="8">
        <v>31.925953622000002</v>
      </c>
      <c r="D2298" s="8">
        <v>15.399648203</v>
      </c>
    </row>
    <row r="2299" spans="1:4" x14ac:dyDescent="0.3">
      <c r="A2299" s="6">
        <v>45392</v>
      </c>
      <c r="B2299" s="8">
        <v>107.160428303</v>
      </c>
      <c r="C2299" s="8">
        <v>31.616443554</v>
      </c>
      <c r="D2299" s="8">
        <v>15.265779881</v>
      </c>
    </row>
    <row r="2300" spans="1:4" x14ac:dyDescent="0.3">
      <c r="A2300" s="6">
        <v>45393</v>
      </c>
      <c r="B2300" s="8">
        <v>107.238627404</v>
      </c>
      <c r="C2300" s="8">
        <v>31.517808937000002</v>
      </c>
      <c r="D2300" s="8">
        <v>15.292653371</v>
      </c>
    </row>
    <row r="2301" spans="1:4" x14ac:dyDescent="0.3">
      <c r="A2301" s="6">
        <v>45394</v>
      </c>
      <c r="B2301" s="8">
        <v>107.27746596599999</v>
      </c>
      <c r="C2301" s="8">
        <v>31.549341681000001</v>
      </c>
      <c r="D2301" s="8">
        <v>15.388667973</v>
      </c>
    </row>
    <row r="2302" spans="1:4" x14ac:dyDescent="0.3">
      <c r="A2302" s="6">
        <v>45395</v>
      </c>
      <c r="B2302" s="8">
        <v>107.330394387</v>
      </c>
      <c r="C2302" s="8">
        <v>31.264179381000002</v>
      </c>
      <c r="D2302" s="8">
        <v>16.112657718000001</v>
      </c>
    </row>
    <row r="2303" spans="1:4" x14ac:dyDescent="0.3">
      <c r="A2303" s="6">
        <v>45396</v>
      </c>
      <c r="B2303" s="8">
        <v>107.660374387</v>
      </c>
      <c r="C2303" s="8">
        <v>31.652420433</v>
      </c>
      <c r="D2303" s="8">
        <v>16.244303359</v>
      </c>
    </row>
    <row r="2304" spans="1:4" x14ac:dyDescent="0.3">
      <c r="A2304" s="6">
        <v>45397</v>
      </c>
      <c r="B2304" s="8">
        <v>107.69517438699999</v>
      </c>
      <c r="C2304" s="8">
        <v>31.594412346999999</v>
      </c>
      <c r="D2304" s="8">
        <v>16.182264255</v>
      </c>
    </row>
    <row r="2305" spans="1:4" x14ac:dyDescent="0.3">
      <c r="A2305" s="6">
        <v>45398</v>
      </c>
      <c r="B2305" s="8">
        <v>108.06484162</v>
      </c>
      <c r="C2305" s="8">
        <v>31.704938569999999</v>
      </c>
      <c r="D2305" s="8">
        <v>16.12741054</v>
      </c>
    </row>
    <row r="2306" spans="1:4" x14ac:dyDescent="0.3">
      <c r="A2306" s="6">
        <v>45399</v>
      </c>
      <c r="B2306" s="8">
        <v>108.74158529100001</v>
      </c>
      <c r="C2306" s="8">
        <v>31.89952671</v>
      </c>
      <c r="D2306" s="8">
        <v>16.168252207999998</v>
      </c>
    </row>
    <row r="2307" spans="1:4" x14ac:dyDescent="0.3">
      <c r="A2307" s="6">
        <v>45400</v>
      </c>
      <c r="B2307" s="8">
        <v>109.092586086</v>
      </c>
      <c r="C2307" s="8">
        <v>29.831505528000001</v>
      </c>
      <c r="D2307" s="8">
        <v>15.843007436000001</v>
      </c>
    </row>
    <row r="2308" spans="1:4" x14ac:dyDescent="0.3">
      <c r="A2308" s="6">
        <v>45401</v>
      </c>
      <c r="B2308" s="8">
        <v>109.517186689</v>
      </c>
      <c r="C2308" s="8">
        <v>32.394404539</v>
      </c>
      <c r="D2308" s="8">
        <v>15.857938524</v>
      </c>
    </row>
    <row r="2309" spans="1:4" x14ac:dyDescent="0.3">
      <c r="A2309" s="6">
        <v>45402</v>
      </c>
      <c r="B2309" s="8">
        <v>109.818107184</v>
      </c>
      <c r="C2309" s="8">
        <v>30.952792378000002</v>
      </c>
      <c r="D2309" s="8">
        <v>15.820992665</v>
      </c>
    </row>
    <row r="2310" spans="1:4" x14ac:dyDescent="0.3">
      <c r="A2310" s="6">
        <v>45403</v>
      </c>
      <c r="B2310" s="8">
        <v>109.834873894</v>
      </c>
      <c r="C2310" s="8">
        <v>31.005255268999999</v>
      </c>
      <c r="D2310" s="8">
        <v>15.843160951</v>
      </c>
    </row>
    <row r="2311" spans="1:4" x14ac:dyDescent="0.3">
      <c r="A2311" s="6">
        <v>45404</v>
      </c>
      <c r="B2311" s="8">
        <v>109.832373894</v>
      </c>
      <c r="C2311" s="8">
        <v>33.263733244999997</v>
      </c>
      <c r="D2311" s="8">
        <v>15.871268075</v>
      </c>
    </row>
    <row r="2312" spans="1:4" x14ac:dyDescent="0.3">
      <c r="A2312" s="6">
        <v>45405</v>
      </c>
      <c r="B2312" s="8">
        <v>110.17619383100001</v>
      </c>
      <c r="C2312" s="8">
        <v>33.11378054</v>
      </c>
      <c r="D2312" s="8">
        <v>16.118154060999998</v>
      </c>
    </row>
    <row r="2313" spans="1:4" x14ac:dyDescent="0.3">
      <c r="A2313" s="6">
        <v>45406</v>
      </c>
      <c r="B2313" s="8">
        <v>110.369006778</v>
      </c>
      <c r="C2313" s="8">
        <v>32.776174318999999</v>
      </c>
      <c r="D2313" s="8">
        <v>16.270614598000002</v>
      </c>
    </row>
    <row r="2314" spans="1:4" x14ac:dyDescent="0.3">
      <c r="A2314" s="6">
        <v>45407</v>
      </c>
      <c r="B2314" s="8">
        <v>110.369006778</v>
      </c>
      <c r="C2314" s="8">
        <v>32.776174318999999</v>
      </c>
      <c r="D2314" s="8">
        <v>16.775608813000002</v>
      </c>
    </row>
    <row r="2315" spans="1:4" x14ac:dyDescent="0.3">
      <c r="A2315" s="6">
        <v>45408</v>
      </c>
      <c r="B2315" s="8">
        <v>110.369006778</v>
      </c>
      <c r="C2315" s="8">
        <v>32.776174318999999</v>
      </c>
      <c r="D2315" s="8">
        <v>16.824779316000001</v>
      </c>
    </row>
    <row r="2316" spans="1:4" x14ac:dyDescent="0.3">
      <c r="A2316" s="6">
        <v>45409</v>
      </c>
      <c r="B2316" s="8">
        <v>110.369006778</v>
      </c>
      <c r="C2316" s="8">
        <v>32.776174318999999</v>
      </c>
      <c r="D2316" s="8">
        <v>16.813725209000001</v>
      </c>
    </row>
    <row r="2317" spans="1:4" x14ac:dyDescent="0.3">
      <c r="A2317" s="6">
        <v>45410</v>
      </c>
      <c r="B2317" s="8">
        <v>110.347920449</v>
      </c>
      <c r="C2317" s="8">
        <v>32.790717362999999</v>
      </c>
      <c r="D2317" s="8">
        <v>16.898020594999998</v>
      </c>
    </row>
    <row r="2318" spans="1:4" x14ac:dyDescent="0.3">
      <c r="A2318" s="6">
        <v>45411</v>
      </c>
      <c r="B2318" s="8">
        <v>110.347842716</v>
      </c>
      <c r="C2318" s="8">
        <v>32.786787070000003</v>
      </c>
      <c r="D2318" s="8">
        <v>16.888759161999999</v>
      </c>
    </row>
    <row r="2319" spans="1:4" x14ac:dyDescent="0.3">
      <c r="A2319" s="6">
        <v>45412</v>
      </c>
      <c r="B2319" s="8">
        <v>110.41214730199999</v>
      </c>
      <c r="C2319" s="8">
        <v>32.613350058999998</v>
      </c>
      <c r="D2319" s="8">
        <v>16.78588985</v>
      </c>
    </row>
    <row r="2320" spans="1:4" x14ac:dyDescent="0.3">
      <c r="A2320" s="6">
        <v>45413</v>
      </c>
      <c r="B2320" s="8">
        <v>110.40229912300001</v>
      </c>
      <c r="C2320" s="8">
        <v>32.769862308</v>
      </c>
      <c r="D2320" s="8">
        <v>16.693029527</v>
      </c>
    </row>
    <row r="2321" spans="1:4" x14ac:dyDescent="0.3">
      <c r="A2321" s="6">
        <v>45414</v>
      </c>
      <c r="B2321" s="8">
        <v>110.350061982</v>
      </c>
      <c r="C2321" s="8">
        <v>32.640836847999999</v>
      </c>
      <c r="D2321" s="8">
        <v>16.643397457999999</v>
      </c>
    </row>
    <row r="2322" spans="1:4" x14ac:dyDescent="0.3">
      <c r="A2322" s="6">
        <v>45415</v>
      </c>
      <c r="B2322" s="8">
        <v>110.339251952</v>
      </c>
      <c r="C2322" s="8">
        <v>32.789477417999997</v>
      </c>
      <c r="D2322" s="8">
        <v>16.520892938999999</v>
      </c>
    </row>
    <row r="2323" spans="1:4" x14ac:dyDescent="0.3">
      <c r="A2323" s="6">
        <v>45416</v>
      </c>
      <c r="B2323" s="8">
        <v>110.50304675700001</v>
      </c>
      <c r="C2323" s="8">
        <v>33.082677920000002</v>
      </c>
      <c r="D2323" s="8">
        <v>16.504651854999999</v>
      </c>
    </row>
    <row r="2324" spans="1:4" x14ac:dyDescent="0.3">
      <c r="A2324" s="6">
        <v>45417</v>
      </c>
      <c r="B2324" s="8">
        <v>110.634861194</v>
      </c>
      <c r="C2324" s="8">
        <v>33.212705767999999</v>
      </c>
      <c r="D2324" s="8">
        <v>16.614984141000001</v>
      </c>
    </row>
    <row r="2325" spans="1:4" x14ac:dyDescent="0.3">
      <c r="A2325" s="6">
        <v>45418</v>
      </c>
      <c r="B2325" s="8">
        <v>110.636188433</v>
      </c>
      <c r="C2325" s="8">
        <v>33.237118918999997</v>
      </c>
      <c r="D2325" s="8">
        <v>16.637303977999998</v>
      </c>
    </row>
    <row r="2326" spans="1:4" x14ac:dyDescent="0.3">
      <c r="A2326" s="6">
        <v>45419</v>
      </c>
      <c r="B2326" s="8">
        <v>110.821623436</v>
      </c>
      <c r="C2326" s="8">
        <v>32.871551343</v>
      </c>
      <c r="D2326" s="8">
        <v>16.920246098</v>
      </c>
    </row>
    <row r="2327" spans="1:4" x14ac:dyDescent="0.3">
      <c r="A2327" s="6">
        <v>45420</v>
      </c>
      <c r="B2327" s="8">
        <v>110.787681018</v>
      </c>
      <c r="C2327" s="8">
        <v>32.892068111</v>
      </c>
      <c r="D2327" s="8">
        <v>16.930164343000001</v>
      </c>
    </row>
    <row r="2328" spans="1:4" x14ac:dyDescent="0.3">
      <c r="A2328" s="6">
        <v>45421</v>
      </c>
      <c r="B2328" s="8">
        <v>110.78959919</v>
      </c>
      <c r="C2328" s="8">
        <v>32.705018688999999</v>
      </c>
      <c r="D2328" s="8">
        <v>16.957305462000001</v>
      </c>
    </row>
    <row r="2329" spans="1:4" x14ac:dyDescent="0.3">
      <c r="A2329" s="6">
        <v>45422</v>
      </c>
      <c r="B2329" s="8">
        <v>110.739444345</v>
      </c>
      <c r="C2329" s="8">
        <v>32.712102979000001</v>
      </c>
      <c r="D2329" s="8">
        <v>16.982527518000001</v>
      </c>
    </row>
    <row r="2330" spans="1:4" x14ac:dyDescent="0.3">
      <c r="A2330" s="6">
        <v>45423</v>
      </c>
      <c r="B2330" s="8">
        <v>110.603634075</v>
      </c>
      <c r="C2330" s="8">
        <v>32.712591902</v>
      </c>
      <c r="D2330" s="8">
        <v>17.024864793999999</v>
      </c>
    </row>
    <row r="2331" spans="1:4" x14ac:dyDescent="0.3">
      <c r="A2331" s="6">
        <v>45424</v>
      </c>
      <c r="B2331" s="8">
        <v>110.60363406499999</v>
      </c>
      <c r="C2331" s="8">
        <v>32.726303584999997</v>
      </c>
      <c r="D2331" s="8">
        <v>17.034489951000001</v>
      </c>
    </row>
    <row r="2332" spans="1:4" x14ac:dyDescent="0.3">
      <c r="A2332" s="6">
        <v>45425</v>
      </c>
      <c r="B2332" s="8">
        <v>110.58863406499999</v>
      </c>
      <c r="C2332" s="8">
        <v>32.720396209999997</v>
      </c>
      <c r="D2332" s="8">
        <v>17.055797838</v>
      </c>
    </row>
    <row r="2333" spans="1:4" x14ac:dyDescent="0.3">
      <c r="A2333" s="6">
        <v>45426</v>
      </c>
      <c r="B2333" s="8">
        <v>110.595556329</v>
      </c>
      <c r="C2333" s="8">
        <v>32.748090146000003</v>
      </c>
      <c r="D2333" s="8">
        <v>17.081720213000001</v>
      </c>
    </row>
    <row r="2334" spans="1:4" x14ac:dyDescent="0.3">
      <c r="A2334" s="6">
        <v>45427</v>
      </c>
      <c r="B2334" s="8">
        <v>110.683196744</v>
      </c>
      <c r="C2334" s="8">
        <v>32.521671357999999</v>
      </c>
      <c r="D2334" s="8">
        <v>17.013189209</v>
      </c>
    </row>
    <row r="2335" spans="1:4" x14ac:dyDescent="0.3">
      <c r="A2335" s="6">
        <v>45428</v>
      </c>
      <c r="B2335" s="8">
        <v>110.71723740100001</v>
      </c>
      <c r="C2335" s="8">
        <v>32.898068053000003</v>
      </c>
      <c r="D2335" s="8">
        <v>17.159873138999998</v>
      </c>
    </row>
    <row r="2336" spans="1:4" x14ac:dyDescent="0.3">
      <c r="A2336" s="6">
        <v>45429</v>
      </c>
      <c r="B2336" s="8">
        <v>110.899115803</v>
      </c>
      <c r="C2336" s="8">
        <v>32.945131445000001</v>
      </c>
      <c r="D2336" s="8">
        <v>17.079247109000001</v>
      </c>
    </row>
    <row r="2337" spans="1:4" x14ac:dyDescent="0.3">
      <c r="A2337" s="6">
        <v>45430</v>
      </c>
      <c r="B2337" s="8">
        <v>111.02884926</v>
      </c>
      <c r="C2337" s="8">
        <v>33.084845334999997</v>
      </c>
      <c r="D2337" s="8">
        <v>17.083623061000001</v>
      </c>
    </row>
    <row r="2338" spans="1:4" x14ac:dyDescent="0.3">
      <c r="A2338" s="6">
        <v>45431</v>
      </c>
      <c r="B2338" s="8">
        <v>111.12844925900001</v>
      </c>
      <c r="C2338" s="8">
        <v>33.173562154000003</v>
      </c>
      <c r="D2338" s="8">
        <v>17.180117437</v>
      </c>
    </row>
    <row r="2339" spans="1:4" x14ac:dyDescent="0.3">
      <c r="A2339" s="6">
        <v>45432</v>
      </c>
      <c r="B2339" s="8">
        <v>111.12844925900001</v>
      </c>
      <c r="C2339" s="8">
        <v>33.132170907999999</v>
      </c>
      <c r="D2339" s="8">
        <v>17.203046007000001</v>
      </c>
    </row>
    <row r="2340" spans="1:4" x14ac:dyDescent="0.3">
      <c r="A2340" s="6">
        <v>45433</v>
      </c>
      <c r="B2340" s="8">
        <v>111.057749078</v>
      </c>
      <c r="C2340" s="8">
        <v>32.958614965000002</v>
      </c>
      <c r="D2340" s="8">
        <v>17.132679912</v>
      </c>
    </row>
    <row r="2341" spans="1:4" x14ac:dyDescent="0.3">
      <c r="A2341" s="6">
        <v>45434</v>
      </c>
      <c r="B2341" s="8">
        <v>111.42375959</v>
      </c>
      <c r="C2341" s="8">
        <v>32.723866745999999</v>
      </c>
      <c r="D2341" s="8">
        <v>17.074260963</v>
      </c>
    </row>
    <row r="2342" spans="1:4" x14ac:dyDescent="0.3">
      <c r="A2342" s="6">
        <v>45435</v>
      </c>
      <c r="B2342" s="8">
        <v>111.446156187</v>
      </c>
      <c r="C2342" s="8">
        <v>32.736190565999998</v>
      </c>
      <c r="D2342" s="8">
        <v>17.089521869999999</v>
      </c>
    </row>
    <row r="2343" spans="1:4" x14ac:dyDescent="0.3">
      <c r="A2343" s="6">
        <v>45436</v>
      </c>
      <c r="B2343" s="8">
        <v>111.590570266</v>
      </c>
      <c r="C2343" s="8">
        <v>32.401500028000001</v>
      </c>
      <c r="D2343" s="8">
        <v>17.104012727000001</v>
      </c>
    </row>
    <row r="2344" spans="1:4" x14ac:dyDescent="0.3">
      <c r="A2344" s="6">
        <v>45437</v>
      </c>
      <c r="B2344" s="8">
        <v>111.588108138</v>
      </c>
      <c r="C2344" s="8">
        <v>32.405022322000001</v>
      </c>
      <c r="D2344" s="8">
        <v>17.269995438999999</v>
      </c>
    </row>
    <row r="2345" spans="1:4" x14ac:dyDescent="0.3">
      <c r="A2345" s="6">
        <v>45438</v>
      </c>
      <c r="B2345" s="8">
        <v>111.58810813300001</v>
      </c>
      <c r="C2345" s="8">
        <v>32.363989613000001</v>
      </c>
      <c r="D2345" s="8">
        <v>17.299426513</v>
      </c>
    </row>
    <row r="2346" spans="1:4" x14ac:dyDescent="0.3">
      <c r="A2346" s="6">
        <v>45439</v>
      </c>
      <c r="B2346" s="8">
        <v>111.58990813200001</v>
      </c>
      <c r="C2346" s="8">
        <v>32.272615584999997</v>
      </c>
      <c r="D2346" s="8">
        <v>17.303345568000001</v>
      </c>
    </row>
    <row r="2347" spans="1:4" x14ac:dyDescent="0.3">
      <c r="A2347" s="6">
        <v>45440</v>
      </c>
      <c r="B2347" s="8">
        <v>111.60607706099999</v>
      </c>
      <c r="C2347" s="8">
        <v>32.185054948999998</v>
      </c>
      <c r="D2347" s="8">
        <v>17.394684051999999</v>
      </c>
    </row>
    <row r="2348" spans="1:4" x14ac:dyDescent="0.3">
      <c r="A2348" s="6">
        <v>45441</v>
      </c>
      <c r="B2348" s="8">
        <v>111.60356879</v>
      </c>
      <c r="C2348" s="8">
        <v>31.937897151000001</v>
      </c>
      <c r="D2348" s="8">
        <v>17.438637692</v>
      </c>
    </row>
    <row r="2349" spans="1:4" x14ac:dyDescent="0.3">
      <c r="A2349" s="6">
        <v>45442</v>
      </c>
      <c r="B2349" s="8">
        <v>111.604510878</v>
      </c>
      <c r="C2349" s="8">
        <v>31.803642258</v>
      </c>
      <c r="D2349" s="8">
        <v>17.210520283000001</v>
      </c>
    </row>
    <row r="2350" spans="1:4" x14ac:dyDescent="0.3">
      <c r="A2350" s="6">
        <v>45443</v>
      </c>
      <c r="B2350" s="8">
        <v>111.616920065</v>
      </c>
      <c r="C2350" s="8">
        <v>31.980740965999999</v>
      </c>
      <c r="D2350" s="8">
        <v>17.159134940000001</v>
      </c>
    </row>
    <row r="2351" spans="1:4" x14ac:dyDescent="0.3">
      <c r="A2351" s="6">
        <v>45444</v>
      </c>
      <c r="B2351" s="8">
        <v>111.762088179</v>
      </c>
      <c r="C2351" s="8">
        <v>32.034473251000001</v>
      </c>
      <c r="D2351" s="8">
        <v>17.095429318000001</v>
      </c>
    </row>
    <row r="2352" spans="1:4" x14ac:dyDescent="0.3">
      <c r="A2352" s="6">
        <v>45445</v>
      </c>
      <c r="B2352" s="8">
        <v>111.830758178</v>
      </c>
      <c r="C2352" s="8">
        <v>31.988646227</v>
      </c>
      <c r="D2352" s="8">
        <v>17.125405322999999</v>
      </c>
    </row>
    <row r="2353" spans="1:4" x14ac:dyDescent="0.3">
      <c r="A2353" s="6">
        <v>45446</v>
      </c>
      <c r="B2353" s="8">
        <v>111.790758178</v>
      </c>
      <c r="C2353" s="8">
        <v>31.991608304</v>
      </c>
      <c r="D2353" s="8">
        <v>17.095439578000001</v>
      </c>
    </row>
    <row r="2354" spans="1:4" x14ac:dyDescent="0.3">
      <c r="A2354" s="6">
        <v>45447</v>
      </c>
      <c r="B2354" s="8">
        <v>112.253386803</v>
      </c>
      <c r="C2354" s="8">
        <v>31.942582611999999</v>
      </c>
      <c r="D2354" s="8">
        <v>17.010289351000001</v>
      </c>
    </row>
    <row r="2355" spans="1:4" x14ac:dyDescent="0.3">
      <c r="A2355" s="6">
        <v>45448</v>
      </c>
      <c r="B2355" s="8">
        <v>112.25479639300001</v>
      </c>
      <c r="C2355" s="8">
        <v>32.025618319000003</v>
      </c>
      <c r="D2355" s="8">
        <v>17.019231496</v>
      </c>
    </row>
    <row r="2356" spans="1:4" x14ac:dyDescent="0.3">
      <c r="A2356" s="6">
        <v>45449</v>
      </c>
      <c r="B2356" s="8">
        <v>112.31508478000001</v>
      </c>
      <c r="C2356" s="8">
        <v>32.181050388000003</v>
      </c>
      <c r="D2356" s="8">
        <v>17.132875378000001</v>
      </c>
    </row>
    <row r="2357" spans="1:4" x14ac:dyDescent="0.3">
      <c r="A2357" s="6">
        <v>45450</v>
      </c>
      <c r="B2357" s="8">
        <v>112.35538784000001</v>
      </c>
      <c r="C2357" s="8">
        <v>32.124188766000003</v>
      </c>
      <c r="D2357" s="8">
        <v>17.337718178999999</v>
      </c>
    </row>
    <row r="2358" spans="1:4" x14ac:dyDescent="0.3">
      <c r="A2358" s="6">
        <v>45451</v>
      </c>
      <c r="B2358" s="8">
        <v>112.376137266</v>
      </c>
      <c r="C2358" s="8">
        <v>31.834632607</v>
      </c>
      <c r="D2358" s="8">
        <v>17.749467124999999</v>
      </c>
    </row>
    <row r="2359" spans="1:4" x14ac:dyDescent="0.3">
      <c r="A2359" s="6">
        <v>45452</v>
      </c>
      <c r="B2359" s="8">
        <v>112.374987252</v>
      </c>
      <c r="C2359" s="8">
        <v>31.808895977999999</v>
      </c>
      <c r="D2359" s="8">
        <v>17.796689798999999</v>
      </c>
    </row>
    <row r="2360" spans="1:4" x14ac:dyDescent="0.3">
      <c r="A2360" s="6">
        <v>45453</v>
      </c>
      <c r="B2360" s="8">
        <v>112.403987892</v>
      </c>
      <c r="C2360" s="8">
        <v>31.822150979</v>
      </c>
      <c r="D2360" s="8">
        <v>17.851026337</v>
      </c>
    </row>
    <row r="2361" spans="1:4" x14ac:dyDescent="0.3">
      <c r="A2361" s="6">
        <v>45454</v>
      </c>
      <c r="B2361" s="8">
        <v>112.40928789199999</v>
      </c>
      <c r="C2361" s="8">
        <v>31.705178599</v>
      </c>
      <c r="D2361" s="8">
        <v>17.803080193</v>
      </c>
    </row>
    <row r="2362" spans="1:4" x14ac:dyDescent="0.3">
      <c r="A2362" s="6">
        <v>45455</v>
      </c>
      <c r="B2362" s="8">
        <v>112.411964316</v>
      </c>
      <c r="C2362" s="8">
        <v>31.731991875999999</v>
      </c>
      <c r="D2362" s="8">
        <v>17.578655403999999</v>
      </c>
    </row>
    <row r="2363" spans="1:4" x14ac:dyDescent="0.3">
      <c r="A2363" s="6">
        <v>45456</v>
      </c>
      <c r="B2363" s="8">
        <v>112.457053102</v>
      </c>
      <c r="C2363" s="8">
        <v>32.004866980000003</v>
      </c>
      <c r="D2363" s="8">
        <v>17.592411348999999</v>
      </c>
    </row>
    <row r="2364" spans="1:4" x14ac:dyDescent="0.3">
      <c r="A2364" s="6">
        <v>45457</v>
      </c>
      <c r="B2364" s="8">
        <v>112.453723055</v>
      </c>
      <c r="C2364" s="8">
        <v>32.182896477</v>
      </c>
      <c r="D2364" s="8">
        <v>17.560867723000001</v>
      </c>
    </row>
    <row r="2365" spans="1:4" x14ac:dyDescent="0.3">
      <c r="A2365" s="6">
        <v>45458</v>
      </c>
      <c r="B2365" s="8">
        <v>112.472971806</v>
      </c>
      <c r="C2365" s="8">
        <v>32.295116493000002</v>
      </c>
      <c r="D2365" s="8">
        <v>17.400721059999999</v>
      </c>
    </row>
    <row r="2366" spans="1:4" x14ac:dyDescent="0.3">
      <c r="A2366" s="6">
        <v>45459</v>
      </c>
      <c r="B2366" s="8">
        <v>112.472301806</v>
      </c>
      <c r="C2366" s="8">
        <v>32.042724892000003</v>
      </c>
      <c r="D2366" s="8">
        <v>17.421826080999999</v>
      </c>
    </row>
    <row r="2367" spans="1:4" x14ac:dyDescent="0.3">
      <c r="A2367" s="6">
        <v>45460</v>
      </c>
      <c r="B2367" s="8">
        <v>112.47391517200001</v>
      </c>
      <c r="C2367" s="8">
        <v>32.086373096999999</v>
      </c>
      <c r="D2367" s="8">
        <v>17.414651743</v>
      </c>
    </row>
    <row r="2368" spans="1:4" x14ac:dyDescent="0.3">
      <c r="A2368" s="6">
        <v>45461</v>
      </c>
      <c r="B2368" s="8">
        <v>112.46561155400001</v>
      </c>
      <c r="C2368" s="8">
        <v>32.057726950999999</v>
      </c>
      <c r="D2368" s="8">
        <v>17.332416093999999</v>
      </c>
    </row>
    <row r="2369" spans="1:4" x14ac:dyDescent="0.3">
      <c r="A2369" s="6">
        <v>45462</v>
      </c>
      <c r="B2369" s="8">
        <v>112.519098919</v>
      </c>
      <c r="C2369" s="8">
        <v>32.387564199000003</v>
      </c>
      <c r="D2369" s="8">
        <v>17.267291312000001</v>
      </c>
    </row>
    <row r="2370" spans="1:4" x14ac:dyDescent="0.3">
      <c r="A2370" s="6">
        <v>45463</v>
      </c>
      <c r="B2370" s="8">
        <v>112.51906029</v>
      </c>
      <c r="C2370" s="8">
        <v>32.393738738000003</v>
      </c>
      <c r="D2370" s="8">
        <v>17.251462659000001</v>
      </c>
    </row>
    <row r="2371" spans="1:4" x14ac:dyDescent="0.3">
      <c r="A2371" s="6">
        <v>45464</v>
      </c>
      <c r="B2371" s="8">
        <v>112.804377136</v>
      </c>
      <c r="C2371" s="8">
        <v>32.202287401</v>
      </c>
      <c r="D2371" s="8">
        <v>17.233155136000001</v>
      </c>
    </row>
    <row r="2372" spans="1:4" x14ac:dyDescent="0.3">
      <c r="A2372" s="6">
        <v>45465</v>
      </c>
      <c r="B2372" s="8">
        <v>112.804714097</v>
      </c>
      <c r="C2372" s="8">
        <v>32.283135151000003</v>
      </c>
      <c r="D2372" s="8">
        <v>17.166152947</v>
      </c>
    </row>
    <row r="2373" spans="1:4" x14ac:dyDescent="0.3">
      <c r="A2373" s="6">
        <v>45466</v>
      </c>
      <c r="B2373" s="8">
        <v>112.84471409699999</v>
      </c>
      <c r="C2373" s="8">
        <v>32.305268351000002</v>
      </c>
      <c r="D2373" s="8">
        <v>17.208288366000001</v>
      </c>
    </row>
    <row r="2374" spans="1:4" x14ac:dyDescent="0.3">
      <c r="A2374" s="6">
        <v>45467</v>
      </c>
      <c r="B2374" s="8">
        <v>112.84471409699999</v>
      </c>
      <c r="C2374" s="8">
        <v>32.281950156999997</v>
      </c>
      <c r="D2374" s="8">
        <v>17.204458717000001</v>
      </c>
    </row>
    <row r="2375" spans="1:4" x14ac:dyDescent="0.3">
      <c r="A2375" s="6">
        <v>45468</v>
      </c>
      <c r="B2375" s="8">
        <v>112.837386516</v>
      </c>
      <c r="C2375" s="8">
        <v>32.157441212999998</v>
      </c>
      <c r="D2375" s="8">
        <v>17.111347683999998</v>
      </c>
    </row>
    <row r="2376" spans="1:4" x14ac:dyDescent="0.3">
      <c r="A2376" s="6">
        <v>45469</v>
      </c>
      <c r="B2376" s="8">
        <v>112.732648639</v>
      </c>
      <c r="C2376" s="8">
        <v>32.376832297999997</v>
      </c>
      <c r="D2376" s="8">
        <v>17.115563263999999</v>
      </c>
    </row>
    <row r="2377" spans="1:4" x14ac:dyDescent="0.3">
      <c r="A2377" s="6">
        <v>45470</v>
      </c>
      <c r="B2377" s="8">
        <v>112.636116562</v>
      </c>
      <c r="C2377" s="8">
        <v>32.535459836000001</v>
      </c>
      <c r="D2377" s="8">
        <v>17.139721445999999</v>
      </c>
    </row>
    <row r="2378" spans="1:4" x14ac:dyDescent="0.3">
      <c r="A2378" s="6">
        <v>45471</v>
      </c>
      <c r="B2378" s="8">
        <v>112.65980587200001</v>
      </c>
      <c r="C2378" s="8">
        <v>32.249839223000002</v>
      </c>
      <c r="D2378" s="8">
        <v>17.180567016000001</v>
      </c>
    </row>
    <row r="2379" spans="1:4" x14ac:dyDescent="0.3">
      <c r="A2379" s="6">
        <v>45472</v>
      </c>
      <c r="B2379" s="8">
        <v>112.690515631</v>
      </c>
      <c r="C2379" s="8">
        <v>31.901796167000001</v>
      </c>
      <c r="D2379" s="8">
        <v>17.236804721999999</v>
      </c>
    </row>
    <row r="2380" spans="1:4" x14ac:dyDescent="0.3">
      <c r="A2380" s="6">
        <v>45473</v>
      </c>
      <c r="B2380" s="8">
        <v>112.775515629</v>
      </c>
      <c r="C2380" s="8">
        <v>31.870357354999999</v>
      </c>
      <c r="D2380" s="8">
        <v>17.274271152000001</v>
      </c>
    </row>
    <row r="2381" spans="1:4" x14ac:dyDescent="0.3">
      <c r="A2381" s="6">
        <v>45474</v>
      </c>
      <c r="B2381" s="8">
        <v>112.73901207500001</v>
      </c>
      <c r="C2381" s="8">
        <v>31.822097530000001</v>
      </c>
      <c r="D2381" s="8">
        <v>17.122246254</v>
      </c>
    </row>
    <row r="2382" spans="1:4" x14ac:dyDescent="0.3">
      <c r="A2382" s="6">
        <v>45475</v>
      </c>
      <c r="B2382" s="8">
        <v>112.651358402</v>
      </c>
      <c r="C2382" s="8">
        <v>32.096874642000003</v>
      </c>
      <c r="D2382" s="8">
        <v>17.154624452</v>
      </c>
    </row>
    <row r="2383" spans="1:4" x14ac:dyDescent="0.3">
      <c r="A2383" s="6">
        <v>45476</v>
      </c>
      <c r="B2383" s="8">
        <v>112.49779567900001</v>
      </c>
      <c r="C2383" s="8">
        <v>32.178206680000002</v>
      </c>
      <c r="D2383" s="8">
        <v>17.134981829000001</v>
      </c>
    </row>
    <row r="2384" spans="1:4" x14ac:dyDescent="0.3">
      <c r="A2384" s="6">
        <v>45477</v>
      </c>
      <c r="B2384" s="8">
        <v>112.47199793599999</v>
      </c>
      <c r="C2384" s="8">
        <v>32.396935311999997</v>
      </c>
      <c r="D2384" s="8">
        <v>17.156800667999999</v>
      </c>
    </row>
    <row r="2385" spans="1:4" x14ac:dyDescent="0.3">
      <c r="A2385" s="6">
        <v>45478</v>
      </c>
      <c r="B2385" s="8">
        <v>112.35573537099999</v>
      </c>
      <c r="C2385" s="8">
        <v>32.528521081999997</v>
      </c>
      <c r="D2385" s="8">
        <v>17.092620418999999</v>
      </c>
    </row>
    <row r="2386" spans="1:4" x14ac:dyDescent="0.3">
      <c r="A2386" s="6">
        <v>45479</v>
      </c>
      <c r="B2386" s="8">
        <v>112.245912309</v>
      </c>
      <c r="C2386" s="8">
        <v>33.226925563000002</v>
      </c>
      <c r="D2386" s="8">
        <v>16.970566956999999</v>
      </c>
    </row>
    <row r="2387" spans="1:4" x14ac:dyDescent="0.3">
      <c r="A2387" s="6">
        <v>45480</v>
      </c>
      <c r="B2387" s="8">
        <v>112.231905142</v>
      </c>
      <c r="C2387" s="8">
        <v>33.358010946</v>
      </c>
      <c r="D2387" s="8">
        <v>17.066288475</v>
      </c>
    </row>
    <row r="2388" spans="1:4" x14ac:dyDescent="0.3">
      <c r="A2388" s="6">
        <v>45481</v>
      </c>
      <c r="B2388" s="8">
        <v>112.231905142</v>
      </c>
      <c r="C2388" s="8">
        <v>33.350470878000003</v>
      </c>
      <c r="D2388" s="8">
        <v>17.05739509</v>
      </c>
    </row>
    <row r="2389" spans="1:4" x14ac:dyDescent="0.3">
      <c r="A2389" s="6">
        <v>45482</v>
      </c>
      <c r="B2389" s="8">
        <v>112.22927311799999</v>
      </c>
      <c r="C2389" s="8">
        <v>33.485526514999997</v>
      </c>
      <c r="D2389" s="8">
        <v>17.009099412000001</v>
      </c>
    </row>
    <row r="2390" spans="1:4" x14ac:dyDescent="0.3">
      <c r="A2390" s="6">
        <v>45483</v>
      </c>
      <c r="B2390" s="8">
        <v>112.271931338</v>
      </c>
      <c r="C2390" s="8">
        <v>33.579112244000001</v>
      </c>
      <c r="D2390" s="8">
        <v>17.049807530999999</v>
      </c>
    </row>
    <row r="2391" spans="1:4" x14ac:dyDescent="0.3">
      <c r="A2391" s="6">
        <v>45484</v>
      </c>
      <c r="B2391" s="8">
        <v>112.364578514</v>
      </c>
      <c r="C2391" s="8">
        <v>33.709067965999999</v>
      </c>
      <c r="D2391" s="8">
        <v>17.064418477</v>
      </c>
    </row>
    <row r="2392" spans="1:4" x14ac:dyDescent="0.3">
      <c r="A2392" s="6">
        <v>45485</v>
      </c>
      <c r="B2392" s="8">
        <v>112.37102462599999</v>
      </c>
      <c r="C2392" s="8">
        <v>33.579251630000002</v>
      </c>
      <c r="D2392" s="8">
        <v>17.148061279</v>
      </c>
    </row>
    <row r="2393" spans="1:4" x14ac:dyDescent="0.3">
      <c r="A2393" s="6">
        <v>45486</v>
      </c>
      <c r="B2393" s="8">
        <v>112.190715732</v>
      </c>
      <c r="C2393" s="8">
        <v>33.168662832000003</v>
      </c>
      <c r="D2393" s="8">
        <v>17.159174332999999</v>
      </c>
    </row>
    <row r="2394" spans="1:4" x14ac:dyDescent="0.3">
      <c r="A2394" s="6">
        <v>45487</v>
      </c>
      <c r="B2394" s="8">
        <v>112.469048012</v>
      </c>
      <c r="C2394" s="8">
        <v>33.571110505</v>
      </c>
      <c r="D2394" s="8">
        <v>17.27443345</v>
      </c>
    </row>
    <row r="2395" spans="1:4" x14ac:dyDescent="0.3">
      <c r="A2395" s="6">
        <v>45488</v>
      </c>
      <c r="B2395" s="8">
        <v>112.53904801199999</v>
      </c>
      <c r="C2395" s="8">
        <v>33.567281389999998</v>
      </c>
      <c r="D2395" s="8">
        <v>17.259119721000001</v>
      </c>
    </row>
    <row r="2396" spans="1:4" x14ac:dyDescent="0.3">
      <c r="A2396" s="6">
        <v>45489</v>
      </c>
      <c r="B2396" s="8">
        <v>112.864302779</v>
      </c>
      <c r="C2396" s="8">
        <v>33.534861012999997</v>
      </c>
      <c r="D2396" s="8">
        <v>17.254691480000002</v>
      </c>
    </row>
    <row r="2397" spans="1:4" x14ac:dyDescent="0.3">
      <c r="A2397" s="6">
        <v>45490</v>
      </c>
      <c r="B2397" s="8">
        <v>113.216677692</v>
      </c>
      <c r="C2397" s="8">
        <v>33.570247780000003</v>
      </c>
      <c r="D2397" s="8">
        <v>17.288965874999999</v>
      </c>
    </row>
    <row r="2398" spans="1:4" x14ac:dyDescent="0.3">
      <c r="A2398" s="6">
        <v>45491</v>
      </c>
      <c r="B2398" s="8">
        <v>113.62453918999999</v>
      </c>
      <c r="C2398" s="8">
        <v>33.374823978000002</v>
      </c>
      <c r="D2398" s="8">
        <v>17.257784949000001</v>
      </c>
    </row>
    <row r="2399" spans="1:4" x14ac:dyDescent="0.3">
      <c r="A2399" s="6">
        <v>45492</v>
      </c>
      <c r="B2399" s="8">
        <v>113.678352175</v>
      </c>
      <c r="C2399" s="8">
        <v>33.289055773999998</v>
      </c>
      <c r="D2399" s="8">
        <v>17.280342956999998</v>
      </c>
    </row>
    <row r="2400" spans="1:4" x14ac:dyDescent="0.3">
      <c r="A2400" s="6">
        <v>45493</v>
      </c>
      <c r="B2400" s="8">
        <v>113.85972736799999</v>
      </c>
      <c r="C2400" s="8">
        <v>33.556248642</v>
      </c>
      <c r="D2400" s="8">
        <v>17.322643086999999</v>
      </c>
    </row>
    <row r="2401" spans="1:4" x14ac:dyDescent="0.3">
      <c r="A2401" s="6">
        <v>45494</v>
      </c>
      <c r="B2401" s="8">
        <v>114.021327368</v>
      </c>
      <c r="C2401" s="8">
        <v>33.688606180000001</v>
      </c>
      <c r="D2401" s="8">
        <v>17.463765650999999</v>
      </c>
    </row>
    <row r="2402" spans="1:4" x14ac:dyDescent="0.3">
      <c r="A2402" s="6">
        <v>45495</v>
      </c>
      <c r="B2402" s="8">
        <v>114.066827367</v>
      </c>
      <c r="C2402" s="8">
        <v>33.560640016000001</v>
      </c>
      <c r="D2402" s="8">
        <v>17.426138344999998</v>
      </c>
    </row>
    <row r="2403" spans="1:4" x14ac:dyDescent="0.3">
      <c r="A2403" s="6">
        <v>45496</v>
      </c>
      <c r="B2403" s="8">
        <v>114.307338921</v>
      </c>
      <c r="C2403" s="8">
        <v>33.592678728999999</v>
      </c>
      <c r="D2403" s="8">
        <v>17.341886648999999</v>
      </c>
    </row>
    <row r="2404" spans="1:4" x14ac:dyDescent="0.3">
      <c r="A2404" s="6">
        <v>45497</v>
      </c>
      <c r="B2404" s="8">
        <v>114.47181844799999</v>
      </c>
      <c r="C2404" s="8">
        <v>33.738013821999999</v>
      </c>
      <c r="D2404" s="8">
        <v>17.362700462999999</v>
      </c>
    </row>
    <row r="2405" spans="1:4" x14ac:dyDescent="0.3">
      <c r="A2405" s="6">
        <v>45498</v>
      </c>
      <c r="B2405" s="8">
        <v>114.453302193</v>
      </c>
      <c r="C2405" s="8">
        <v>33.612787109000003</v>
      </c>
      <c r="D2405" s="8">
        <v>17.320654398999999</v>
      </c>
    </row>
    <row r="2406" spans="1:4" x14ac:dyDescent="0.3">
      <c r="A2406" s="6">
        <v>45499</v>
      </c>
      <c r="B2406" s="8">
        <v>114.33630218499999</v>
      </c>
      <c r="C2406" s="8">
        <v>33.374136024999999</v>
      </c>
      <c r="D2406" s="8">
        <v>17.209962698999998</v>
      </c>
    </row>
    <row r="2407" spans="1:4" x14ac:dyDescent="0.3">
      <c r="A2407" s="6">
        <v>45500</v>
      </c>
      <c r="B2407" s="8">
        <v>114.38133184100001</v>
      </c>
      <c r="C2407" s="8">
        <v>33.721211791999998</v>
      </c>
      <c r="D2407" s="8">
        <v>17.095946069</v>
      </c>
    </row>
    <row r="2408" spans="1:4" x14ac:dyDescent="0.3">
      <c r="A2408" s="6">
        <v>45501</v>
      </c>
      <c r="B2408" s="8">
        <v>114.46997470399999</v>
      </c>
      <c r="C2408" s="8">
        <v>33.744379813000002</v>
      </c>
      <c r="D2408" s="8">
        <v>17.104531683000001</v>
      </c>
    </row>
    <row r="2409" spans="1:4" x14ac:dyDescent="0.3">
      <c r="A2409" s="6">
        <v>45502</v>
      </c>
      <c r="B2409" s="8">
        <v>114.46997470399999</v>
      </c>
      <c r="C2409" s="8">
        <v>33.724328690999997</v>
      </c>
      <c r="D2409" s="8">
        <v>17.102202931000001</v>
      </c>
    </row>
    <row r="2410" spans="1:4" x14ac:dyDescent="0.3">
      <c r="A2410" s="6">
        <v>45503</v>
      </c>
      <c r="B2410" s="8">
        <v>114.51372553100001</v>
      </c>
      <c r="C2410" s="8">
        <v>33.338671490000003</v>
      </c>
      <c r="D2410" s="8">
        <v>17.067155627999998</v>
      </c>
    </row>
    <row r="2411" spans="1:4" x14ac:dyDescent="0.3">
      <c r="A2411" s="6">
        <v>45504</v>
      </c>
      <c r="B2411" s="8">
        <v>114.518259273</v>
      </c>
      <c r="C2411" s="8">
        <v>33.083244630000003</v>
      </c>
      <c r="D2411" s="8">
        <v>17.198733584999999</v>
      </c>
    </row>
    <row r="2412" spans="1:4" x14ac:dyDescent="0.3">
      <c r="A2412" s="6">
        <v>45505</v>
      </c>
      <c r="B2412" s="8">
        <v>114.547619142</v>
      </c>
      <c r="C2412" s="8">
        <v>32.975847532000003</v>
      </c>
      <c r="D2412" s="8">
        <v>17.204569496000001</v>
      </c>
    </row>
    <row r="2413" spans="1:4" x14ac:dyDescent="0.3">
      <c r="A2413" s="6">
        <v>45506</v>
      </c>
      <c r="B2413" s="8">
        <v>114.553402686</v>
      </c>
      <c r="C2413" s="8">
        <v>32.554955077000002</v>
      </c>
      <c r="D2413" s="8">
        <v>17.224457464</v>
      </c>
    </row>
    <row r="2414" spans="1:4" x14ac:dyDescent="0.3">
      <c r="A2414" s="6">
        <v>45507</v>
      </c>
      <c r="B2414" s="8">
        <v>114.594788858</v>
      </c>
      <c r="C2414" s="8">
        <v>32.589592799000002</v>
      </c>
      <c r="D2414" s="8">
        <v>17.262546480000001</v>
      </c>
    </row>
    <row r="2415" spans="1:4" x14ac:dyDescent="0.3">
      <c r="A2415" s="6">
        <v>45508</v>
      </c>
      <c r="B2415" s="8">
        <v>114.57978885599999</v>
      </c>
      <c r="C2415" s="8">
        <v>32.705368389999997</v>
      </c>
      <c r="D2415" s="8">
        <v>17.236839465999999</v>
      </c>
    </row>
    <row r="2416" spans="1:4" x14ac:dyDescent="0.3">
      <c r="A2416" s="6">
        <v>45509</v>
      </c>
      <c r="B2416" s="8">
        <v>114.57978885599999</v>
      </c>
      <c r="C2416" s="8">
        <v>32.831859620000003</v>
      </c>
      <c r="D2416" s="8">
        <v>17.258790563000002</v>
      </c>
    </row>
    <row r="2417" spans="1:4" x14ac:dyDescent="0.3">
      <c r="A2417" s="6">
        <v>45510</v>
      </c>
      <c r="B2417" s="8">
        <v>114.45755370400001</v>
      </c>
      <c r="C2417" s="8">
        <v>33.320174780000002</v>
      </c>
      <c r="D2417" s="8">
        <v>16.958870871999999</v>
      </c>
    </row>
    <row r="2418" spans="1:4" x14ac:dyDescent="0.3">
      <c r="A2418" s="6">
        <v>45511</v>
      </c>
      <c r="B2418" s="8">
        <v>114.578293183</v>
      </c>
      <c r="C2418" s="8">
        <v>33.80834711</v>
      </c>
      <c r="D2418" s="8">
        <v>16.96387052</v>
      </c>
    </row>
    <row r="2419" spans="1:4" x14ac:dyDescent="0.3">
      <c r="A2419" s="6">
        <v>45512</v>
      </c>
      <c r="B2419" s="8">
        <v>114.96687251500001</v>
      </c>
      <c r="C2419" s="8">
        <v>34.056404495999999</v>
      </c>
      <c r="D2419" s="8">
        <v>16.961251507</v>
      </c>
    </row>
    <row r="2420" spans="1:4" x14ac:dyDescent="0.3">
      <c r="A2420" s="6">
        <v>45513</v>
      </c>
      <c r="B2420" s="8">
        <v>115.41677501300001</v>
      </c>
      <c r="C2420" s="8">
        <v>34.064648192</v>
      </c>
      <c r="D2420" s="8">
        <v>16.984015435</v>
      </c>
    </row>
    <row r="2421" spans="1:4" x14ac:dyDescent="0.3">
      <c r="A2421" s="6">
        <v>45514</v>
      </c>
      <c r="B2421" s="8">
        <v>115.574281399</v>
      </c>
      <c r="C2421" s="8">
        <v>34.001117090000001</v>
      </c>
      <c r="D2421" s="8">
        <v>17.011967590000001</v>
      </c>
    </row>
    <row r="2422" spans="1:4" x14ac:dyDescent="0.3">
      <c r="A2422" s="6">
        <v>45515</v>
      </c>
      <c r="B2422" s="8">
        <v>115.640681399</v>
      </c>
      <c r="C2422" s="8">
        <v>34.043435199999998</v>
      </c>
      <c r="D2422" s="8">
        <v>17.026020261999999</v>
      </c>
    </row>
    <row r="2423" spans="1:4" x14ac:dyDescent="0.3">
      <c r="A2423" s="6">
        <v>45516</v>
      </c>
      <c r="B2423" s="8">
        <v>115.640681399</v>
      </c>
      <c r="C2423" s="8">
        <v>34.025247833000002</v>
      </c>
      <c r="D2423" s="8">
        <v>17.016448762</v>
      </c>
    </row>
    <row r="2424" spans="1:4" x14ac:dyDescent="0.3">
      <c r="A2424" s="6">
        <v>45517</v>
      </c>
      <c r="B2424" s="8">
        <v>115.889054746</v>
      </c>
      <c r="C2424" s="8">
        <v>34.058003605000003</v>
      </c>
      <c r="D2424" s="8">
        <v>17.058475134999998</v>
      </c>
    </row>
    <row r="2425" spans="1:4" x14ac:dyDescent="0.3">
      <c r="A2425" s="6">
        <v>45518</v>
      </c>
      <c r="B2425" s="8">
        <v>116.129081961</v>
      </c>
      <c r="C2425" s="8">
        <v>34.029385017000003</v>
      </c>
      <c r="D2425" s="8">
        <v>17.183926145000001</v>
      </c>
    </row>
    <row r="2426" spans="1:4" x14ac:dyDescent="0.3">
      <c r="A2426" s="6">
        <v>45519</v>
      </c>
      <c r="B2426" s="8">
        <v>116.534312382</v>
      </c>
      <c r="C2426" s="8">
        <v>34.033979752999997</v>
      </c>
      <c r="D2426" s="8">
        <v>17.292540320000001</v>
      </c>
    </row>
    <row r="2427" spans="1:4" x14ac:dyDescent="0.3">
      <c r="A2427" s="6">
        <v>45520</v>
      </c>
      <c r="B2427" s="8">
        <v>116.70934409100001</v>
      </c>
      <c r="C2427" s="8">
        <v>34.102608601999997</v>
      </c>
      <c r="D2427" s="8">
        <v>17.432495998</v>
      </c>
    </row>
    <row r="2428" spans="1:4" x14ac:dyDescent="0.3">
      <c r="A2428" s="6">
        <v>45521</v>
      </c>
      <c r="B2428" s="8">
        <v>116.83396926</v>
      </c>
      <c r="C2428" s="8">
        <v>34.355462674999998</v>
      </c>
      <c r="D2428" s="8">
        <v>17.624994878999999</v>
      </c>
    </row>
    <row r="2429" spans="1:4" x14ac:dyDescent="0.3">
      <c r="A2429" s="6">
        <v>45522</v>
      </c>
      <c r="B2429" s="8">
        <v>116.88729926000001</v>
      </c>
      <c r="C2429" s="8">
        <v>34.378786343000002</v>
      </c>
      <c r="D2429" s="8">
        <v>17.638114178999999</v>
      </c>
    </row>
    <row r="2430" spans="1:4" x14ac:dyDescent="0.3">
      <c r="A2430" s="6">
        <v>45523</v>
      </c>
      <c r="B2430" s="8">
        <v>116.88895776</v>
      </c>
      <c r="C2430" s="8">
        <v>34.348233692000001</v>
      </c>
      <c r="D2430" s="8">
        <v>17.641087903999999</v>
      </c>
    </row>
    <row r="2431" spans="1:4" x14ac:dyDescent="0.3">
      <c r="A2431" s="6">
        <v>45524</v>
      </c>
      <c r="B2431" s="8">
        <v>116.995756969</v>
      </c>
      <c r="C2431" s="8">
        <v>34.441773839</v>
      </c>
      <c r="D2431" s="8">
        <v>17.646064737</v>
      </c>
    </row>
    <row r="2432" spans="1:4" x14ac:dyDescent="0.3">
      <c r="A2432" s="6">
        <v>45525</v>
      </c>
      <c r="B2432" s="8">
        <v>117.27657650499999</v>
      </c>
      <c r="C2432" s="8">
        <v>34.339670349999999</v>
      </c>
      <c r="D2432" s="8">
        <v>17.724729880000002</v>
      </c>
    </row>
    <row r="2433" spans="1:4" x14ac:dyDescent="0.3">
      <c r="A2433" s="6">
        <v>45526</v>
      </c>
      <c r="B2433" s="8">
        <v>117.40826394</v>
      </c>
      <c r="C2433" s="8">
        <v>34.442321417999999</v>
      </c>
      <c r="D2433" s="8">
        <v>17.948710988999999</v>
      </c>
    </row>
    <row r="2434" spans="1:4" x14ac:dyDescent="0.3">
      <c r="A2434" s="6">
        <v>45527</v>
      </c>
      <c r="B2434" s="8">
        <v>117.648169338</v>
      </c>
      <c r="C2434" s="8">
        <v>34.225560581000003</v>
      </c>
      <c r="D2434" s="8">
        <v>18.047768197</v>
      </c>
    </row>
    <row r="2435" spans="1:4" x14ac:dyDescent="0.3">
      <c r="A2435" s="6">
        <v>45528</v>
      </c>
      <c r="B2435" s="8">
        <v>117.71306400500001</v>
      </c>
      <c r="C2435" s="8">
        <v>34.466304100000002</v>
      </c>
      <c r="D2435" s="8">
        <v>18.462673341999999</v>
      </c>
    </row>
    <row r="2436" spans="1:4" x14ac:dyDescent="0.3">
      <c r="A2436" s="6">
        <v>45529</v>
      </c>
      <c r="B2436" s="8">
        <v>117.842339087</v>
      </c>
      <c r="C2436" s="8">
        <v>34.394484122000001</v>
      </c>
      <c r="D2436" s="8">
        <v>18.462153709999999</v>
      </c>
    </row>
    <row r="2437" spans="1:4" x14ac:dyDescent="0.3">
      <c r="A2437" s="6">
        <v>45530</v>
      </c>
      <c r="B2437" s="8">
        <v>117.84421671299999</v>
      </c>
      <c r="C2437" s="8">
        <v>34.343148851000002</v>
      </c>
      <c r="D2437" s="8">
        <v>18.478603844999999</v>
      </c>
    </row>
    <row r="2438" spans="1:4" x14ac:dyDescent="0.3">
      <c r="A2438" s="6">
        <v>45531</v>
      </c>
      <c r="B2438" s="8">
        <v>117.979455231</v>
      </c>
      <c r="C2438" s="8">
        <v>34.087886423</v>
      </c>
      <c r="D2438" s="8">
        <v>18.644583010000002</v>
      </c>
    </row>
    <row r="2439" spans="1:4" x14ac:dyDescent="0.3">
      <c r="A2439" s="6">
        <v>45532</v>
      </c>
      <c r="B2439" s="8">
        <v>117.937170815</v>
      </c>
      <c r="C2439" s="8">
        <v>33.820804201999998</v>
      </c>
      <c r="D2439" s="8">
        <v>18.649128101999999</v>
      </c>
    </row>
    <row r="2440" spans="1:4" x14ac:dyDescent="0.3">
      <c r="A2440" s="6">
        <v>45533</v>
      </c>
      <c r="B2440" s="8">
        <v>118.086718409</v>
      </c>
      <c r="C2440" s="8">
        <v>33.944435169000002</v>
      </c>
      <c r="D2440" s="8">
        <v>18.542197482999999</v>
      </c>
    </row>
    <row r="2441" spans="1:4" x14ac:dyDescent="0.3">
      <c r="A2441" s="6">
        <v>45534</v>
      </c>
      <c r="B2441" s="8">
        <v>118.207965633</v>
      </c>
      <c r="C2441" s="8">
        <v>34.419245011000001</v>
      </c>
      <c r="D2441" s="8">
        <v>18.389207288000001</v>
      </c>
    </row>
    <row r="2442" spans="1:4" x14ac:dyDescent="0.3">
      <c r="A2442" s="6">
        <v>45535</v>
      </c>
      <c r="B2442" s="8">
        <v>118.210924869</v>
      </c>
      <c r="C2442" s="8">
        <v>34.509386329000002</v>
      </c>
      <c r="D2442" s="8">
        <v>18.176294735999999</v>
      </c>
    </row>
    <row r="2443" spans="1:4" x14ac:dyDescent="0.3">
      <c r="A2443" s="6">
        <v>45536</v>
      </c>
      <c r="B2443" s="8">
        <v>118.210924869</v>
      </c>
      <c r="C2443" s="8">
        <v>34.493737416000002</v>
      </c>
      <c r="D2443" s="8">
        <v>18.197483062</v>
      </c>
    </row>
    <row r="2444" spans="1:4" x14ac:dyDescent="0.3">
      <c r="A2444" s="6">
        <v>45537</v>
      </c>
      <c r="B2444" s="8">
        <v>118.211124869</v>
      </c>
      <c r="C2444" s="8">
        <v>34.523332736</v>
      </c>
      <c r="D2444" s="8">
        <v>18.165168791999999</v>
      </c>
    </row>
    <row r="2445" spans="1:4" x14ac:dyDescent="0.3">
      <c r="A2445" s="6">
        <v>45538</v>
      </c>
      <c r="B2445" s="8">
        <v>118.123924395</v>
      </c>
      <c r="C2445" s="8">
        <v>34.567470118999999</v>
      </c>
      <c r="D2445" s="8">
        <v>18.093276487000001</v>
      </c>
    </row>
    <row r="2446" spans="1:4" x14ac:dyDescent="0.3">
      <c r="A2446" s="6">
        <v>45539</v>
      </c>
      <c r="B2446" s="8">
        <v>118.124409888</v>
      </c>
      <c r="C2446" s="8">
        <v>34.432573003999998</v>
      </c>
      <c r="D2446" s="8">
        <v>18.009689872999999</v>
      </c>
    </row>
    <row r="2447" spans="1:4" x14ac:dyDescent="0.3">
      <c r="A2447" s="6">
        <v>45540</v>
      </c>
      <c r="B2447" s="8">
        <v>118.1368918</v>
      </c>
      <c r="C2447" s="8">
        <v>34.694349289000002</v>
      </c>
      <c r="D2447" s="8">
        <v>17.874987242</v>
      </c>
    </row>
    <row r="2448" spans="1:4" x14ac:dyDescent="0.3">
      <c r="A2448" s="6">
        <v>45541</v>
      </c>
      <c r="B2448" s="8">
        <v>118.118409375</v>
      </c>
      <c r="C2448" s="8">
        <v>34.703034574999997</v>
      </c>
      <c r="D2448" s="8">
        <v>17.826126578</v>
      </c>
    </row>
    <row r="2449" spans="1:4" x14ac:dyDescent="0.3">
      <c r="A2449" s="6">
        <v>45542</v>
      </c>
      <c r="B2449" s="8">
        <v>118.17360912300001</v>
      </c>
      <c r="C2449" s="8">
        <v>34.617185925999998</v>
      </c>
      <c r="D2449" s="8">
        <v>17.836723445000001</v>
      </c>
    </row>
    <row r="2450" spans="1:4" x14ac:dyDescent="0.3">
      <c r="A2450" s="6">
        <v>45543</v>
      </c>
      <c r="B2450" s="8">
        <v>118.17750912299999</v>
      </c>
      <c r="C2450" s="8">
        <v>34.722999641999998</v>
      </c>
      <c r="D2450" s="8">
        <v>17.855779520999999</v>
      </c>
    </row>
    <row r="2451" spans="1:4" x14ac:dyDescent="0.3">
      <c r="A2451" s="6">
        <v>45544</v>
      </c>
      <c r="B2451" s="8">
        <v>118.17750912299999</v>
      </c>
      <c r="C2451" s="8">
        <v>34.768456172</v>
      </c>
      <c r="D2451" s="8">
        <v>17.850572001</v>
      </c>
    </row>
    <row r="2452" spans="1:4" x14ac:dyDescent="0.3">
      <c r="A2452" s="6">
        <v>45545</v>
      </c>
      <c r="B2452" s="8">
        <v>118.42098893799999</v>
      </c>
      <c r="C2452" s="8">
        <v>34.887333593000001</v>
      </c>
      <c r="D2452" s="8">
        <v>17.799812380999999</v>
      </c>
    </row>
    <row r="2453" spans="1:4" x14ac:dyDescent="0.3">
      <c r="A2453" s="6">
        <v>45546</v>
      </c>
      <c r="B2453" s="8">
        <v>118.433539059</v>
      </c>
      <c r="C2453" s="8">
        <v>35.107738761</v>
      </c>
      <c r="D2453" s="8">
        <v>17.774244357000001</v>
      </c>
    </row>
    <row r="2454" spans="1:4" x14ac:dyDescent="0.3">
      <c r="A2454" s="6">
        <v>45547</v>
      </c>
      <c r="B2454" s="8">
        <v>118.43478876</v>
      </c>
      <c r="C2454" s="8">
        <v>35.144079208999997</v>
      </c>
      <c r="D2454" s="8">
        <v>17.780738123999999</v>
      </c>
    </row>
    <row r="2455" spans="1:4" x14ac:dyDescent="0.3">
      <c r="A2455" s="6">
        <v>45548</v>
      </c>
      <c r="B2455" s="8">
        <v>118.383833822</v>
      </c>
      <c r="C2455" s="8">
        <v>35.17558184</v>
      </c>
      <c r="D2455" s="8">
        <v>17.570597675999998</v>
      </c>
    </row>
    <row r="2456" spans="1:4" x14ac:dyDescent="0.3">
      <c r="A2456" s="6">
        <v>45549</v>
      </c>
      <c r="B2456" s="8">
        <v>118.608616138</v>
      </c>
      <c r="C2456" s="8">
        <v>35.524394815999997</v>
      </c>
      <c r="D2456" s="8">
        <v>17.743752336</v>
      </c>
    </row>
    <row r="2457" spans="1:4" x14ac:dyDescent="0.3">
      <c r="A2457" s="6">
        <v>45550</v>
      </c>
      <c r="B2457" s="8">
        <v>119.04766034399999</v>
      </c>
      <c r="C2457" s="8">
        <v>35.515079894000003</v>
      </c>
      <c r="D2457" s="8">
        <v>17.779046204</v>
      </c>
    </row>
    <row r="2458" spans="1:4" x14ac:dyDescent="0.3">
      <c r="A2458" s="6">
        <v>45551</v>
      </c>
      <c r="B2458" s="8">
        <v>118.81228709</v>
      </c>
      <c r="C2458" s="8">
        <v>35.491876581</v>
      </c>
      <c r="D2458" s="8">
        <v>17.78053478</v>
      </c>
    </row>
    <row r="2459" spans="1:4" x14ac:dyDescent="0.3">
      <c r="A2459" s="6">
        <v>45552</v>
      </c>
      <c r="B2459" s="8">
        <v>118.72825045</v>
      </c>
      <c r="C2459" s="8">
        <v>35.249878232</v>
      </c>
      <c r="D2459" s="8">
        <v>17.921841741000001</v>
      </c>
    </row>
    <row r="2460" spans="1:4" x14ac:dyDescent="0.3">
      <c r="A2460" s="6">
        <v>45553</v>
      </c>
      <c r="B2460" s="8">
        <v>118.853251348</v>
      </c>
      <c r="C2460" s="8">
        <v>35.405736480999998</v>
      </c>
      <c r="D2460" s="8">
        <v>18.054618019999999</v>
      </c>
    </row>
    <row r="2461" spans="1:4" x14ac:dyDescent="0.3">
      <c r="A2461" s="6">
        <v>45554</v>
      </c>
      <c r="B2461" s="8">
        <v>118.89672060300001</v>
      </c>
      <c r="C2461" s="8">
        <v>35.365866074000003</v>
      </c>
      <c r="D2461" s="8">
        <v>18.189536789529413</v>
      </c>
    </row>
    <row r="2462" spans="1:4" x14ac:dyDescent="0.3">
      <c r="A2462" s="6">
        <v>45555</v>
      </c>
      <c r="B2462" s="8">
        <v>119.06796466599999</v>
      </c>
      <c r="C2462" s="8">
        <v>35.38794738</v>
      </c>
      <c r="D2462" s="8">
        <v>18.202094331000001</v>
      </c>
    </row>
    <row r="2463" spans="1:4" x14ac:dyDescent="0.3">
      <c r="A2463" s="6">
        <v>45556</v>
      </c>
      <c r="B2463" s="8">
        <v>119.16136446599999</v>
      </c>
      <c r="C2463" s="8">
        <v>35.541185929999997</v>
      </c>
      <c r="D2463" s="8">
        <v>18.210767042000001</v>
      </c>
    </row>
    <row r="2464" spans="1:4" x14ac:dyDescent="0.3">
      <c r="A2464" s="6">
        <v>45557</v>
      </c>
      <c r="B2464" s="8">
        <v>119.157360693</v>
      </c>
      <c r="C2464" s="8">
        <v>35.611894841999998</v>
      </c>
      <c r="D2464" s="8">
        <v>18.20823266</v>
      </c>
    </row>
    <row r="2465" spans="1:4" x14ac:dyDescent="0.3">
      <c r="A2465" s="6">
        <v>45558</v>
      </c>
      <c r="B2465" s="8">
        <v>119.157360693</v>
      </c>
      <c r="C2465" s="8">
        <v>35.651896571000002</v>
      </c>
      <c r="D2465" s="8">
        <v>18.236391247</v>
      </c>
    </row>
    <row r="2466" spans="1:4" x14ac:dyDescent="0.3">
      <c r="A2466" s="6">
        <v>45559</v>
      </c>
      <c r="B2466" s="8">
        <v>119.238696383</v>
      </c>
      <c r="C2466" s="8">
        <v>35.609776107000002</v>
      </c>
      <c r="D2466" s="8">
        <v>18.357150402999999</v>
      </c>
    </row>
    <row r="2467" spans="1:4" x14ac:dyDescent="0.3">
      <c r="A2467" s="6">
        <v>45560</v>
      </c>
      <c r="B2467" s="8">
        <v>119.229928664</v>
      </c>
      <c r="C2467" s="8">
        <v>35.780423511000002</v>
      </c>
      <c r="D2467" s="8">
        <v>18.280176678</v>
      </c>
    </row>
    <row r="2468" spans="1:4" x14ac:dyDescent="0.3">
      <c r="A2468" s="6">
        <v>45561</v>
      </c>
      <c r="B2468" s="8">
        <v>119.274429856</v>
      </c>
      <c r="C2468" s="8">
        <v>35.816830805999999</v>
      </c>
      <c r="D2468" s="8">
        <v>18.387562189000001</v>
      </c>
    </row>
    <row r="2469" spans="1:4" x14ac:dyDescent="0.3">
      <c r="A2469" s="6">
        <v>45562</v>
      </c>
      <c r="B2469" s="8">
        <v>119.34742935600001</v>
      </c>
      <c r="C2469" s="8">
        <v>36.056633972999997</v>
      </c>
      <c r="D2469" s="8">
        <v>18.312058789999998</v>
      </c>
    </row>
    <row r="2470" spans="1:4" x14ac:dyDescent="0.3">
      <c r="A2470" s="6">
        <v>45563</v>
      </c>
      <c r="B2470" s="8">
        <v>119.405929</v>
      </c>
      <c r="C2470" s="8">
        <v>36.058585407000002</v>
      </c>
      <c r="D2470" s="8">
        <v>18.221303941999999</v>
      </c>
    </row>
    <row r="2471" spans="1:4" x14ac:dyDescent="0.3">
      <c r="A2471" s="6">
        <v>45564</v>
      </c>
      <c r="B2471" s="8">
        <v>119.406925003</v>
      </c>
      <c r="C2471" s="8">
        <v>36.038353424999997</v>
      </c>
      <c r="D2471" s="8">
        <v>18.235586091999998</v>
      </c>
    </row>
    <row r="2472" spans="1:4" x14ac:dyDescent="0.3">
      <c r="A2472" s="6">
        <v>45565</v>
      </c>
      <c r="B2472" s="8">
        <v>119.622396997</v>
      </c>
      <c r="C2472" s="8">
        <v>36.002121762999998</v>
      </c>
      <c r="D2472" s="8">
        <v>18.275121209999998</v>
      </c>
    </row>
    <row r="2473" spans="1:4" x14ac:dyDescent="0.3">
      <c r="A2473" s="6">
        <v>45566</v>
      </c>
      <c r="B2473" s="8">
        <v>119.65034613500001</v>
      </c>
      <c r="C2473" s="8">
        <v>35.183237169000002</v>
      </c>
      <c r="D2473" s="8">
        <v>18.305136658999999</v>
      </c>
    </row>
    <row r="2474" spans="1:4" x14ac:dyDescent="0.3">
      <c r="A2474" s="6">
        <v>45567</v>
      </c>
      <c r="B2474" s="8">
        <v>119.65034613500001</v>
      </c>
      <c r="C2474" s="8">
        <v>35.30811387</v>
      </c>
      <c r="D2474" s="8">
        <v>18.521486731</v>
      </c>
    </row>
    <row r="2475" spans="1:4" x14ac:dyDescent="0.3">
      <c r="A2475" s="6">
        <v>45568</v>
      </c>
      <c r="B2475" s="8">
        <v>119.63373573699999</v>
      </c>
      <c r="C2475" s="8">
        <v>35.327000351000002</v>
      </c>
      <c r="D2475" s="8">
        <v>18.648812542999998</v>
      </c>
    </row>
    <row r="2476" spans="1:4" x14ac:dyDescent="0.3">
      <c r="A2476" s="6">
        <v>45569</v>
      </c>
      <c r="B2476" s="8">
        <v>119.635112439</v>
      </c>
      <c r="C2476" s="8">
        <v>35.300864969999999</v>
      </c>
      <c r="D2476" s="8">
        <v>18.559258916000001</v>
      </c>
    </row>
    <row r="2477" spans="1:4" x14ac:dyDescent="0.3">
      <c r="A2477" s="6">
        <v>45570</v>
      </c>
      <c r="B2477" s="8">
        <v>119.65325723700001</v>
      </c>
      <c r="C2477" s="8">
        <v>35.303828070000002</v>
      </c>
      <c r="D2477" s="8">
        <v>18.594832467</v>
      </c>
    </row>
    <row r="2478" spans="1:4" x14ac:dyDescent="0.3">
      <c r="A2478" s="6">
        <v>45571</v>
      </c>
      <c r="B2478" s="8">
        <v>119.670028849</v>
      </c>
      <c r="C2478" s="8">
        <v>35.353561263000003</v>
      </c>
      <c r="D2478" s="8">
        <v>18.604507109</v>
      </c>
    </row>
    <row r="2479" spans="1:4" x14ac:dyDescent="0.3">
      <c r="A2479" s="6">
        <v>45572</v>
      </c>
      <c r="B2479" s="8">
        <v>119.670467363</v>
      </c>
      <c r="C2479" s="8">
        <v>35.357850616</v>
      </c>
      <c r="D2479" s="8">
        <v>18.576013570000001</v>
      </c>
    </row>
    <row r="2480" spans="1:4" x14ac:dyDescent="0.3">
      <c r="A2480" s="6">
        <v>45573</v>
      </c>
      <c r="B2480" s="8">
        <v>119.85036755500001</v>
      </c>
      <c r="C2480" s="8">
        <v>35.098642783000003</v>
      </c>
      <c r="D2480" s="8">
        <v>18.748029519999999</v>
      </c>
    </row>
    <row r="2481" spans="1:4" x14ac:dyDescent="0.3">
      <c r="A2481" s="6">
        <v>45574</v>
      </c>
      <c r="B2481" s="8">
        <v>119.841275909</v>
      </c>
      <c r="C2481" s="8">
        <v>34.799002756999997</v>
      </c>
      <c r="D2481" s="8">
        <v>18.975071073999999</v>
      </c>
    </row>
    <row r="2482" spans="1:4" x14ac:dyDescent="0.3">
      <c r="A2482" s="6">
        <v>45575</v>
      </c>
      <c r="B2482" s="8">
        <v>119.84937737</v>
      </c>
      <c r="C2482" s="8">
        <v>34.532097909000001</v>
      </c>
      <c r="D2482" s="8">
        <v>19.256541923</v>
      </c>
    </row>
    <row r="2483" spans="1:4" x14ac:dyDescent="0.3">
      <c r="A2483" s="6">
        <v>45576</v>
      </c>
      <c r="B2483" s="8">
        <v>119.72537736699999</v>
      </c>
      <c r="C2483" s="8">
        <v>34.471039320000003</v>
      </c>
      <c r="D2483" s="8">
        <v>19.219046069000001</v>
      </c>
    </row>
    <row r="2484" spans="1:4" x14ac:dyDescent="0.3">
      <c r="A2484" s="6">
        <v>45577</v>
      </c>
      <c r="B2484" s="8">
        <v>119.729627115</v>
      </c>
      <c r="C2484" s="8">
        <v>34.715463651</v>
      </c>
      <c r="D2484" s="8">
        <v>19.282119927</v>
      </c>
    </row>
    <row r="2485" spans="1:4" x14ac:dyDescent="0.3">
      <c r="A2485" s="6">
        <v>45578</v>
      </c>
      <c r="B2485" s="8">
        <v>119.731227066</v>
      </c>
      <c r="C2485" s="8">
        <v>34.759320262000003</v>
      </c>
      <c r="D2485" s="8">
        <v>19.286351774</v>
      </c>
    </row>
    <row r="2486" spans="1:4" x14ac:dyDescent="0.3">
      <c r="A2486" s="6">
        <v>45579</v>
      </c>
      <c r="B2486" s="8">
        <v>119.731227066</v>
      </c>
      <c r="C2486" s="8">
        <v>34.727446159000003</v>
      </c>
      <c r="D2486" s="8">
        <v>19.300316932000001</v>
      </c>
    </row>
    <row r="2487" spans="1:4" x14ac:dyDescent="0.3">
      <c r="A2487" s="6">
        <v>45580</v>
      </c>
      <c r="B2487" s="8">
        <v>119.759196663</v>
      </c>
      <c r="C2487" s="8">
        <v>34.615883384999997</v>
      </c>
      <c r="D2487" s="8">
        <v>19.232315921000001</v>
      </c>
    </row>
    <row r="2488" spans="1:4" x14ac:dyDescent="0.3">
      <c r="A2488" s="6">
        <v>45581</v>
      </c>
      <c r="B2488" s="8">
        <v>119.80144387599999</v>
      </c>
      <c r="C2488" s="8">
        <v>34.626254297999999</v>
      </c>
      <c r="D2488" s="8">
        <v>19.078028405000001</v>
      </c>
    </row>
    <row r="2489" spans="1:4" x14ac:dyDescent="0.3">
      <c r="A2489" s="6">
        <v>45582</v>
      </c>
      <c r="B2489" s="8">
        <v>119.966698833</v>
      </c>
      <c r="C2489" s="8">
        <v>34.527890988000003</v>
      </c>
      <c r="D2489" s="8">
        <v>19.007630555999999</v>
      </c>
    </row>
    <row r="2490" spans="1:4" x14ac:dyDescent="0.3">
      <c r="A2490" s="6">
        <v>45583</v>
      </c>
      <c r="B2490" s="8">
        <v>120.002859304</v>
      </c>
      <c r="C2490" s="8">
        <v>34.460456278000002</v>
      </c>
      <c r="D2490" s="8">
        <v>18.899673005</v>
      </c>
    </row>
    <row r="2491" spans="1:4" x14ac:dyDescent="0.3">
      <c r="A2491" s="6">
        <v>45584</v>
      </c>
      <c r="B2491" s="8">
        <v>120.08710222099999</v>
      </c>
      <c r="C2491" s="8">
        <v>34.665504067999997</v>
      </c>
      <c r="D2491" s="8">
        <v>18.940112615</v>
      </c>
    </row>
    <row r="2492" spans="1:4" x14ac:dyDescent="0.3">
      <c r="A2492" s="6">
        <v>45585</v>
      </c>
      <c r="B2492" s="8">
        <v>120.15210221700001</v>
      </c>
      <c r="C2492" s="8">
        <v>34.669562630000001</v>
      </c>
      <c r="D2492" s="8">
        <v>19.01380017</v>
      </c>
    </row>
    <row r="2493" spans="1:4" x14ac:dyDescent="0.3">
      <c r="A2493" s="6">
        <v>45586</v>
      </c>
      <c r="B2493" s="8">
        <v>120.17910221699999</v>
      </c>
      <c r="C2493" s="8">
        <v>34.683804213999998</v>
      </c>
      <c r="D2493" s="8">
        <v>19.052443349000001</v>
      </c>
    </row>
    <row r="2494" spans="1:4" x14ac:dyDescent="0.3">
      <c r="A2494" s="6">
        <v>45587</v>
      </c>
      <c r="B2494" s="8">
        <v>120.202666053</v>
      </c>
      <c r="C2494" s="8">
        <v>34.420505362999997</v>
      </c>
      <c r="D2494" s="8">
        <v>19.010625049000001</v>
      </c>
    </row>
    <row r="2495" spans="1:4" x14ac:dyDescent="0.3">
      <c r="A2495" s="6">
        <v>45588</v>
      </c>
      <c r="B2495" s="8">
        <v>120.190604126</v>
      </c>
      <c r="C2495" s="8">
        <v>34.288248877999997</v>
      </c>
      <c r="D2495" s="8">
        <v>19.068390537999999</v>
      </c>
    </row>
    <row r="2496" spans="1:4" x14ac:dyDescent="0.3">
      <c r="A2496" s="6">
        <v>45589</v>
      </c>
      <c r="B2496" s="8">
        <v>120.20478993899999</v>
      </c>
      <c r="C2496" s="8">
        <v>34.055928887999997</v>
      </c>
      <c r="D2496" s="8">
        <v>18.9730069489</v>
      </c>
    </row>
    <row r="2497" spans="1:4" x14ac:dyDescent="0.3">
      <c r="A2497" s="6">
        <v>45590</v>
      </c>
      <c r="B2497" s="8">
        <v>120.242344735</v>
      </c>
      <c r="C2497" s="8">
        <v>34.176177949</v>
      </c>
      <c r="D2497" s="8">
        <v>18.843759427999998</v>
      </c>
    </row>
    <row r="2498" spans="1:4" x14ac:dyDescent="0.3">
      <c r="A2498" s="6">
        <v>45591</v>
      </c>
      <c r="B2498" s="8">
        <v>120.28459233300001</v>
      </c>
      <c r="C2498" s="8">
        <v>34.394600050999998</v>
      </c>
      <c r="D2498" s="8">
        <v>18.695380996000001</v>
      </c>
    </row>
    <row r="2499" spans="1:4" x14ac:dyDescent="0.3">
      <c r="A2499" s="6">
        <v>45592</v>
      </c>
      <c r="B2499" s="8">
        <v>120.31844341199999</v>
      </c>
      <c r="C2499" s="8">
        <v>34.353139386999999</v>
      </c>
      <c r="D2499" s="8">
        <v>18.727334238799997</v>
      </c>
    </row>
    <row r="2500" spans="1:4" x14ac:dyDescent="0.3">
      <c r="A2500" s="6">
        <v>45593</v>
      </c>
      <c r="B2500" s="8">
        <v>120.319443409</v>
      </c>
      <c r="C2500" s="8">
        <v>34.379494587000003</v>
      </c>
      <c r="D2500" s="8">
        <v>18.768554305999999</v>
      </c>
    </row>
    <row r="2501" spans="1:4" x14ac:dyDescent="0.3">
      <c r="A2501" s="6">
        <v>45594</v>
      </c>
      <c r="B2501" s="8">
        <v>120.18027711800001</v>
      </c>
      <c r="C2501" s="8">
        <v>34.431370936</v>
      </c>
      <c r="D2501" s="8">
        <v>18.773182266999999</v>
      </c>
    </row>
    <row r="2502" spans="1:4" x14ac:dyDescent="0.3">
      <c r="A2502" s="6">
        <v>45595</v>
      </c>
      <c r="B2502" s="8">
        <v>120.464260834</v>
      </c>
      <c r="C2502" s="8">
        <v>34.500643590000003</v>
      </c>
      <c r="D2502" s="8">
        <v>18.776168422000001</v>
      </c>
    </row>
    <row r="2503" spans="1:4" x14ac:dyDescent="0.3">
      <c r="A2503" s="6">
        <v>45596</v>
      </c>
      <c r="B2503" s="8">
        <v>120.533635657</v>
      </c>
      <c r="C2503" s="8">
        <v>34.777501227999998</v>
      </c>
      <c r="D2503" s="8">
        <v>18.764564396000001</v>
      </c>
    </row>
    <row r="2504" spans="1:4" x14ac:dyDescent="0.3">
      <c r="A2504" s="6">
        <v>45597</v>
      </c>
      <c r="B2504" s="8">
        <v>120.482951828</v>
      </c>
      <c r="C2504" s="8">
        <v>34.428836789999998</v>
      </c>
      <c r="D2504" s="8">
        <v>18.592601853000001</v>
      </c>
    </row>
    <row r="2505" spans="1:4" x14ac:dyDescent="0.3">
      <c r="A2505" s="6">
        <v>45598</v>
      </c>
      <c r="B2505" s="8">
        <v>120.536423457</v>
      </c>
      <c r="C2505" s="8">
        <v>34.628613090000002</v>
      </c>
      <c r="D2505" s="8">
        <v>18.688101893999999</v>
      </c>
    </row>
    <row r="2506" spans="1:4" x14ac:dyDescent="0.3">
      <c r="A2506" s="6">
        <v>45599</v>
      </c>
      <c r="B2506" s="8">
        <v>120.585101455</v>
      </c>
      <c r="C2506" s="8">
        <v>34.816221826000003</v>
      </c>
      <c r="D2506" s="8">
        <v>18.747571746999999</v>
      </c>
    </row>
    <row r="2507" spans="1:4" x14ac:dyDescent="0.3">
      <c r="A2507" s="6">
        <v>45600</v>
      </c>
      <c r="B2507" s="8">
        <v>120.585101455</v>
      </c>
      <c r="C2507" s="8">
        <v>34.819119229000002</v>
      </c>
      <c r="D2507" s="8">
        <v>18.779973879</v>
      </c>
    </row>
    <row r="2508" spans="1:4" x14ac:dyDescent="0.3">
      <c r="A2508" s="6">
        <v>45601</v>
      </c>
      <c r="B2508" s="8">
        <v>121.509925391</v>
      </c>
      <c r="C2508" s="8">
        <v>35.032825651000003</v>
      </c>
      <c r="D2508" s="8">
        <v>18.630155375000001</v>
      </c>
    </row>
    <row r="2509" spans="1:4" x14ac:dyDescent="0.3">
      <c r="A2509" s="6">
        <v>45602</v>
      </c>
      <c r="B2509" s="8">
        <v>121.508090966</v>
      </c>
      <c r="C2509" s="8">
        <v>35.495702377999997</v>
      </c>
      <c r="D2509" s="8">
        <v>18.586028258999999</v>
      </c>
    </row>
    <row r="2510" spans="1:4" x14ac:dyDescent="0.3">
      <c r="A2510" s="6">
        <v>45603</v>
      </c>
      <c r="B2510" s="8">
        <v>121.996707673</v>
      </c>
      <c r="C2510" s="8">
        <v>36.778932849999997</v>
      </c>
      <c r="D2510" s="8">
        <v>18.389329574000001</v>
      </c>
    </row>
    <row r="2511" spans="1:4" x14ac:dyDescent="0.3">
      <c r="A2511" s="6">
        <v>45604</v>
      </c>
      <c r="B2511" s="8">
        <v>122.481730696</v>
      </c>
      <c r="C2511" s="8">
        <v>36.837551464999997</v>
      </c>
      <c r="D2511" s="8">
        <v>18.556597291999999</v>
      </c>
    </row>
    <row r="2512" spans="1:4" x14ac:dyDescent="0.3">
      <c r="A2512" s="6">
        <v>45605</v>
      </c>
      <c r="B2512" s="8">
        <v>123.428055689</v>
      </c>
      <c r="C2512" s="8">
        <v>37.080522522999999</v>
      </c>
      <c r="D2512" s="8">
        <v>18.626313244999999</v>
      </c>
    </row>
    <row r="2513" spans="1:4" x14ac:dyDescent="0.3">
      <c r="A2513" s="6">
        <v>45606</v>
      </c>
      <c r="B2513" s="8">
        <v>123.695285992</v>
      </c>
      <c r="C2513" s="8">
        <v>36.973238612000003</v>
      </c>
      <c r="D2513" s="8">
        <v>18.702736748</v>
      </c>
    </row>
    <row r="2514" spans="1:4" x14ac:dyDescent="0.3">
      <c r="A2514" s="6">
        <v>45607</v>
      </c>
      <c r="B2514" s="8">
        <v>123.96611353500001</v>
      </c>
      <c r="C2514" s="8">
        <v>36.898324678000002</v>
      </c>
      <c r="D2514" s="8">
        <v>18.758034896000002</v>
      </c>
    </row>
    <row r="2515" spans="1:4" x14ac:dyDescent="0.3">
      <c r="A2515" s="6">
        <v>45608</v>
      </c>
      <c r="B2515" s="8">
        <v>125.803947511</v>
      </c>
      <c r="C2515" s="8">
        <v>36.886004565</v>
      </c>
      <c r="D2515" s="8">
        <v>18.588550885</v>
      </c>
    </row>
    <row r="2516" spans="1:4" x14ac:dyDescent="0.3">
      <c r="A2516" s="6">
        <v>45609</v>
      </c>
      <c r="B2516" s="8">
        <v>126.606120653</v>
      </c>
      <c r="C2516" s="8">
        <v>36.453658693999998</v>
      </c>
      <c r="D2516" s="8">
        <v>18.296377540000002</v>
      </c>
    </row>
    <row r="2517" spans="1:4" x14ac:dyDescent="0.3">
      <c r="A2517" s="6">
        <v>45610</v>
      </c>
      <c r="B2517" s="8">
        <v>127.60031735</v>
      </c>
      <c r="C2517" s="8">
        <v>36.643380149999999</v>
      </c>
      <c r="D2517" s="8">
        <v>18.406089846</v>
      </c>
    </row>
    <row r="2518" spans="1:4" x14ac:dyDescent="0.3">
      <c r="A2518" s="6">
        <v>45611</v>
      </c>
      <c r="B2518" s="8">
        <v>129.19152591299999</v>
      </c>
      <c r="C2518" s="8">
        <v>36.835407938000003</v>
      </c>
      <c r="D2518" s="8">
        <v>18.595150400000001</v>
      </c>
    </row>
    <row r="2519" spans="1:4" x14ac:dyDescent="0.3">
      <c r="A2519" s="6">
        <v>45612</v>
      </c>
      <c r="B2519" s="8">
        <v>129.191516826</v>
      </c>
      <c r="C2519" s="8">
        <v>36.927137301000002</v>
      </c>
      <c r="D2519" s="8">
        <v>18.915495354000001</v>
      </c>
    </row>
    <row r="2520" spans="1:4" x14ac:dyDescent="0.3">
      <c r="A2520" s="6">
        <v>45613</v>
      </c>
      <c r="B2520" s="8">
        <v>129.417831726</v>
      </c>
      <c r="C2520" s="8">
        <v>37.072910422</v>
      </c>
      <c r="D2520" s="8">
        <v>19.049712732</v>
      </c>
    </row>
    <row r="2521" spans="1:4" x14ac:dyDescent="0.3">
      <c r="A2521" s="6">
        <v>45614</v>
      </c>
      <c r="B2521" s="8">
        <v>129.56782273100001</v>
      </c>
      <c r="C2521" s="8">
        <v>37.047044411999998</v>
      </c>
      <c r="D2521" s="8">
        <v>19.170877908000001</v>
      </c>
    </row>
    <row r="2522" spans="1:4" x14ac:dyDescent="0.3">
      <c r="A2522" s="6">
        <v>45615</v>
      </c>
      <c r="B2522" s="8">
        <v>129.458065433</v>
      </c>
      <c r="C2522" s="8">
        <v>37.334703629000003</v>
      </c>
      <c r="D2522" s="8">
        <v>19.053115663</v>
      </c>
    </row>
    <row r="2523" spans="1:4" x14ac:dyDescent="0.3">
      <c r="A2523" s="6">
        <v>45616</v>
      </c>
      <c r="B2523" s="8">
        <v>129.94238219900001</v>
      </c>
      <c r="C2523" s="8">
        <v>37.359206469999997</v>
      </c>
      <c r="D2523" s="8">
        <v>19.214266898000002</v>
      </c>
    </row>
    <row r="2524" spans="1:4" x14ac:dyDescent="0.3">
      <c r="A2524" s="6">
        <v>45617</v>
      </c>
      <c r="B2524" s="8">
        <v>131.244196679</v>
      </c>
      <c r="C2524" s="8">
        <v>37.853997311000001</v>
      </c>
      <c r="D2524" s="8">
        <v>19.207384089000001</v>
      </c>
    </row>
    <row r="2525" spans="1:4" x14ac:dyDescent="0.3">
      <c r="A2525" s="6">
        <v>45618</v>
      </c>
      <c r="B2525" s="8">
        <v>131.55945211400001</v>
      </c>
      <c r="C2525" s="8">
        <v>38.168544103000002</v>
      </c>
      <c r="D2525" s="8">
        <v>19.287597479999999</v>
      </c>
    </row>
    <row r="2526" spans="1:4" x14ac:dyDescent="0.3">
      <c r="A2526" s="6">
        <v>45619</v>
      </c>
      <c r="B2526" s="8">
        <v>132.873420057</v>
      </c>
      <c r="C2526" s="8">
        <v>38.798750042000002</v>
      </c>
      <c r="D2526" s="8">
        <v>19.398204007</v>
      </c>
    </row>
    <row r="2527" spans="1:4" x14ac:dyDescent="0.3">
      <c r="A2527" s="6">
        <v>45620</v>
      </c>
      <c r="B2527" s="8">
        <v>134.01344205300001</v>
      </c>
      <c r="C2527" s="8">
        <v>39.047159301000001</v>
      </c>
      <c r="D2527" s="8">
        <v>19.549655054999999</v>
      </c>
    </row>
    <row r="2528" spans="1:4" x14ac:dyDescent="0.3">
      <c r="A2528" s="6">
        <v>45621</v>
      </c>
      <c r="B2528" s="8">
        <v>134.424635741</v>
      </c>
      <c r="C2528" s="8">
        <v>38.981295279999998</v>
      </c>
      <c r="D2528" s="8">
        <v>19.616591671999998</v>
      </c>
    </row>
    <row r="2529" spans="1:4" x14ac:dyDescent="0.3">
      <c r="A2529" s="6">
        <v>45622</v>
      </c>
      <c r="B2529" s="8">
        <v>134.69313122299999</v>
      </c>
      <c r="C2529" s="8">
        <v>38.691389600000001</v>
      </c>
      <c r="D2529" s="8">
        <v>19.397119563</v>
      </c>
    </row>
    <row r="2530" spans="1:4" x14ac:dyDescent="0.3">
      <c r="A2530" s="6">
        <v>45623</v>
      </c>
      <c r="B2530" s="8">
        <v>134.72294324200001</v>
      </c>
      <c r="C2530" s="8">
        <v>38.536964161999997</v>
      </c>
      <c r="D2530" s="8">
        <v>19.357885584000002</v>
      </c>
    </row>
    <row r="2531" spans="1:4" x14ac:dyDescent="0.3">
      <c r="A2531" s="6">
        <v>45624</v>
      </c>
      <c r="B2531" s="8">
        <v>135.13748667600001</v>
      </c>
      <c r="C2531" s="8">
        <v>39.521814769999999</v>
      </c>
      <c r="D2531" s="8">
        <v>19.482060687000001</v>
      </c>
    </row>
    <row r="2532" spans="1:4" x14ac:dyDescent="0.3">
      <c r="A2532" s="6">
        <v>45625</v>
      </c>
      <c r="B2532" s="8">
        <v>135.96585234200001</v>
      </c>
      <c r="C2532" s="8">
        <v>39.413361184000003</v>
      </c>
      <c r="D2532" s="8">
        <v>19.602473190000001</v>
      </c>
    </row>
    <row r="2533" spans="1:4" x14ac:dyDescent="0.3">
      <c r="A2533" s="6">
        <v>45626</v>
      </c>
      <c r="B2533" s="8">
        <v>136.27170842199999</v>
      </c>
      <c r="C2533" s="8">
        <v>39.746464406000001</v>
      </c>
      <c r="D2533" s="8">
        <v>19.721705569000001</v>
      </c>
    </row>
    <row r="2534" spans="1:4" x14ac:dyDescent="0.3">
      <c r="A2534" s="6">
        <v>45627</v>
      </c>
      <c r="B2534" s="8">
        <v>134.39244104900001</v>
      </c>
      <c r="C2534" s="8">
        <v>39.865840343000002</v>
      </c>
      <c r="D2534" s="8">
        <v>20.031505621499999</v>
      </c>
    </row>
    <row r="2535" spans="1:4" x14ac:dyDescent="0.3">
      <c r="A2535" s="6">
        <v>45628</v>
      </c>
      <c r="B2535" s="8">
        <v>134.47654100599999</v>
      </c>
      <c r="C2535" s="8">
        <v>40.029815218000003</v>
      </c>
      <c r="D2535" s="8">
        <v>20.061456240999998</v>
      </c>
    </row>
    <row r="2536" spans="1:4" x14ac:dyDescent="0.3">
      <c r="A2536" s="6">
        <v>45629</v>
      </c>
      <c r="B2536" s="8">
        <v>135.01236093099999</v>
      </c>
      <c r="C2536" s="8">
        <v>39.902043704</v>
      </c>
      <c r="D2536" s="8">
        <v>20.369003909500002</v>
      </c>
    </row>
    <row r="2537" spans="1:4" x14ac:dyDescent="0.3">
      <c r="A2537" s="6">
        <v>45630</v>
      </c>
      <c r="B2537" s="8">
        <v>135.338236018</v>
      </c>
      <c r="C2537" s="8">
        <v>40.078216691999998</v>
      </c>
      <c r="D2537" s="8">
        <v>20.403875798000001</v>
      </c>
    </row>
    <row r="2538" spans="1:4" x14ac:dyDescent="0.3">
      <c r="A2538" s="6">
        <v>45631</v>
      </c>
      <c r="B2538" s="8">
        <v>136.04543250200001</v>
      </c>
      <c r="C2538" s="8">
        <v>40.638149206999998</v>
      </c>
      <c r="D2538" s="8">
        <v>20.403069176500001</v>
      </c>
    </row>
    <row r="2539" spans="1:4" x14ac:dyDescent="0.3">
      <c r="A2539" s="6">
        <v>45632</v>
      </c>
      <c r="B2539" s="8">
        <v>136.97527808000001</v>
      </c>
      <c r="C2539" s="8">
        <v>40.231975255000002</v>
      </c>
      <c r="D2539" s="8">
        <v>20.529901170999999</v>
      </c>
    </row>
    <row r="2540" spans="1:4" x14ac:dyDescent="0.3">
      <c r="A2540" s="6">
        <v>45633</v>
      </c>
      <c r="B2540" s="8">
        <v>138.03881792300001</v>
      </c>
      <c r="C2540" s="8">
        <v>41.136147069000003</v>
      </c>
      <c r="D2540" s="8">
        <v>19.711228367</v>
      </c>
    </row>
    <row r="2541" spans="1:4" x14ac:dyDescent="0.3">
      <c r="A2541" s="6">
        <v>45634</v>
      </c>
      <c r="B2541" s="8">
        <v>138.262817923</v>
      </c>
      <c r="C2541" s="8">
        <v>41.131834220000002</v>
      </c>
      <c r="D2541" s="8">
        <v>19.457932198000002</v>
      </c>
    </row>
    <row r="2542" spans="1:4" x14ac:dyDescent="0.3">
      <c r="A2542" s="6">
        <v>45635</v>
      </c>
      <c r="B2542" s="8">
        <v>138.399087923</v>
      </c>
      <c r="C2542" s="8">
        <v>40.969386686999997</v>
      </c>
      <c r="D2542" s="8">
        <v>20.661697353000001</v>
      </c>
    </row>
    <row r="2543" spans="1:4" x14ac:dyDescent="0.3">
      <c r="A2543" s="6">
        <v>45636</v>
      </c>
      <c r="B2543" s="8">
        <v>138.643216096</v>
      </c>
      <c r="C2543" s="8">
        <v>40.570582254000001</v>
      </c>
      <c r="D2543" s="8">
        <v>20.573604454000002</v>
      </c>
    </row>
    <row r="2544" spans="1:4" x14ac:dyDescent="0.3">
      <c r="A2544" s="6">
        <v>45637</v>
      </c>
      <c r="B2544" s="8">
        <v>138.953308451</v>
      </c>
      <c r="C2544" s="8">
        <v>40.746368257999997</v>
      </c>
      <c r="D2544" s="8">
        <v>20.733064446</v>
      </c>
    </row>
    <row r="2545" spans="1:4" x14ac:dyDescent="0.3">
      <c r="A2545" s="6">
        <v>45638</v>
      </c>
      <c r="B2545" s="8">
        <v>140.00580045000001</v>
      </c>
      <c r="C2545" s="8">
        <v>41.597995926000003</v>
      </c>
      <c r="D2545" s="8">
        <v>20.995696511999999</v>
      </c>
    </row>
    <row r="2546" spans="1:4" x14ac:dyDescent="0.3">
      <c r="A2546" s="6">
        <v>45639</v>
      </c>
      <c r="B2546" s="8">
        <v>140.40491098000001</v>
      </c>
      <c r="C2546" s="8">
        <v>41.535712752999999</v>
      </c>
      <c r="D2546" s="8">
        <v>21.142915138999999</v>
      </c>
    </row>
    <row r="2547" spans="1:4" x14ac:dyDescent="0.3">
      <c r="A2547" s="6">
        <v>45640</v>
      </c>
      <c r="B2547" s="8">
        <v>140.44800412500001</v>
      </c>
      <c r="C2547" s="8">
        <v>41.983548415999998</v>
      </c>
      <c r="D2547" s="8">
        <v>21.577837429999999</v>
      </c>
    </row>
    <row r="2548" spans="1:4" x14ac:dyDescent="0.3">
      <c r="A2548" s="6">
        <v>45641</v>
      </c>
      <c r="B2548" s="8">
        <v>140.56800412499999</v>
      </c>
      <c r="C2548" s="8">
        <v>41.995372080000003</v>
      </c>
      <c r="D2548" s="8">
        <v>21.68781925</v>
      </c>
    </row>
    <row r="2549" spans="1:4" x14ac:dyDescent="0.3">
      <c r="A2549" s="6">
        <v>45642</v>
      </c>
      <c r="B2549" s="8">
        <v>140.56800412499999</v>
      </c>
      <c r="C2549" s="8">
        <v>42.123004404</v>
      </c>
      <c r="D2549" s="8">
        <v>21.717617701000002</v>
      </c>
    </row>
    <row r="2550" spans="1:4" x14ac:dyDescent="0.3">
      <c r="A2550" s="6">
        <v>45643</v>
      </c>
      <c r="B2550" s="8">
        <v>140.75857776399999</v>
      </c>
      <c r="C2550" s="8">
        <v>42.395161080999998</v>
      </c>
      <c r="D2550" s="8">
        <v>21.729389347000001</v>
      </c>
    </row>
    <row r="2551" spans="1:4" x14ac:dyDescent="0.3">
      <c r="A2551" s="6">
        <v>45644</v>
      </c>
      <c r="B2551" s="8">
        <v>140.91234729499999</v>
      </c>
      <c r="C2551" s="8">
        <v>42.539086290999997</v>
      </c>
      <c r="D2551" s="8">
        <v>21.750428191000001</v>
      </c>
    </row>
    <row r="2552" spans="1:4" x14ac:dyDescent="0.3">
      <c r="A2552" s="6">
        <v>45645</v>
      </c>
      <c r="B2552" s="8">
        <v>140.93390630499999</v>
      </c>
      <c r="C2552" s="8">
        <v>42.340498552</v>
      </c>
      <c r="D2552" s="8">
        <v>22.064279805999998</v>
      </c>
    </row>
    <row r="2553" spans="1:4" x14ac:dyDescent="0.3">
      <c r="A2553" s="6">
        <v>45646</v>
      </c>
      <c r="B2553" s="8">
        <v>140.88687852699999</v>
      </c>
      <c r="C2553" s="8">
        <v>42.440941688999999</v>
      </c>
      <c r="D2553" s="8">
        <v>22.460734157000001</v>
      </c>
    </row>
    <row r="2554" spans="1:4" x14ac:dyDescent="0.3">
      <c r="A2554" s="6">
        <v>45647</v>
      </c>
      <c r="B2554" s="8">
        <v>140.46851350700001</v>
      </c>
      <c r="C2554" s="8">
        <v>42.762296990999999</v>
      </c>
      <c r="D2554" s="8">
        <v>22.782167397999999</v>
      </c>
    </row>
    <row r="2555" spans="1:4" x14ac:dyDescent="0.3">
      <c r="A2555" s="6">
        <v>45648</v>
      </c>
      <c r="B2555" s="8">
        <v>140.17724692300001</v>
      </c>
      <c r="C2555" s="8">
        <v>42.942740708000002</v>
      </c>
      <c r="D2555" s="8">
        <v>22.910634743999999</v>
      </c>
    </row>
    <row r="2556" spans="1:4" x14ac:dyDescent="0.3">
      <c r="A2556" s="6">
        <v>45649</v>
      </c>
      <c r="B2556" s="8">
        <v>140.15270120700001</v>
      </c>
      <c r="C2556" s="8">
        <v>43.015598519000001</v>
      </c>
      <c r="D2556" s="8">
        <v>22.973257401000001</v>
      </c>
    </row>
    <row r="2557" spans="1:4" x14ac:dyDescent="0.3">
      <c r="A2557" s="6">
        <v>45650</v>
      </c>
      <c r="B2557" s="8">
        <v>139.800592088</v>
      </c>
      <c r="C2557" s="8">
        <v>43.032426602000001</v>
      </c>
      <c r="D2557" s="8">
        <v>23.404891501000002</v>
      </c>
    </row>
    <row r="2558" spans="1:4" x14ac:dyDescent="0.3">
      <c r="A2558" s="6">
        <v>45651</v>
      </c>
      <c r="B2558" s="8">
        <v>139.72841136900001</v>
      </c>
      <c r="C2558" s="8">
        <v>43.051898387000001</v>
      </c>
      <c r="D2558" s="8">
        <v>23.824315900999999</v>
      </c>
    </row>
    <row r="2559" spans="1:4" x14ac:dyDescent="0.3">
      <c r="A2559" s="6">
        <v>45652</v>
      </c>
      <c r="B2559" s="8">
        <v>139.73231100800001</v>
      </c>
      <c r="C2559" s="8">
        <v>43.102087396000002</v>
      </c>
      <c r="D2559" s="8">
        <v>24.003779952999999</v>
      </c>
    </row>
    <row r="2560" spans="1:4" x14ac:dyDescent="0.3">
      <c r="A2560" s="6">
        <v>45653</v>
      </c>
      <c r="B2560" s="8">
        <v>139.74608840299999</v>
      </c>
      <c r="C2560" s="8">
        <v>43.474413403</v>
      </c>
      <c r="D2560" s="8">
        <v>24.348747466999999</v>
      </c>
    </row>
    <row r="2561" spans="1:4" x14ac:dyDescent="0.3">
      <c r="A2561" s="6">
        <v>45654</v>
      </c>
      <c r="B2561" s="8">
        <v>139.593778477</v>
      </c>
      <c r="C2561" s="8">
        <v>43.530143467999999</v>
      </c>
      <c r="D2561" s="8">
        <v>24.554102400000001</v>
      </c>
    </row>
    <row r="2562" spans="1:4" x14ac:dyDescent="0.3">
      <c r="A2562" s="6">
        <v>45655</v>
      </c>
      <c r="B2562" s="8">
        <v>139.309508042</v>
      </c>
      <c r="C2562" s="8">
        <v>43.637942883999997</v>
      </c>
      <c r="D2562" s="8">
        <v>24.586265145999999</v>
      </c>
    </row>
    <row r="2563" spans="1:4" x14ac:dyDescent="0.3">
      <c r="A2563" s="6">
        <v>45656</v>
      </c>
      <c r="B2563" s="8">
        <v>139.25750804099999</v>
      </c>
      <c r="C2563" s="8">
        <v>43.635466512000001</v>
      </c>
      <c r="D2563" s="8">
        <v>24.477586628000001</v>
      </c>
    </row>
    <row r="2564" spans="1:4" x14ac:dyDescent="0.3">
      <c r="A2564" s="6">
        <v>45657</v>
      </c>
      <c r="B2564" s="8">
        <v>138.10958523100001</v>
      </c>
      <c r="C2564" s="8">
        <v>43.825884043999999</v>
      </c>
      <c r="D2564" s="8">
        <v>24.600406495000001</v>
      </c>
    </row>
    <row r="2565" spans="1:4" x14ac:dyDescent="0.3">
      <c r="A2565" s="6">
        <v>45658</v>
      </c>
      <c r="B2565" s="8">
        <v>137.747095441</v>
      </c>
      <c r="C2565" s="8">
        <v>43.93724315</v>
      </c>
      <c r="D2565" s="8">
        <v>24.269902783999999</v>
      </c>
    </row>
    <row r="2566" spans="1:4" x14ac:dyDescent="0.3">
      <c r="A2566" s="6">
        <v>45659</v>
      </c>
      <c r="B2566" s="8">
        <v>137.56283174000001</v>
      </c>
      <c r="C2566" s="8">
        <v>43.688575677999999</v>
      </c>
      <c r="D2566" s="8">
        <v>24.216567729000001</v>
      </c>
    </row>
    <row r="2567" spans="1:4" x14ac:dyDescent="0.3">
      <c r="A2567" s="6">
        <v>45660</v>
      </c>
      <c r="B2567" s="8">
        <v>137.56283174000001</v>
      </c>
      <c r="C2567" s="8">
        <v>44.438565566000001</v>
      </c>
      <c r="D2567" s="8">
        <v>25.031464802999999</v>
      </c>
    </row>
    <row r="2568" spans="1:4" x14ac:dyDescent="0.3">
      <c r="A2568" s="6">
        <v>45661</v>
      </c>
      <c r="B2568" s="8">
        <v>137.568401171</v>
      </c>
      <c r="C2568" s="8">
        <v>45.354600314999999</v>
      </c>
      <c r="D2568" s="8">
        <v>25.330430765999999</v>
      </c>
    </row>
    <row r="2569" spans="1:4" x14ac:dyDescent="0.3">
      <c r="A2569" s="6">
        <v>45662</v>
      </c>
      <c r="B2569" s="8">
        <v>137.56337038500001</v>
      </c>
      <c r="C2569" s="8">
        <v>45.53060206</v>
      </c>
      <c r="D2569" s="8">
        <v>25.447491421999999</v>
      </c>
    </row>
    <row r="2570" spans="1:4" x14ac:dyDescent="0.3">
      <c r="A2570" s="6">
        <v>45663</v>
      </c>
      <c r="B2570" s="8">
        <v>137.56337038199999</v>
      </c>
      <c r="C2570" s="8">
        <v>45.571803332000002</v>
      </c>
      <c r="D2570" s="8">
        <v>25.503328341</v>
      </c>
    </row>
    <row r="2571" spans="1:4" x14ac:dyDescent="0.3">
      <c r="A2571" s="6">
        <v>45664</v>
      </c>
      <c r="B2571" s="8">
        <v>137.886263996</v>
      </c>
      <c r="C2571" s="8">
        <v>45.766768171000002</v>
      </c>
      <c r="D2571" s="8">
        <v>25.554763561000001</v>
      </c>
    </row>
    <row r="2572" spans="1:4" x14ac:dyDescent="0.3">
      <c r="A2572" s="6">
        <v>45665</v>
      </c>
      <c r="B2572" s="8">
        <v>137.72342707300001</v>
      </c>
      <c r="C2572" s="8">
        <v>45.483765589999997</v>
      </c>
      <c r="D2572" s="8">
        <v>25.394316119999999</v>
      </c>
    </row>
    <row r="2573" spans="1:4" x14ac:dyDescent="0.3">
      <c r="A2573" s="6">
        <v>45666</v>
      </c>
      <c r="B2573" s="8">
        <v>137.94308587899999</v>
      </c>
      <c r="C2573" s="8">
        <v>45.299722398</v>
      </c>
      <c r="D2573" s="8">
        <v>25.222198492</v>
      </c>
    </row>
    <row r="2574" spans="1:4" x14ac:dyDescent="0.3">
      <c r="A2574" s="6">
        <v>45667</v>
      </c>
      <c r="B2574" s="8">
        <v>137.78803141500001</v>
      </c>
      <c r="C2574" s="8">
        <v>45.428928638999999</v>
      </c>
      <c r="D2574" s="8">
        <v>25.025450944999999</v>
      </c>
    </row>
    <row r="2575" spans="1:4" x14ac:dyDescent="0.3">
      <c r="A2575" s="6">
        <v>45668</v>
      </c>
      <c r="B2575" s="8">
        <v>137.78479539700001</v>
      </c>
      <c r="C2575" s="8">
        <v>45.749299008000001</v>
      </c>
      <c r="D2575" s="8">
        <v>24.899480336</v>
      </c>
    </row>
    <row r="2576" spans="1:4" x14ac:dyDescent="0.3">
      <c r="A2576" s="6">
        <v>45669</v>
      </c>
      <c r="B2576" s="8">
        <v>137.74892515400001</v>
      </c>
      <c r="C2576" s="8">
        <v>45.752842776999998</v>
      </c>
      <c r="D2576" s="8">
        <v>24.872150780999998</v>
      </c>
    </row>
    <row r="2577" spans="1:4" x14ac:dyDescent="0.3">
      <c r="A2577" s="6">
        <v>45670</v>
      </c>
      <c r="B2577" s="8">
        <v>137.791589208</v>
      </c>
      <c r="C2577" s="8">
        <v>45.747612531000001</v>
      </c>
      <c r="D2577" s="8">
        <v>25.099332278999999</v>
      </c>
    </row>
    <row r="2578" spans="1:4" x14ac:dyDescent="0.3">
      <c r="A2578" s="6">
        <v>45671</v>
      </c>
      <c r="B2578" s="8">
        <v>137.58264723400001</v>
      </c>
      <c r="C2578" s="8">
        <v>45.618418063</v>
      </c>
      <c r="D2578" s="8">
        <v>25.333459483999999</v>
      </c>
    </row>
    <row r="2579" spans="1:4" x14ac:dyDescent="0.3">
      <c r="A2579" s="6">
        <v>45672</v>
      </c>
      <c r="B2579" s="8">
        <v>137.58264723299999</v>
      </c>
      <c r="C2579" s="8">
        <v>45.738260592000003</v>
      </c>
      <c r="D2579" s="8">
        <v>25.452294861999999</v>
      </c>
    </row>
    <row r="2580" spans="1:4" x14ac:dyDescent="0.3">
      <c r="A2580" s="6">
        <v>45673</v>
      </c>
      <c r="B2580" s="8">
        <v>137.79243459599999</v>
      </c>
      <c r="C2580" s="8">
        <v>46.249378942</v>
      </c>
      <c r="D2580" s="8">
        <v>25.599799903000001</v>
      </c>
    </row>
    <row r="2581" spans="1:4" x14ac:dyDescent="0.3">
      <c r="A2581" s="6">
        <v>45674</v>
      </c>
      <c r="B2581" s="8">
        <v>137.80258444500001</v>
      </c>
      <c r="C2581" s="8">
        <v>46.456612610999997</v>
      </c>
      <c r="D2581" s="8">
        <v>25.584463988</v>
      </c>
    </row>
    <row r="2582" spans="1:4" x14ac:dyDescent="0.3">
      <c r="A2582" s="6">
        <v>45675</v>
      </c>
      <c r="B2582" s="8">
        <v>138.60988078299999</v>
      </c>
      <c r="C2582" s="8">
        <v>47.418782083000004</v>
      </c>
      <c r="D2582" s="8">
        <v>25.676341732000001</v>
      </c>
    </row>
    <row r="2583" spans="1:4" x14ac:dyDescent="0.3">
      <c r="A2583" s="6">
        <v>45676</v>
      </c>
      <c r="B2583" s="8">
        <v>138.687679683</v>
      </c>
      <c r="C2583" s="8">
        <v>47.532720200999997</v>
      </c>
      <c r="D2583" s="8">
        <v>25.546067361999999</v>
      </c>
    </row>
    <row r="2584" spans="1:4" x14ac:dyDescent="0.3">
      <c r="A2584" s="6">
        <v>45677</v>
      </c>
      <c r="B2584" s="8">
        <v>138.70017965</v>
      </c>
      <c r="C2584" s="8">
        <v>48.228754019999997</v>
      </c>
      <c r="D2584" s="8">
        <v>25.200045118999999</v>
      </c>
    </row>
    <row r="2585" spans="1:4" x14ac:dyDescent="0.3">
      <c r="A2585" s="6">
        <v>45678</v>
      </c>
      <c r="B2585" s="8">
        <v>138.76150154800001</v>
      </c>
      <c r="C2585" s="8">
        <v>48.178477166</v>
      </c>
      <c r="D2585" s="8">
        <v>25.060248910999999</v>
      </c>
    </row>
    <row r="2586" spans="1:4" x14ac:dyDescent="0.3">
      <c r="A2586" s="6">
        <v>45679</v>
      </c>
      <c r="B2586" s="8">
        <v>138.85116809900001</v>
      </c>
      <c r="C2586" s="8">
        <v>50.873887564</v>
      </c>
      <c r="D2586" s="8">
        <v>25.024099879000001</v>
      </c>
    </row>
    <row r="2587" spans="1:4" x14ac:dyDescent="0.3">
      <c r="A2587" s="6">
        <v>45680</v>
      </c>
      <c r="B2587" s="8">
        <v>139.15519107099999</v>
      </c>
      <c r="C2587" s="8">
        <v>51.557366778000002</v>
      </c>
      <c r="D2587" s="8">
        <v>25.292736569999999</v>
      </c>
    </row>
    <row r="2588" spans="1:4" x14ac:dyDescent="0.3">
      <c r="A2588" s="6">
        <v>45681</v>
      </c>
      <c r="B2588" s="8">
        <v>139.23652074</v>
      </c>
      <c r="C2588" s="8">
        <v>51.963749610000001</v>
      </c>
      <c r="D2588" s="8">
        <v>25.571328644000001</v>
      </c>
    </row>
    <row r="2589" spans="1:4" x14ac:dyDescent="0.3">
      <c r="A2589" s="6">
        <v>45682</v>
      </c>
      <c r="B2589" s="8">
        <v>139.78767737199999</v>
      </c>
      <c r="C2589" s="8">
        <v>52.182714982</v>
      </c>
      <c r="D2589" s="8">
        <v>25.419180905000001</v>
      </c>
    </row>
    <row r="2590" spans="1:4" x14ac:dyDescent="0.3">
      <c r="A2590" s="6">
        <v>45683</v>
      </c>
      <c r="B2590" s="8">
        <v>139.786746494</v>
      </c>
      <c r="C2590" s="8">
        <v>52.129911436</v>
      </c>
      <c r="D2590" s="8">
        <v>25.519609970000001</v>
      </c>
    </row>
    <row r="2591" spans="1:4" x14ac:dyDescent="0.3">
      <c r="A2591" s="6">
        <v>45684</v>
      </c>
      <c r="B2591" s="8">
        <v>139.79192167400001</v>
      </c>
      <c r="C2591" s="8">
        <v>52.090923334000003</v>
      </c>
      <c r="D2591" s="8">
        <v>25.482640102000001</v>
      </c>
    </row>
    <row r="2592" spans="1:4" x14ac:dyDescent="0.3">
      <c r="A2592" s="6">
        <v>45685</v>
      </c>
      <c r="B2592" s="8">
        <v>139.914228538</v>
      </c>
      <c r="C2592" s="8">
        <v>52.357894764999998</v>
      </c>
      <c r="D2592" s="8">
        <v>25.352257375000001</v>
      </c>
    </row>
    <row r="2593" spans="1:4" x14ac:dyDescent="0.3">
      <c r="A2593" s="6">
        <v>45686</v>
      </c>
      <c r="B2593" s="8">
        <v>139.92562853499999</v>
      </c>
      <c r="C2593" s="8">
        <v>52.516661284000001</v>
      </c>
      <c r="D2593" s="8">
        <v>25.553712133000001</v>
      </c>
    </row>
    <row r="2594" spans="1:4" x14ac:dyDescent="0.3">
      <c r="A2594" s="6">
        <v>45687</v>
      </c>
      <c r="B2594" s="8">
        <v>139.98262852299999</v>
      </c>
      <c r="C2594" s="8">
        <v>52.580071525999998</v>
      </c>
      <c r="D2594" s="8">
        <v>25.655861766000001</v>
      </c>
    </row>
    <row r="2595" spans="1:4" x14ac:dyDescent="0.3">
      <c r="A2595" s="6">
        <v>45688</v>
      </c>
      <c r="B2595" s="8">
        <v>140.00452851899999</v>
      </c>
      <c r="C2595" s="8">
        <v>53.139562114</v>
      </c>
      <c r="D2595" s="8">
        <v>25.764272175999999</v>
      </c>
    </row>
    <row r="2596" spans="1:4" x14ac:dyDescent="0.3">
      <c r="A2596" s="6">
        <v>45689</v>
      </c>
      <c r="B2596" s="8">
        <v>139.98101658799999</v>
      </c>
      <c r="C2596" s="8">
        <v>53.307616279999998</v>
      </c>
      <c r="D2596" s="8">
        <v>25.852792493999999</v>
      </c>
    </row>
    <row r="2597" spans="1:4" x14ac:dyDescent="0.3">
      <c r="A2597" s="6">
        <v>45690</v>
      </c>
      <c r="B2597" s="8">
        <v>139.98111658400001</v>
      </c>
      <c r="C2597" s="8">
        <v>53.305126113</v>
      </c>
      <c r="D2597" s="8">
        <v>25.884497627999998</v>
      </c>
    </row>
    <row r="2598" spans="1:4" x14ac:dyDescent="0.3">
      <c r="A2598" s="6">
        <v>45691</v>
      </c>
      <c r="B2598" s="8">
        <v>139.976116582</v>
      </c>
      <c r="C2598" s="8">
        <v>53.342579974000003</v>
      </c>
      <c r="D2598" s="8">
        <v>25.764493431999998</v>
      </c>
    </row>
    <row r="2599" spans="1:4" x14ac:dyDescent="0.3">
      <c r="A2599" s="6">
        <v>45692</v>
      </c>
      <c r="B2599" s="8">
        <v>139.934356581</v>
      </c>
      <c r="C2599" s="8">
        <v>54.473269240999997</v>
      </c>
      <c r="D2599" s="8">
        <v>25.586916571</v>
      </c>
    </row>
    <row r="2600" spans="1:4" x14ac:dyDescent="0.3">
      <c r="A2600" s="6">
        <v>45693</v>
      </c>
      <c r="B2600" s="8">
        <v>141.28100018500001</v>
      </c>
      <c r="C2600" s="8">
        <v>55.006342689</v>
      </c>
      <c r="D2600" s="8">
        <v>26.223545733000002</v>
      </c>
    </row>
    <row r="2601" spans="1:4" x14ac:dyDescent="0.3">
      <c r="A2601" s="6">
        <v>45694</v>
      </c>
      <c r="B2601" s="8">
        <v>141.86863947399999</v>
      </c>
      <c r="C2601" s="8">
        <v>55.340707917000003</v>
      </c>
      <c r="D2601" s="8">
        <v>26.585315914999999</v>
      </c>
    </row>
    <row r="2602" spans="1:4" x14ac:dyDescent="0.3">
      <c r="A2602" s="6">
        <v>45695</v>
      </c>
      <c r="B2602" s="8">
        <v>141.82707109099999</v>
      </c>
      <c r="C2602" s="8">
        <v>55.700438368</v>
      </c>
      <c r="D2602" s="8">
        <v>26.922370388000001</v>
      </c>
    </row>
    <row r="2603" spans="1:4" x14ac:dyDescent="0.3">
      <c r="A2603" s="6">
        <v>45696</v>
      </c>
      <c r="B2603" s="8">
        <v>142.12649182999999</v>
      </c>
      <c r="C2603" s="8">
        <v>56.241432846999999</v>
      </c>
      <c r="D2603" s="8">
        <v>27.202348476000001</v>
      </c>
    </row>
    <row r="2604" spans="1:4" x14ac:dyDescent="0.3">
      <c r="A2604" s="6">
        <v>45697</v>
      </c>
      <c r="B2604" s="8">
        <v>142.199011789</v>
      </c>
      <c r="C2604" s="8">
        <v>56.013396596</v>
      </c>
      <c r="D2604" s="8">
        <v>27.267207769999999</v>
      </c>
    </row>
    <row r="2605" spans="1:4" x14ac:dyDescent="0.3">
      <c r="A2605" s="6">
        <v>45698</v>
      </c>
      <c r="B2605" s="8">
        <v>142.191510636</v>
      </c>
      <c r="C2605" s="8">
        <v>56.157297653000001</v>
      </c>
      <c r="D2605" s="8">
        <v>27.269043085</v>
      </c>
    </row>
    <row r="2606" spans="1:4" x14ac:dyDescent="0.3">
      <c r="A2606" s="6">
        <v>45699</v>
      </c>
      <c r="B2606" s="8">
        <v>142.34138110500001</v>
      </c>
      <c r="C2606" s="8">
        <v>56.144945460000002</v>
      </c>
      <c r="D2606" s="8">
        <v>27.543209177000001</v>
      </c>
    </row>
    <row r="2607" spans="1:4" x14ac:dyDescent="0.3">
      <c r="A2607" s="6">
        <v>45700</v>
      </c>
      <c r="B2607" s="8">
        <v>142.266481024</v>
      </c>
      <c r="C2607" s="8">
        <v>56.084052841999998</v>
      </c>
      <c r="D2607" s="8">
        <v>27.655527171999999</v>
      </c>
    </row>
    <row r="2608" spans="1:4" x14ac:dyDescent="0.3">
      <c r="A2608" s="6">
        <v>45701</v>
      </c>
      <c r="B2608" s="8">
        <v>142.41719985099999</v>
      </c>
      <c r="C2608" s="8">
        <v>56.045541772999997</v>
      </c>
      <c r="D2608" s="8">
        <v>27.773017171999999</v>
      </c>
    </row>
    <row r="2609" spans="1:4" x14ac:dyDescent="0.3">
      <c r="A2609" s="6">
        <v>45702</v>
      </c>
      <c r="B2609" s="8">
        <v>142.22586951299999</v>
      </c>
      <c r="C2609" s="8">
        <v>56.104910201999999</v>
      </c>
      <c r="D2609" s="8">
        <v>27.907590513999999</v>
      </c>
    </row>
    <row r="2610" spans="1:4" x14ac:dyDescent="0.3">
      <c r="A2610" s="6">
        <v>45703</v>
      </c>
      <c r="B2610" s="8">
        <v>142.41385645299999</v>
      </c>
      <c r="C2610" s="8">
        <v>56.399848126999998</v>
      </c>
      <c r="D2610" s="8">
        <v>27.946720017000001</v>
      </c>
    </row>
    <row r="2611" spans="1:4" x14ac:dyDescent="0.3">
      <c r="A2611" s="6">
        <v>45704</v>
      </c>
      <c r="B2611" s="8">
        <v>142.41237539900001</v>
      </c>
      <c r="C2611" s="8">
        <v>56.430534307000002</v>
      </c>
      <c r="D2611" s="8">
        <v>28.066475857</v>
      </c>
    </row>
    <row r="2612" spans="1:4" x14ac:dyDescent="0.3">
      <c r="A2612" s="6">
        <v>45705</v>
      </c>
      <c r="B2612" s="8">
        <v>142.41237539900001</v>
      </c>
      <c r="C2612" s="8">
        <v>56.485382944999998</v>
      </c>
      <c r="D2612" s="8">
        <v>28.045954244000001</v>
      </c>
    </row>
    <row r="2613" spans="1:4" x14ac:dyDescent="0.3">
      <c r="A2613" s="6">
        <v>45706</v>
      </c>
      <c r="B2613" s="8">
        <v>142.249254877</v>
      </c>
      <c r="C2613" s="8">
        <v>56.487109965000002</v>
      </c>
      <c r="D2613" s="8">
        <v>28.207731290000002</v>
      </c>
    </row>
    <row r="2614" spans="1:4" x14ac:dyDescent="0.3">
      <c r="A2614" s="6">
        <v>45707</v>
      </c>
      <c r="B2614" s="8">
        <v>142.082304427</v>
      </c>
      <c r="C2614" s="8">
        <v>56.243872725999999</v>
      </c>
      <c r="D2614" s="8">
        <v>28.438884803000001</v>
      </c>
    </row>
    <row r="2615" spans="1:4" x14ac:dyDescent="0.3">
      <c r="A2615" s="6">
        <v>45708</v>
      </c>
      <c r="B2615" s="8">
        <v>142.68264361499999</v>
      </c>
      <c r="C2615" s="8">
        <v>56.214009707999999</v>
      </c>
      <c r="D2615" s="8">
        <v>28.491424592000001</v>
      </c>
    </row>
    <row r="2616" spans="1:4" x14ac:dyDescent="0.3">
      <c r="A2616" s="6">
        <v>45709</v>
      </c>
      <c r="B2616" s="8">
        <v>142.843643165</v>
      </c>
      <c r="C2616" s="8">
        <v>56.216426122999998</v>
      </c>
      <c r="D2616" s="8">
        <v>28.3185313</v>
      </c>
    </row>
    <row r="2617" spans="1:4" x14ac:dyDescent="0.3">
      <c r="A2617" s="6">
        <v>45710</v>
      </c>
      <c r="B2617" s="8">
        <v>142.9514164</v>
      </c>
      <c r="C2617" s="8">
        <v>57.197162929000001</v>
      </c>
      <c r="D2617" s="8">
        <v>27.831641892</v>
      </c>
    </row>
    <row r="2618" spans="1:4" x14ac:dyDescent="0.3">
      <c r="A2618" s="6">
        <v>45711</v>
      </c>
      <c r="B2618" s="8">
        <v>142.95141639299999</v>
      </c>
      <c r="C2618" s="8">
        <v>57.098171999999998</v>
      </c>
      <c r="D2618" s="8">
        <v>27.887057969000001</v>
      </c>
    </row>
    <row r="2619" spans="1:4" x14ac:dyDescent="0.3">
      <c r="A2619" s="6">
        <v>45712</v>
      </c>
      <c r="B2619" s="8">
        <v>142.87441638199999</v>
      </c>
      <c r="C2619" s="8">
        <v>57.207742537999998</v>
      </c>
      <c r="D2619" s="8">
        <v>28.075067376500002</v>
      </c>
    </row>
    <row r="2620" spans="1:4" x14ac:dyDescent="0.3">
      <c r="A2620" s="6">
        <v>45713</v>
      </c>
      <c r="B2620" s="8">
        <v>142.812345771</v>
      </c>
      <c r="C2620" s="8">
        <v>56.581207853000002</v>
      </c>
      <c r="D2620" s="8">
        <v>28.25776484</v>
      </c>
    </row>
    <row r="2621" spans="1:4" x14ac:dyDescent="0.3">
      <c r="A2621" s="6">
        <v>45714</v>
      </c>
      <c r="B2621" s="8">
        <v>142.538814688</v>
      </c>
      <c r="C2621" s="8">
        <v>56.295739197000003</v>
      </c>
      <c r="D2621" s="8">
        <v>27.772630943999999</v>
      </c>
    </row>
    <row r="2622" spans="1:4" x14ac:dyDescent="0.3">
      <c r="A2622" s="6">
        <v>45715</v>
      </c>
      <c r="B2622" s="8">
        <v>142.42148364799999</v>
      </c>
      <c r="C2622" s="8">
        <v>56.070800853999998</v>
      </c>
      <c r="D2622" s="8">
        <v>27.518037842999998</v>
      </c>
    </row>
    <row r="2623" spans="1:4" x14ac:dyDescent="0.3">
      <c r="A2623" s="6">
        <v>45716</v>
      </c>
      <c r="B2623" s="8">
        <v>142.61445963899999</v>
      </c>
      <c r="C2623" s="8">
        <v>55.644719727999998</v>
      </c>
      <c r="D2623" s="8">
        <v>27.627838009000001</v>
      </c>
    </row>
    <row r="2624" spans="1:4" x14ac:dyDescent="0.3">
      <c r="A2624" s="6">
        <v>45717</v>
      </c>
      <c r="B2624" s="8">
        <v>142.63929203399999</v>
      </c>
      <c r="C2624" s="8">
        <v>56.439118978000003</v>
      </c>
      <c r="D2624" s="8">
        <v>27.634441433999999</v>
      </c>
    </row>
    <row r="2625" spans="1:4" x14ac:dyDescent="0.3">
      <c r="A2625" s="6">
        <v>45718</v>
      </c>
      <c r="B2625" s="8">
        <v>142.74729202699999</v>
      </c>
      <c r="C2625" s="8">
        <v>56.431084976999998</v>
      </c>
      <c r="D2625" s="8">
        <v>26.750450903000001</v>
      </c>
    </row>
    <row r="2626" spans="1:4" x14ac:dyDescent="0.3">
      <c r="A2626" s="6">
        <v>45719</v>
      </c>
      <c r="B2626" s="8">
        <v>142.80779199899999</v>
      </c>
      <c r="C2626" s="8">
        <v>56.444913700999997</v>
      </c>
      <c r="D2626" s="8">
        <v>26.807117931000001</v>
      </c>
    </row>
    <row r="2627" spans="1:4" x14ac:dyDescent="0.3">
      <c r="A2627" s="6">
        <v>45720</v>
      </c>
      <c r="B2627" s="8">
        <v>142.880555491</v>
      </c>
      <c r="C2627" s="8">
        <v>56.223346096999997</v>
      </c>
      <c r="D2627" s="8">
        <v>26.91149205</v>
      </c>
    </row>
    <row r="2628" spans="1:4" x14ac:dyDescent="0.3">
      <c r="A2628" s="6">
        <v>45721</v>
      </c>
      <c r="B2628" s="8">
        <v>142.86726539399999</v>
      </c>
      <c r="C2628" s="8">
        <v>56.543003142000003</v>
      </c>
      <c r="D2628" s="8">
        <v>26.930046033</v>
      </c>
    </row>
    <row r="2629" spans="1:4" x14ac:dyDescent="0.3">
      <c r="A2629" s="6">
        <v>45722</v>
      </c>
      <c r="B2629" s="8">
        <v>143.09028860699999</v>
      </c>
      <c r="C2629" s="8">
        <v>57.253427831000003</v>
      </c>
      <c r="D2629" s="8">
        <v>27.186556329999998</v>
      </c>
    </row>
    <row r="2630" spans="1:4" x14ac:dyDescent="0.3">
      <c r="A2630" s="6">
        <v>45723</v>
      </c>
      <c r="B2630" s="8">
        <v>143.17166472400001</v>
      </c>
      <c r="C2630" s="8">
        <v>57.261905251000002</v>
      </c>
      <c r="D2630" s="8">
        <v>27.250479196000001</v>
      </c>
    </row>
    <row r="2631" spans="1:4" x14ac:dyDescent="0.3">
      <c r="A2631" s="6">
        <v>45724</v>
      </c>
      <c r="B2631" s="8">
        <v>143.23096470600001</v>
      </c>
      <c r="C2631" s="8">
        <v>58.155297298999997</v>
      </c>
      <c r="D2631" s="8">
        <v>27.380415372000002</v>
      </c>
    </row>
    <row r="2632" spans="1:4" x14ac:dyDescent="0.3">
      <c r="A2632" s="6">
        <v>45725</v>
      </c>
      <c r="B2632" s="8">
        <v>143.28096468800001</v>
      </c>
      <c r="C2632" s="8">
        <v>58.114363177000001</v>
      </c>
      <c r="D2632" s="8">
        <v>27.424510985000001</v>
      </c>
    </row>
    <row r="2633" spans="1:4" x14ac:dyDescent="0.3">
      <c r="A2633" s="6">
        <v>45726</v>
      </c>
      <c r="B2633" s="8">
        <v>143.280964686</v>
      </c>
      <c r="C2633" s="8">
        <v>58.098036118000003</v>
      </c>
      <c r="D2633" s="8">
        <v>27.396594404999998</v>
      </c>
    </row>
    <row r="2634" spans="1:4" x14ac:dyDescent="0.3">
      <c r="A2634" s="6">
        <v>45727</v>
      </c>
      <c r="B2634" s="8">
        <v>143.33693792</v>
      </c>
      <c r="C2634" s="8">
        <v>57.865312775</v>
      </c>
      <c r="D2634" s="8">
        <v>27.148240747999999</v>
      </c>
    </row>
    <row r="2635" spans="1:4" x14ac:dyDescent="0.3">
      <c r="A2635" s="6">
        <v>45728</v>
      </c>
      <c r="B2635" s="8">
        <v>143.558693183</v>
      </c>
      <c r="C2635" s="8">
        <v>58.094447735999999</v>
      </c>
      <c r="D2635" s="8">
        <v>27.269075354999998</v>
      </c>
    </row>
    <row r="2636" spans="1:4" x14ac:dyDescent="0.3">
      <c r="A2636" s="6">
        <v>45729</v>
      </c>
      <c r="B2636" s="8">
        <v>143.74730463899999</v>
      </c>
      <c r="C2636" s="8">
        <v>58.435054897999997</v>
      </c>
      <c r="D2636" s="8">
        <v>27.350186888</v>
      </c>
    </row>
    <row r="2637" spans="1:4" x14ac:dyDescent="0.3">
      <c r="A2637" s="6">
        <v>45730</v>
      </c>
      <c r="B2637" s="8">
        <v>143.74881581099999</v>
      </c>
      <c r="C2637" s="8">
        <v>58.393894488999997</v>
      </c>
      <c r="D2637" s="8">
        <v>27.503825535000001</v>
      </c>
    </row>
    <row r="2638" spans="1:4" x14ac:dyDescent="0.3">
      <c r="A2638" s="6">
        <v>45731</v>
      </c>
      <c r="B2638" s="8">
        <v>143.83689663300001</v>
      </c>
      <c r="C2638" s="8">
        <v>58.644981037999997</v>
      </c>
      <c r="D2638" s="8">
        <v>27.762316984999998</v>
      </c>
    </row>
    <row r="2639" spans="1:4" x14ac:dyDescent="0.3">
      <c r="A2639" s="6">
        <v>45732</v>
      </c>
      <c r="B2639" s="8">
        <v>143.83689662899999</v>
      </c>
      <c r="C2639" s="8">
        <v>58.741712216000003</v>
      </c>
      <c r="D2639" s="8">
        <v>27.821684497</v>
      </c>
    </row>
    <row r="2640" spans="1:4" x14ac:dyDescent="0.3">
      <c r="A2640" s="6">
        <v>45733</v>
      </c>
      <c r="B2640" s="8">
        <v>143.83689661400001</v>
      </c>
      <c r="C2640" s="8">
        <v>58.678410477</v>
      </c>
      <c r="D2640" s="8">
        <v>27.854288171</v>
      </c>
    </row>
    <row r="2641" spans="1:4" x14ac:dyDescent="0.3">
      <c r="A2641" s="6">
        <v>45734</v>
      </c>
      <c r="B2641" s="8">
        <v>144.08775198999999</v>
      </c>
      <c r="C2641" s="8">
        <v>58.829451841000001</v>
      </c>
      <c r="D2641" s="8">
        <v>27.865332307999999</v>
      </c>
    </row>
    <row r="2642" spans="1:4" x14ac:dyDescent="0.3">
      <c r="A2642" s="6">
        <v>45735</v>
      </c>
      <c r="B2642" s="8">
        <v>144.100778448</v>
      </c>
      <c r="C2642" s="8">
        <v>58.856306093000001</v>
      </c>
      <c r="D2642" s="8">
        <v>28.093254497</v>
      </c>
    </row>
    <row r="2643" spans="1:4" x14ac:dyDescent="0.3">
      <c r="A2643" s="6">
        <v>45736</v>
      </c>
      <c r="B2643" s="8">
        <v>144.27537930899999</v>
      </c>
      <c r="C2643" s="8">
        <v>59.228005775</v>
      </c>
      <c r="D2643" s="8">
        <v>28.214970553000001</v>
      </c>
    </row>
    <row r="2644" spans="1:4" x14ac:dyDescent="0.3">
      <c r="A2644" s="6">
        <v>45737</v>
      </c>
      <c r="B2644" s="8">
        <v>143.936579287</v>
      </c>
      <c r="C2644" s="8">
        <v>59.365980716000003</v>
      </c>
      <c r="D2644" s="8">
        <v>28.273071292000001</v>
      </c>
    </row>
    <row r="2645" spans="1:4" x14ac:dyDescent="0.3">
      <c r="A2645" s="6">
        <v>45738</v>
      </c>
      <c r="B2645" s="8">
        <v>144.19385606200001</v>
      </c>
      <c r="C2645" s="8">
        <v>59.660481973000003</v>
      </c>
      <c r="D2645" s="8">
        <v>28.304250669999998</v>
      </c>
    </row>
    <row r="2646" spans="1:4" x14ac:dyDescent="0.3">
      <c r="A2646" s="6">
        <v>45739</v>
      </c>
      <c r="B2646" s="8">
        <v>144.22415576</v>
      </c>
      <c r="C2646" s="8">
        <v>59.598492874999998</v>
      </c>
      <c r="D2646" s="8">
        <v>29.267061886</v>
      </c>
    </row>
    <row r="2647" spans="1:4" x14ac:dyDescent="0.3">
      <c r="A2647" s="6">
        <v>45740</v>
      </c>
      <c r="B2647" s="8">
        <v>144.22415575700001</v>
      </c>
      <c r="C2647" s="8">
        <v>59.741013815000002</v>
      </c>
      <c r="D2647" s="8">
        <v>29.459667013000001</v>
      </c>
    </row>
    <row r="2648" spans="1:4" x14ac:dyDescent="0.3">
      <c r="A2648" s="6">
        <v>45741</v>
      </c>
      <c r="B2648" s="8">
        <v>144.459985751</v>
      </c>
      <c r="C2648" s="8">
        <v>59.772731493000002</v>
      </c>
      <c r="D2648" s="8">
        <v>30.206356964000001</v>
      </c>
    </row>
    <row r="2649" spans="1:4" x14ac:dyDescent="0.3">
      <c r="A2649" s="6">
        <v>45742</v>
      </c>
      <c r="B2649" s="8">
        <v>144.69800887700001</v>
      </c>
      <c r="C2649" s="8">
        <v>60.122188930999997</v>
      </c>
      <c r="D2649" s="8">
        <v>30.728022584000001</v>
      </c>
    </row>
    <row r="2650" spans="1:4" x14ac:dyDescent="0.3">
      <c r="A2650" s="6">
        <v>45743</v>
      </c>
      <c r="B2650" s="8">
        <v>144.87696839700001</v>
      </c>
      <c r="C2650" s="8">
        <v>60.181897454000001</v>
      </c>
      <c r="D2650" s="8">
        <v>30.661616157000001</v>
      </c>
    </row>
    <row r="2651" spans="1:4" x14ac:dyDescent="0.3">
      <c r="A2651" s="6">
        <v>45744</v>
      </c>
      <c r="B2651" s="8">
        <v>144.89421939600001</v>
      </c>
      <c r="C2651" s="8">
        <v>60.223295876999998</v>
      </c>
      <c r="D2651" s="8">
        <v>30.201114356000001</v>
      </c>
    </row>
    <row r="2652" spans="1:4" x14ac:dyDescent="0.3">
      <c r="A2652" s="6">
        <v>45745</v>
      </c>
      <c r="B2652" s="8">
        <v>144.50887939500001</v>
      </c>
      <c r="C2652" s="8">
        <v>60.253064146</v>
      </c>
      <c r="D2652" s="8">
        <v>29.940009005</v>
      </c>
    </row>
    <row r="2653" spans="1:4" x14ac:dyDescent="0.3">
      <c r="A2653" s="6">
        <v>45746</v>
      </c>
      <c r="B2653" s="8">
        <v>144.50887938299999</v>
      </c>
      <c r="C2653" s="8">
        <v>60.301592649</v>
      </c>
      <c r="D2653" s="8">
        <v>29.943565306</v>
      </c>
    </row>
    <row r="2654" spans="1:4" x14ac:dyDescent="0.3">
      <c r="A2654" s="6">
        <v>45747</v>
      </c>
      <c r="B2654" s="8">
        <v>144.64941656799999</v>
      </c>
      <c r="C2654" s="8">
        <v>60.264872986</v>
      </c>
      <c r="D2654" s="8">
        <v>29.962408944</v>
      </c>
    </row>
    <row r="2655" spans="1:4" x14ac:dyDescent="0.3">
      <c r="A2655" s="6">
        <v>45748</v>
      </c>
      <c r="B2655" s="8">
        <v>144.73484978499999</v>
      </c>
      <c r="C2655" s="8">
        <v>60.141755212</v>
      </c>
      <c r="D2655" s="8">
        <v>30.175287003000001</v>
      </c>
    </row>
    <row r="2656" spans="1:4" x14ac:dyDescent="0.3">
      <c r="A2656" s="6">
        <v>45749</v>
      </c>
      <c r="B2656" s="8">
        <v>144.75615123899999</v>
      </c>
      <c r="C2656" s="8">
        <v>60.130023966000003</v>
      </c>
      <c r="D2656" s="8">
        <v>30.275734102000001</v>
      </c>
    </row>
    <row r="2657" spans="1:4" x14ac:dyDescent="0.3">
      <c r="A2657" s="6">
        <v>45750</v>
      </c>
      <c r="B2657" s="8">
        <v>144.81415123799999</v>
      </c>
      <c r="C2657" s="8">
        <v>60.674263451000002</v>
      </c>
      <c r="D2657" s="8">
        <v>30.244596262999998</v>
      </c>
    </row>
    <row r="2658" spans="1:4" x14ac:dyDescent="0.3">
      <c r="A2658" s="6">
        <v>45751</v>
      </c>
      <c r="B2658" s="8">
        <v>144.78325027299999</v>
      </c>
      <c r="C2658" s="8">
        <v>60.856319902999999</v>
      </c>
      <c r="D2658" s="8">
        <v>30.021404566000001</v>
      </c>
    </row>
    <row r="2659" spans="1:4" x14ac:dyDescent="0.3">
      <c r="A2659" s="6">
        <v>45752</v>
      </c>
      <c r="B2659" s="8">
        <v>144.77805996999999</v>
      </c>
      <c r="C2659" s="8">
        <v>60.559404506</v>
      </c>
      <c r="D2659" s="8">
        <v>29.844598867999999</v>
      </c>
    </row>
    <row r="2660" spans="1:4" x14ac:dyDescent="0.3">
      <c r="A2660" s="6">
        <v>45753</v>
      </c>
      <c r="B2660" s="8">
        <v>144.76905995600001</v>
      </c>
      <c r="C2660" s="8">
        <v>60.587997635000001</v>
      </c>
      <c r="D2660" s="8">
        <v>29.770886888</v>
      </c>
    </row>
    <row r="2661" spans="1:4" x14ac:dyDescent="0.3">
      <c r="A2661" s="6">
        <v>45754</v>
      </c>
      <c r="B2661" s="8">
        <v>144.569059955</v>
      </c>
      <c r="C2661" s="8">
        <v>60.365664256999999</v>
      </c>
      <c r="D2661" s="8">
        <v>29.669766696</v>
      </c>
    </row>
    <row r="2662" spans="1:4" x14ac:dyDescent="0.3">
      <c r="A2662" s="6">
        <v>45755</v>
      </c>
      <c r="B2662" s="8">
        <v>144.88865885499999</v>
      </c>
      <c r="C2662" s="8">
        <v>60.208660877</v>
      </c>
      <c r="D2662" s="8">
        <v>29.200518835</v>
      </c>
    </row>
    <row r="2663" spans="1:4" x14ac:dyDescent="0.3">
      <c r="A2663" s="6">
        <v>45756</v>
      </c>
      <c r="B2663" s="8">
        <v>144.70096562500001</v>
      </c>
      <c r="C2663" s="8">
        <v>60.119574145000001</v>
      </c>
      <c r="D2663" s="8">
        <v>29.018290271000001</v>
      </c>
    </row>
    <row r="2664" spans="1:4" x14ac:dyDescent="0.3">
      <c r="A2664" s="6">
        <v>45757</v>
      </c>
      <c r="B2664" s="8">
        <v>145.05457598300001</v>
      </c>
      <c r="C2664" s="8">
        <v>59.973924433000001</v>
      </c>
      <c r="D2664" s="8">
        <v>28.966897512999999</v>
      </c>
    </row>
    <row r="2665" spans="1:4" x14ac:dyDescent="0.3">
      <c r="A2665" s="6">
        <v>45758</v>
      </c>
      <c r="B2665" s="8">
        <v>144.85115419100001</v>
      </c>
      <c r="C2665" s="8">
        <v>59.951281285</v>
      </c>
      <c r="D2665" s="8">
        <v>29.032140256000002</v>
      </c>
    </row>
    <row r="2666" spans="1:4" x14ac:dyDescent="0.3">
      <c r="A2666" s="6">
        <v>45759</v>
      </c>
      <c r="B2666" s="8">
        <v>144.95725418999999</v>
      </c>
      <c r="C2666" s="8">
        <v>60.076679271000003</v>
      </c>
      <c r="D2666" s="8">
        <v>28.619599456</v>
      </c>
    </row>
    <row r="2667" spans="1:4" x14ac:dyDescent="0.3">
      <c r="A2667" s="6">
        <v>45760</v>
      </c>
      <c r="B2667" s="8">
        <v>145.19585419000001</v>
      </c>
      <c r="C2667" s="8">
        <v>60.069768703999998</v>
      </c>
      <c r="D2667" s="8">
        <v>28.613552420000001</v>
      </c>
    </row>
    <row r="2668" spans="1:4" x14ac:dyDescent="0.3">
      <c r="A2668" s="6">
        <v>45761</v>
      </c>
      <c r="B2668" s="8">
        <v>145.00007256399999</v>
      </c>
      <c r="C2668" s="8">
        <v>60.024999954999998</v>
      </c>
      <c r="D2668" s="8">
        <v>28.598966112999999</v>
      </c>
    </row>
    <row r="2669" spans="1:4" x14ac:dyDescent="0.3">
      <c r="A2669" s="6">
        <v>45762</v>
      </c>
      <c r="B2669" s="8">
        <v>144.98813460400001</v>
      </c>
      <c r="C2669" s="8">
        <v>60.253477042</v>
      </c>
      <c r="D2669" s="8">
        <v>28.528583508000001</v>
      </c>
    </row>
    <row r="2670" spans="1:4" x14ac:dyDescent="0.3">
      <c r="A2670" s="6">
        <v>45763</v>
      </c>
      <c r="B2670" s="8">
        <v>145.230969405</v>
      </c>
      <c r="C2670" s="8">
        <v>60.413403727999999</v>
      </c>
      <c r="D2670" s="8">
        <v>28.566206996999998</v>
      </c>
    </row>
    <row r="2671" spans="1:4" x14ac:dyDescent="0.3">
      <c r="A2671" s="6">
        <v>45764</v>
      </c>
      <c r="B2671" s="8">
        <v>145.41156425299999</v>
      </c>
      <c r="C2671" s="8">
        <v>60.552429930000002</v>
      </c>
      <c r="D2671" s="8">
        <v>28.463768021</v>
      </c>
    </row>
    <row r="2672" spans="1:4" x14ac:dyDescent="0.3">
      <c r="A2672" s="6">
        <v>45765</v>
      </c>
      <c r="B2672" s="8">
        <v>145.40308979700001</v>
      </c>
      <c r="C2672" s="8">
        <v>60.916066221999998</v>
      </c>
      <c r="D2672" s="8">
        <v>28.448633303000001</v>
      </c>
    </row>
    <row r="2673" spans="1:4" x14ac:dyDescent="0.3">
      <c r="A2673" s="6">
        <v>45766</v>
      </c>
      <c r="B2673" s="8">
        <v>145.03532179800001</v>
      </c>
      <c r="C2673" s="8">
        <v>60.900318102</v>
      </c>
      <c r="D2673" s="8">
        <v>28.294180065999999</v>
      </c>
    </row>
    <row r="2674" spans="1:4" x14ac:dyDescent="0.3">
      <c r="A2674" s="6">
        <v>45767</v>
      </c>
      <c r="B2674" s="8">
        <v>145.216680932</v>
      </c>
      <c r="C2674" s="8">
        <v>60.899206374999999</v>
      </c>
      <c r="D2674" s="8">
        <v>28.341970836000002</v>
      </c>
    </row>
    <row r="2675" spans="1:4" x14ac:dyDescent="0.3">
      <c r="A2675" s="6">
        <v>45768</v>
      </c>
      <c r="B2675" s="8">
        <v>145.20465527900001</v>
      </c>
      <c r="C2675" s="8">
        <v>60.894831787999998</v>
      </c>
      <c r="D2675" s="8">
        <v>28.364142041000001</v>
      </c>
    </row>
    <row r="2676" spans="1:4" x14ac:dyDescent="0.3">
      <c r="A2676" s="6">
        <v>45769</v>
      </c>
      <c r="B2676" s="8">
        <v>145.25498485899999</v>
      </c>
      <c r="C2676" s="8">
        <v>60.945423744000003</v>
      </c>
      <c r="D2676" s="8">
        <v>28.418997482000002</v>
      </c>
    </row>
    <row r="2677" spans="1:4" x14ac:dyDescent="0.3">
      <c r="A2677" s="6">
        <v>45770</v>
      </c>
      <c r="B2677" s="8">
        <v>145.77185631099999</v>
      </c>
      <c r="C2677" s="8">
        <v>61.761862493999999</v>
      </c>
      <c r="D2677" s="8">
        <v>28.471842419000001</v>
      </c>
    </row>
    <row r="2678" spans="1:4" x14ac:dyDescent="0.3">
      <c r="A2678" s="6">
        <v>45771</v>
      </c>
      <c r="B2678" s="8">
        <v>146.14493995300001</v>
      </c>
      <c r="C2678" s="8">
        <v>61.927441588000001</v>
      </c>
      <c r="D2678" s="8">
        <v>28.465439446000001</v>
      </c>
    </row>
    <row r="2679" spans="1:4" x14ac:dyDescent="0.3">
      <c r="A2679" s="6">
        <v>45772</v>
      </c>
      <c r="B2679" s="8">
        <v>146.580988029</v>
      </c>
      <c r="C2679" s="8">
        <v>62.235315313999997</v>
      </c>
      <c r="D2679" s="8">
        <v>28.621264666999998</v>
      </c>
    </row>
    <row r="2680" spans="1:4" x14ac:dyDescent="0.3">
      <c r="A2680" s="6">
        <v>45773</v>
      </c>
      <c r="B2680" s="8">
        <v>146.82328802500001</v>
      </c>
      <c r="C2680" s="8">
        <v>62.415525365000001</v>
      </c>
      <c r="D2680" s="8">
        <v>28.782812185000001</v>
      </c>
    </row>
    <row r="2681" spans="1:4" x14ac:dyDescent="0.3">
      <c r="A2681" s="6">
        <v>45774</v>
      </c>
      <c r="B2681" s="8">
        <v>147.69528556099999</v>
      </c>
      <c r="C2681" s="8">
        <v>62.286522044000002</v>
      </c>
      <c r="D2681" s="8">
        <v>28.860176942999999</v>
      </c>
    </row>
    <row r="2682" spans="1:4" x14ac:dyDescent="0.3">
      <c r="A2682" s="6">
        <v>45775</v>
      </c>
      <c r="B2682" s="8">
        <v>147.89053553400001</v>
      </c>
      <c r="C2682" s="8">
        <v>62.107481911999997</v>
      </c>
      <c r="D2682" s="8">
        <v>29.568976961000001</v>
      </c>
    </row>
    <row r="2683" spans="1:4" x14ac:dyDescent="0.3">
      <c r="A2683" s="6">
        <v>45776</v>
      </c>
      <c r="B2683" s="8">
        <v>148.611733563</v>
      </c>
      <c r="C2683" s="8">
        <v>62.061041969000001</v>
      </c>
      <c r="D2683" s="8">
        <v>29.397655285999999</v>
      </c>
    </row>
    <row r="2684" spans="1:4" x14ac:dyDescent="0.3">
      <c r="A2684" s="6">
        <v>45777</v>
      </c>
      <c r="B2684" s="8">
        <v>148.905522663</v>
      </c>
      <c r="C2684" s="8">
        <v>62.039097421000001</v>
      </c>
      <c r="D2684" s="8">
        <v>30.791016552999999</v>
      </c>
    </row>
    <row r="2685" spans="1:4" x14ac:dyDescent="0.3">
      <c r="A2685" s="6">
        <v>45778</v>
      </c>
      <c r="B2685" s="8">
        <v>149.33311967899999</v>
      </c>
      <c r="C2685" s="8">
        <v>61.526472337000001</v>
      </c>
      <c r="D2685" s="8">
        <v>30.950165480999999</v>
      </c>
    </row>
    <row r="2686" spans="1:4" x14ac:dyDescent="0.3">
      <c r="A2686" s="6">
        <v>45779</v>
      </c>
      <c r="B2686" s="8">
        <v>149.440079658</v>
      </c>
      <c r="C2686" s="8">
        <v>61.578347667999999</v>
      </c>
      <c r="D2686" s="8">
        <v>31.118679911000001</v>
      </c>
    </row>
    <row r="2687" spans="1:4" x14ac:dyDescent="0.3">
      <c r="A2687" s="6">
        <v>45780</v>
      </c>
      <c r="B2687" s="8">
        <v>149.71182319900001</v>
      </c>
      <c r="C2687" s="8">
        <v>61.590877378999998</v>
      </c>
      <c r="D2687" s="8">
        <v>31.283636356999999</v>
      </c>
    </row>
    <row r="2688" spans="1:4" x14ac:dyDescent="0.3">
      <c r="A2688" s="6">
        <v>45781</v>
      </c>
      <c r="B2688" s="8">
        <v>149.98182318100001</v>
      </c>
      <c r="C2688" s="8">
        <v>61.564127497999998</v>
      </c>
      <c r="D2688" s="8">
        <v>31.383041997999999</v>
      </c>
    </row>
    <row r="2689" spans="1:4" x14ac:dyDescent="0.3">
      <c r="A2689" s="6">
        <v>45782</v>
      </c>
      <c r="B2689" s="8">
        <v>149.98702318100001</v>
      </c>
      <c r="C2689" s="8">
        <v>61.534505029999998</v>
      </c>
      <c r="D2689" s="8">
        <v>31.375991506999998</v>
      </c>
    </row>
    <row r="2690" spans="1:4" x14ac:dyDescent="0.3">
      <c r="A2690" s="6">
        <v>45783</v>
      </c>
      <c r="B2690" s="8">
        <v>149.82622316699999</v>
      </c>
      <c r="C2690" s="8">
        <v>61.778127495</v>
      </c>
      <c r="D2690" s="8">
        <v>31.173664061</v>
      </c>
    </row>
    <row r="2691" spans="1:4" x14ac:dyDescent="0.3">
      <c r="A2691" s="6">
        <v>45784</v>
      </c>
      <c r="B2691" s="8">
        <v>150.10683605099999</v>
      </c>
      <c r="C2691" s="8">
        <v>60.955931884000002</v>
      </c>
      <c r="D2691" s="8">
        <v>30.939924892000001</v>
      </c>
    </row>
    <row r="2692" spans="1:4" x14ac:dyDescent="0.3">
      <c r="A2692" s="6">
        <v>45785</v>
      </c>
      <c r="B2692" s="8">
        <v>150.18194893899999</v>
      </c>
      <c r="C2692" s="8">
        <v>60.914641752999998</v>
      </c>
      <c r="D2692" s="8">
        <v>31.028334015999999</v>
      </c>
    </row>
    <row r="2693" spans="1:4" x14ac:dyDescent="0.3">
      <c r="A2693" s="6">
        <v>45786</v>
      </c>
      <c r="B2693" s="8">
        <v>150.350804952</v>
      </c>
      <c r="C2693" s="8">
        <v>60.895892369999999</v>
      </c>
      <c r="D2693" s="8">
        <v>31.492151537000002</v>
      </c>
    </row>
    <row r="2694" spans="1:4" x14ac:dyDescent="0.3">
      <c r="A2694" s="6">
        <v>45787</v>
      </c>
      <c r="B2694" s="8">
        <v>150.393604947</v>
      </c>
      <c r="C2694" s="8">
        <v>60.696326145</v>
      </c>
      <c r="D2694" s="8">
        <v>31.528973667999999</v>
      </c>
    </row>
    <row r="2695" spans="1:4" x14ac:dyDescent="0.3">
      <c r="A2695" s="6">
        <v>45788</v>
      </c>
      <c r="B2695" s="8">
        <v>150.51467150299999</v>
      </c>
      <c r="C2695" s="8">
        <v>60.820431929000002</v>
      </c>
      <c r="D2695" s="8">
        <v>31.530030053000001</v>
      </c>
    </row>
    <row r="2696" spans="1:4" x14ac:dyDescent="0.3">
      <c r="A2696" s="6">
        <v>45789</v>
      </c>
      <c r="B2696" s="8">
        <v>150.615671502</v>
      </c>
      <c r="C2696" s="8">
        <v>60.801635617999999</v>
      </c>
      <c r="D2696" s="8">
        <v>31.438016523999998</v>
      </c>
    </row>
    <row r="2697" spans="1:4" x14ac:dyDescent="0.3">
      <c r="A2697" s="6">
        <v>45790</v>
      </c>
      <c r="B2697" s="8">
        <v>150.663236041</v>
      </c>
      <c r="C2697" s="8">
        <v>60.394565854</v>
      </c>
      <c r="D2697" s="8">
        <v>31.255083551999999</v>
      </c>
    </row>
    <row r="2698" spans="1:4" x14ac:dyDescent="0.3">
      <c r="A2698" s="6">
        <v>45791</v>
      </c>
      <c r="B2698" s="8">
        <v>150.926534831</v>
      </c>
      <c r="C2698" s="8">
        <v>60.132774580000003</v>
      </c>
      <c r="D2698" s="8">
        <v>31.125036929</v>
      </c>
    </row>
    <row r="2699" spans="1:4" x14ac:dyDescent="0.3">
      <c r="A2699" s="6">
        <v>45792</v>
      </c>
      <c r="B2699" s="8">
        <v>151.33363950399999</v>
      </c>
      <c r="C2699" s="8">
        <v>60.141238143000002</v>
      </c>
      <c r="D2699" s="8">
        <v>31.126231664999999</v>
      </c>
    </row>
    <row r="2700" spans="1:4" x14ac:dyDescent="0.3">
      <c r="A2700" s="6">
        <v>45793</v>
      </c>
      <c r="B2700" s="8">
        <v>151.74562380099999</v>
      </c>
      <c r="C2700" s="8">
        <v>60.083061352999998</v>
      </c>
      <c r="D2700" s="8">
        <v>31.376829313000002</v>
      </c>
    </row>
    <row r="2701" spans="1:4" x14ac:dyDescent="0.3">
      <c r="A2701" s="6">
        <v>45794</v>
      </c>
      <c r="B2701" s="8">
        <v>151.80207380100001</v>
      </c>
      <c r="C2701" s="8">
        <v>60.454761675999997</v>
      </c>
      <c r="D2701" s="8">
        <v>31.490437825000001</v>
      </c>
    </row>
    <row r="2702" spans="1:4" x14ac:dyDescent="0.3">
      <c r="A2702" s="6">
        <v>45795</v>
      </c>
      <c r="B2702" s="8">
        <v>151.90146555499999</v>
      </c>
      <c r="C2702" s="8">
        <v>60.400485375000002</v>
      </c>
      <c r="D2702" s="8">
        <v>31.479233444999998</v>
      </c>
    </row>
    <row r="2703" spans="1:4" x14ac:dyDescent="0.3">
      <c r="A2703" s="6">
        <v>45796</v>
      </c>
      <c r="B2703" s="8">
        <v>152.05146552400001</v>
      </c>
      <c r="C2703" s="8">
        <v>60.348769351999998</v>
      </c>
      <c r="D2703" s="8">
        <v>31.507639297000001</v>
      </c>
    </row>
    <row r="2704" spans="1:4" x14ac:dyDescent="0.3">
      <c r="A2704" s="6">
        <v>45797</v>
      </c>
      <c r="B2704" s="8">
        <v>152.28672939</v>
      </c>
      <c r="C2704" s="8">
        <v>60.030391309000002</v>
      </c>
      <c r="D2704" s="8">
        <v>31.554361584999999</v>
      </c>
    </row>
    <row r="2705" spans="1:4" x14ac:dyDescent="0.3">
      <c r="A2705" s="6">
        <v>45798</v>
      </c>
      <c r="B2705" s="8">
        <v>152.473429748</v>
      </c>
      <c r="C2705" s="8">
        <v>60.073124157999999</v>
      </c>
      <c r="D2705" s="8">
        <v>31.637667731000001</v>
      </c>
    </row>
    <row r="2706" spans="1:4" x14ac:dyDescent="0.3">
      <c r="A2706" s="6">
        <v>45799</v>
      </c>
      <c r="B2706" s="8">
        <v>152.809591181</v>
      </c>
      <c r="C2706" s="8">
        <v>60.747877180000003</v>
      </c>
      <c r="D2706" s="8">
        <v>31.643959495000001</v>
      </c>
    </row>
    <row r="2707" spans="1:4" x14ac:dyDescent="0.3">
      <c r="A2707" s="6">
        <v>45800</v>
      </c>
      <c r="B2707" s="8">
        <v>153.13113287499999</v>
      </c>
      <c r="C2707" s="8">
        <v>60.872525293000002</v>
      </c>
      <c r="D2707" s="8">
        <v>31.729014177</v>
      </c>
    </row>
    <row r="2708" spans="1:4" x14ac:dyDescent="0.3">
      <c r="A2708" s="6">
        <v>45801</v>
      </c>
      <c r="B2708" s="8">
        <v>153.333908216</v>
      </c>
      <c r="C2708" s="8">
        <v>61.282666763999998</v>
      </c>
      <c r="D2708" s="8">
        <v>31.454340121000001</v>
      </c>
    </row>
    <row r="2709" spans="1:4" x14ac:dyDescent="0.3">
      <c r="A2709" s="6">
        <v>45802</v>
      </c>
      <c r="B2709" s="8">
        <v>153.36462284800001</v>
      </c>
      <c r="C2709" s="8">
        <v>61.316726271999997</v>
      </c>
      <c r="D2709" s="8">
        <v>31.476464551999999</v>
      </c>
    </row>
    <row r="2710" spans="1:4" x14ac:dyDescent="0.3">
      <c r="A2710" s="6">
        <v>45803</v>
      </c>
      <c r="B2710" s="8">
        <v>153.36462284699999</v>
      </c>
      <c r="C2710" s="8">
        <v>61.265406144000004</v>
      </c>
      <c r="D2710" s="8">
        <v>31.552694077999998</v>
      </c>
    </row>
    <row r="2711" spans="1:4" x14ac:dyDescent="0.3">
      <c r="A2711" s="6">
        <v>45804</v>
      </c>
      <c r="B2711" s="8">
        <v>153.33609948899999</v>
      </c>
      <c r="C2711" s="8">
        <v>61.157993726000001</v>
      </c>
      <c r="D2711" s="8">
        <v>31.925131883999999</v>
      </c>
    </row>
    <row r="2712" spans="1:4" x14ac:dyDescent="0.3">
      <c r="A2712" s="6">
        <v>45805</v>
      </c>
      <c r="B2712" s="8">
        <v>153.54508701</v>
      </c>
      <c r="C2712" s="8">
        <v>60.916601401000001</v>
      </c>
      <c r="D2712" s="8">
        <v>31.920092525000001</v>
      </c>
    </row>
    <row r="2713" spans="1:4" x14ac:dyDescent="0.3">
      <c r="A2713" s="6">
        <v>45806</v>
      </c>
      <c r="B2713" s="8">
        <v>153.59078331000001</v>
      </c>
      <c r="C2713" s="8">
        <v>60.815590161000003</v>
      </c>
      <c r="D2713" s="8">
        <v>31.986928506999998</v>
      </c>
    </row>
    <row r="2714" spans="1:4" x14ac:dyDescent="0.3">
      <c r="A2714" s="6">
        <v>45807</v>
      </c>
      <c r="B2714" s="8">
        <v>153.69231596</v>
      </c>
      <c r="C2714" s="8">
        <v>60.610949843999997</v>
      </c>
      <c r="D2714" s="8">
        <v>32.230001029999997</v>
      </c>
    </row>
    <row r="2715" spans="1:4" x14ac:dyDescent="0.3">
      <c r="A2715" s="6">
        <v>45808</v>
      </c>
      <c r="B2715" s="8">
        <v>153.658825957</v>
      </c>
      <c r="C2715" s="8">
        <v>60.626705604999998</v>
      </c>
      <c r="D2715" s="8">
        <v>32.429263923999997</v>
      </c>
    </row>
    <row r="2716" spans="1:4" x14ac:dyDescent="0.3">
      <c r="A2716" s="6">
        <v>45809</v>
      </c>
      <c r="B2716" s="8">
        <v>153.72375827100001</v>
      </c>
      <c r="C2716" s="8">
        <v>60.572085104999999</v>
      </c>
      <c r="D2716" s="8">
        <v>32.542060601000003</v>
      </c>
    </row>
    <row r="2717" spans="1:4" x14ac:dyDescent="0.3">
      <c r="A2717" s="6">
        <v>45810</v>
      </c>
      <c r="B2717" s="8">
        <v>153.76350208900001</v>
      </c>
      <c r="C2717" s="8">
        <v>60.509667778000001</v>
      </c>
      <c r="D2717" s="8">
        <v>32.611009864000003</v>
      </c>
    </row>
    <row r="2718" spans="1:4" x14ac:dyDescent="0.3">
      <c r="A2718" s="6">
        <v>45811</v>
      </c>
      <c r="B2718" s="8">
        <v>153.918365325</v>
      </c>
      <c r="C2718" s="8">
        <v>60.678592150999997</v>
      </c>
      <c r="D2718" s="8">
        <v>32.764737457000003</v>
      </c>
    </row>
    <row r="2719" spans="1:4" x14ac:dyDescent="0.3">
      <c r="A2719" s="6">
        <v>45812</v>
      </c>
      <c r="B2719" s="8">
        <v>154.288119435</v>
      </c>
      <c r="C2719" s="8">
        <v>60.946475663000001</v>
      </c>
      <c r="D2719" s="8">
        <v>32.994699711999999</v>
      </c>
    </row>
    <row r="2720" spans="1:4" x14ac:dyDescent="0.3">
      <c r="A2720" s="6">
        <v>45813</v>
      </c>
      <c r="B2720" s="8">
        <v>154.488400144</v>
      </c>
      <c r="C2720" s="8">
        <v>61.131468607999999</v>
      </c>
      <c r="D2720" s="8">
        <v>33.212113614000003</v>
      </c>
    </row>
    <row r="2721" spans="1:4" x14ac:dyDescent="0.3">
      <c r="A2721" s="6">
        <v>45814</v>
      </c>
      <c r="B2721" s="8">
        <v>154.606717162</v>
      </c>
      <c r="C2721" s="8">
        <v>60.590144143000003</v>
      </c>
      <c r="D2721" s="8">
        <v>33.258685149999998</v>
      </c>
    </row>
    <row r="2722" spans="1:4" x14ac:dyDescent="0.3">
      <c r="A2722" s="6">
        <v>45815</v>
      </c>
      <c r="B2722" s="8">
        <v>155.11500049200001</v>
      </c>
      <c r="C2722" s="8">
        <v>60.667869783</v>
      </c>
      <c r="D2722" s="8">
        <v>33.304829873000003</v>
      </c>
    </row>
    <row r="2723" spans="1:4" x14ac:dyDescent="0.3">
      <c r="A2723" s="6">
        <v>45816</v>
      </c>
      <c r="B2723" s="8">
        <v>155.407500492</v>
      </c>
      <c r="C2723" s="8">
        <v>60.658782488999996</v>
      </c>
      <c r="D2723" s="8">
        <v>33.349659426999999</v>
      </c>
    </row>
    <row r="2724" spans="1:4" x14ac:dyDescent="0.3">
      <c r="A2724" s="6">
        <v>45817</v>
      </c>
      <c r="B2724" s="8">
        <v>155.40750053100001</v>
      </c>
      <c r="C2724" s="8">
        <v>60.653704343000001</v>
      </c>
      <c r="D2724" s="8">
        <v>33.367631955</v>
      </c>
    </row>
    <row r="2725" spans="1:4" x14ac:dyDescent="0.3">
      <c r="A2725" s="6">
        <v>45818</v>
      </c>
      <c r="B2725" s="8">
        <v>156.01528559100001</v>
      </c>
      <c r="C2725" s="8">
        <v>60.604413174000001</v>
      </c>
      <c r="D2725" s="8">
        <v>33.345653558999999</v>
      </c>
    </row>
    <row r="2726" spans="1:4" x14ac:dyDescent="0.3">
      <c r="A2726" s="6">
        <v>45819</v>
      </c>
      <c r="B2726" s="8">
        <v>155.670088658</v>
      </c>
      <c r="C2726" s="8">
        <v>60.626528692000001</v>
      </c>
      <c r="D2726" s="8">
        <v>33.322787089000002</v>
      </c>
    </row>
    <row r="2727" spans="1:4" x14ac:dyDescent="0.3">
      <c r="A2727" s="6">
        <v>45820</v>
      </c>
      <c r="B2727" s="8">
        <v>156.03105148099999</v>
      </c>
      <c r="C2727" s="8">
        <v>60.82516305</v>
      </c>
      <c r="D2727" s="8">
        <v>33.421286045999999</v>
      </c>
    </row>
    <row r="2728" spans="1:4" x14ac:dyDescent="0.3">
      <c r="A2728" s="6">
        <v>45821</v>
      </c>
      <c r="B2728" s="8">
        <v>156.03435048099999</v>
      </c>
      <c r="C2728" s="8">
        <v>60.741300007</v>
      </c>
      <c r="D2728" s="8">
        <v>33.342707642999997</v>
      </c>
    </row>
    <row r="2729" spans="1:4" x14ac:dyDescent="0.3">
      <c r="A2729" s="6">
        <v>45822</v>
      </c>
      <c r="B2729" s="8">
        <v>156.31151078299999</v>
      </c>
      <c r="C2729" s="8">
        <v>61.371511196999997</v>
      </c>
      <c r="D2729" s="8">
        <v>33.163386392</v>
      </c>
    </row>
    <row r="2730" spans="1:4" x14ac:dyDescent="0.3">
      <c r="A2730" s="6">
        <v>45823</v>
      </c>
      <c r="B2730" s="8">
        <v>156.28871078200001</v>
      </c>
      <c r="C2730" s="8">
        <v>61.319855242999999</v>
      </c>
      <c r="D2730" s="8">
        <v>33.104274603</v>
      </c>
    </row>
    <row r="2731" spans="1:4" x14ac:dyDescent="0.3">
      <c r="A2731" s="6">
        <v>45824</v>
      </c>
      <c r="B2731" s="8">
        <v>156.26253439999999</v>
      </c>
      <c r="C2731" s="8">
        <v>61.325008367000002</v>
      </c>
      <c r="D2731" s="8">
        <v>33.126528114000003</v>
      </c>
    </row>
    <row r="2732" spans="1:4" x14ac:dyDescent="0.3">
      <c r="A2732" s="6">
        <v>45825</v>
      </c>
      <c r="B2732" s="8">
        <v>156.35034371099999</v>
      </c>
      <c r="C2732" s="8">
        <v>61.197763903000002</v>
      </c>
      <c r="D2732" s="8">
        <v>33.248814957</v>
      </c>
    </row>
    <row r="2733" spans="1:4" x14ac:dyDescent="0.3">
      <c r="A2733" s="6">
        <v>45826</v>
      </c>
      <c r="B2733" s="8">
        <v>156.397425951</v>
      </c>
      <c r="C2733" s="8">
        <v>61.097319757000001</v>
      </c>
      <c r="D2733" s="8">
        <v>33.494849567000003</v>
      </c>
    </row>
    <row r="2734" spans="1:4" x14ac:dyDescent="0.3">
      <c r="A2734" s="6">
        <v>45827</v>
      </c>
      <c r="B2734" s="8">
        <v>156.49392595</v>
      </c>
      <c r="C2734" s="8">
        <v>61.211469006000002</v>
      </c>
      <c r="D2734" s="8">
        <v>33.336719172000002</v>
      </c>
    </row>
    <row r="2735" spans="1:4" x14ac:dyDescent="0.3">
      <c r="A2735" s="6">
        <v>45828</v>
      </c>
      <c r="B2735" s="8">
        <v>156.674248726</v>
      </c>
      <c r="C2735" s="8">
        <v>61.055394018000001</v>
      </c>
      <c r="D2735" s="8">
        <v>33.176883670000002</v>
      </c>
    </row>
    <row r="2736" spans="1:4" x14ac:dyDescent="0.3">
      <c r="A2736" s="6">
        <v>45829</v>
      </c>
      <c r="B2736" s="8">
        <v>156.68868806500001</v>
      </c>
      <c r="C2736" s="8">
        <v>60.823311681</v>
      </c>
      <c r="D2736" s="8">
        <v>33.187988633000003</v>
      </c>
    </row>
    <row r="2737" spans="1:4" x14ac:dyDescent="0.3">
      <c r="A2737" s="6">
        <v>45830</v>
      </c>
      <c r="B2737" s="8">
        <v>156.600188057</v>
      </c>
      <c r="C2737" s="8">
        <v>60.899502042999998</v>
      </c>
      <c r="D2737" s="8">
        <v>33.175599535000003</v>
      </c>
    </row>
    <row r="2738" spans="1:4" x14ac:dyDescent="0.3">
      <c r="A2738" s="6">
        <v>45831</v>
      </c>
      <c r="B2738" s="8">
        <v>156.750556577</v>
      </c>
      <c r="C2738" s="8">
        <v>60.860420365000003</v>
      </c>
      <c r="D2738" s="8">
        <v>33.06733783</v>
      </c>
    </row>
    <row r="2739" spans="1:4" x14ac:dyDescent="0.3">
      <c r="A2739" s="6">
        <v>45832</v>
      </c>
      <c r="B2739" s="8">
        <v>155.90880429500001</v>
      </c>
      <c r="C2739" s="8">
        <v>61.338513308000003</v>
      </c>
      <c r="D2739" s="8">
        <v>33.044280047999997</v>
      </c>
    </row>
    <row r="2740" spans="1:4" x14ac:dyDescent="0.3">
      <c r="A2740" s="6">
        <v>45833</v>
      </c>
      <c r="B2740" s="8">
        <v>157.39443442300001</v>
      </c>
      <c r="C2740" s="8">
        <v>61.601316068000003</v>
      </c>
      <c r="D2740" s="8">
        <v>33.054010286999997</v>
      </c>
    </row>
    <row r="2741" spans="1:4" x14ac:dyDescent="0.3">
      <c r="A2741" s="6">
        <v>45834</v>
      </c>
      <c r="B2741" s="8">
        <v>157.91731826899999</v>
      </c>
      <c r="C2741" s="8">
        <v>61.462201669999999</v>
      </c>
      <c r="D2741" s="8">
        <v>32.524162335</v>
      </c>
    </row>
    <row r="2742" spans="1:4" x14ac:dyDescent="0.3">
      <c r="A2742" s="6">
        <v>45835</v>
      </c>
      <c r="B2742" s="8">
        <v>158.26682812199999</v>
      </c>
      <c r="C2742" s="8">
        <v>61.379856179000001</v>
      </c>
      <c r="D2742" s="8">
        <v>32.413973665999997</v>
      </c>
    </row>
    <row r="2743" spans="1:4" x14ac:dyDescent="0.3">
      <c r="A2743" s="6">
        <v>45836</v>
      </c>
      <c r="B2743" s="8">
        <v>158.30388951800001</v>
      </c>
      <c r="C2743" s="8">
        <v>61.409457205999999</v>
      </c>
      <c r="D2743" s="8">
        <v>32.665392636</v>
      </c>
    </row>
    <row r="2744" spans="1:4" x14ac:dyDescent="0.3">
      <c r="A2744" s="6">
        <v>45837</v>
      </c>
      <c r="B2744" s="8">
        <v>158.44409058700001</v>
      </c>
      <c r="C2744" s="8">
        <v>61.409457205999999</v>
      </c>
      <c r="D2744" s="8">
        <v>32.693238151999999</v>
      </c>
    </row>
    <row r="2745" spans="1:4" x14ac:dyDescent="0.3">
      <c r="A2745" s="6">
        <v>45838</v>
      </c>
      <c r="B2745" s="8">
        <v>158.52079058499999</v>
      </c>
      <c r="C2745" s="8">
        <v>61.340894591999998</v>
      </c>
      <c r="D2745" s="8">
        <v>32.659877203999997</v>
      </c>
    </row>
    <row r="2746" spans="1:4" x14ac:dyDescent="0.3">
      <c r="A2746" s="6">
        <v>45839</v>
      </c>
      <c r="B2746" s="8">
        <v>158.75409058400001</v>
      </c>
      <c r="C2746" s="8">
        <v>61.233561657999999</v>
      </c>
      <c r="D2746" s="8">
        <v>32.804627144000001</v>
      </c>
    </row>
    <row r="2747" spans="1:4" x14ac:dyDescent="0.3">
      <c r="A2747" s="6">
        <v>45840</v>
      </c>
      <c r="B2747" s="8">
        <v>158.69501998499999</v>
      </c>
      <c r="C2747" s="8">
        <v>61.330570784000003</v>
      </c>
      <c r="D2747" s="8">
        <v>33.037412803999999</v>
      </c>
    </row>
    <row r="2748" spans="1:4" x14ac:dyDescent="0.3">
      <c r="A2748" s="6">
        <v>45841</v>
      </c>
      <c r="B2748" s="8">
        <v>159.15519892899999</v>
      </c>
      <c r="C2748" s="8">
        <v>61.468509750999999</v>
      </c>
      <c r="D2748" s="8">
        <v>33.032168431000002</v>
      </c>
    </row>
    <row r="2749" spans="1:4" x14ac:dyDescent="0.3">
      <c r="A2749" s="6">
        <v>45842</v>
      </c>
      <c r="B2749" s="8">
        <v>159.30566424599999</v>
      </c>
      <c r="C2749" s="8">
        <v>61.927821889000001</v>
      </c>
      <c r="D2749" s="8">
        <v>33.035718026799998</v>
      </c>
    </row>
    <row r="2750" spans="1:4" x14ac:dyDescent="0.3">
      <c r="A2750" s="6">
        <v>45843</v>
      </c>
      <c r="B2750" s="8">
        <v>159.478756035</v>
      </c>
      <c r="C2750" s="8">
        <v>61.813045111999998</v>
      </c>
      <c r="D2750" s="8">
        <v>33.104277409600002</v>
      </c>
    </row>
    <row r="2751" spans="1:4" x14ac:dyDescent="0.3">
      <c r="A2751" s="6">
        <v>45844</v>
      </c>
      <c r="B2751" s="8">
        <v>159.47875602900001</v>
      </c>
      <c r="C2751" s="8">
        <v>61.848765802000003</v>
      </c>
      <c r="D2751" s="8">
        <v>33.117111357399999</v>
      </c>
    </row>
    <row r="2752" spans="1:4" x14ac:dyDescent="0.3">
      <c r="A2752" s="6">
        <v>45845</v>
      </c>
      <c r="B2752" s="8">
        <v>159.46382912600001</v>
      </c>
      <c r="C2752" s="8">
        <v>61.914514809000003</v>
      </c>
      <c r="D2752" s="8">
        <v>33.1241790662</v>
      </c>
    </row>
    <row r="2753" spans="1:4" x14ac:dyDescent="0.3">
      <c r="A2753" s="6">
        <v>45846</v>
      </c>
      <c r="B2753" s="8">
        <v>159.52068214900001</v>
      </c>
      <c r="C2753" s="8">
        <v>61.686814390999999</v>
      </c>
      <c r="D2753" s="8">
        <v>33.139682559999997</v>
      </c>
    </row>
    <row r="2754" spans="1:4" x14ac:dyDescent="0.3">
      <c r="A2754" s="6">
        <v>45847</v>
      </c>
      <c r="B2754" s="8">
        <v>159.45568214799999</v>
      </c>
      <c r="C2754" s="8">
        <v>61.668157446999999</v>
      </c>
      <c r="D2754" s="8">
        <v>33.157079179</v>
      </c>
    </row>
    <row r="2755" spans="1:4" x14ac:dyDescent="0.3">
      <c r="A2755" s="6">
        <v>45848</v>
      </c>
      <c r="B2755" s="8">
        <v>159.69561647699999</v>
      </c>
      <c r="C2755" s="8">
        <v>62.058362179</v>
      </c>
      <c r="D2755" s="8">
        <v>33.190959943999999</v>
      </c>
    </row>
    <row r="2756" spans="1:4" x14ac:dyDescent="0.3">
      <c r="A2756" s="6">
        <v>45849</v>
      </c>
      <c r="B2756" s="8">
        <v>159.99483608</v>
      </c>
      <c r="C2756" s="8">
        <v>62.560460911</v>
      </c>
      <c r="D2756" s="8">
        <v>33.504013516000001</v>
      </c>
    </row>
    <row r="2757" spans="1:4" x14ac:dyDescent="0.3">
      <c r="A2757" s="6">
        <v>45850</v>
      </c>
      <c r="B2757" s="8">
        <v>160.15005525999999</v>
      </c>
      <c r="C2757" s="8">
        <v>63.122747058999998</v>
      </c>
      <c r="D2757" s="8">
        <v>33.789548994999997</v>
      </c>
    </row>
    <row r="2758" spans="1:4" x14ac:dyDescent="0.3">
      <c r="A2758" s="6">
        <v>45851</v>
      </c>
      <c r="B2758" s="8">
        <v>160.394357834</v>
      </c>
      <c r="C2758" s="8">
        <v>63.290662904000001</v>
      </c>
      <c r="D2758" s="8">
        <v>33.643567171999997</v>
      </c>
    </row>
    <row r="2759" spans="1:4" x14ac:dyDescent="0.3">
      <c r="A2759" s="6">
        <v>45852</v>
      </c>
      <c r="B2759" s="8">
        <v>160.39435783299999</v>
      </c>
      <c r="C2759" s="8">
        <v>63.429308554000002</v>
      </c>
      <c r="D2759" s="8">
        <v>33.668129763000003</v>
      </c>
    </row>
    <row r="2760" spans="1:4" x14ac:dyDescent="0.3">
      <c r="A2760" s="6">
        <v>45853</v>
      </c>
      <c r="B2760" s="8">
        <v>160.54575783000001</v>
      </c>
      <c r="C2760" s="8">
        <v>63.155113221999997</v>
      </c>
      <c r="D2760" s="8">
        <v>33.430238224</v>
      </c>
    </row>
    <row r="2761" spans="1:4" x14ac:dyDescent="0.3">
      <c r="A2761" s="6">
        <v>45854</v>
      </c>
      <c r="B2761" s="8">
        <v>160.66908714900001</v>
      </c>
      <c r="C2761" s="8">
        <v>62.106490845000003</v>
      </c>
      <c r="D2761" s="8">
        <v>33.325446534999998</v>
      </c>
    </row>
    <row r="2762" spans="1:4" x14ac:dyDescent="0.3">
      <c r="A2762" s="6">
        <v>45855</v>
      </c>
      <c r="B2762" s="8">
        <v>162.039387242</v>
      </c>
      <c r="C2762" s="8">
        <v>63.136403196000003</v>
      </c>
      <c r="D2762" s="8">
        <v>33.443271035000002</v>
      </c>
    </row>
    <row r="2763" spans="1:4" x14ac:dyDescent="0.3">
      <c r="A2763" s="6">
        <v>45856</v>
      </c>
      <c r="B2763" s="8">
        <v>161.47008420200001</v>
      </c>
      <c r="C2763" s="8">
        <v>64.073956714999994</v>
      </c>
      <c r="D2763" s="8">
        <v>33.712767331999999</v>
      </c>
    </row>
    <row r="2764" spans="1:4" x14ac:dyDescent="0.3">
      <c r="A2764" s="6">
        <v>45857</v>
      </c>
      <c r="B2764" s="8">
        <v>161.98357920999999</v>
      </c>
      <c r="C2764" s="8">
        <v>64.369490257999999</v>
      </c>
      <c r="D2764" s="8">
        <v>33.712909973000002</v>
      </c>
    </row>
    <row r="2765" spans="1:4" x14ac:dyDescent="0.3">
      <c r="A2765" s="6">
        <v>45858</v>
      </c>
      <c r="B2765" s="8">
        <v>162.359770647</v>
      </c>
      <c r="C2765" s="8">
        <v>64.199001304999996</v>
      </c>
      <c r="D2765" s="8">
        <v>33.856491147</v>
      </c>
    </row>
    <row r="2766" spans="1:4" x14ac:dyDescent="0.3">
      <c r="A2766" s="6">
        <v>45859</v>
      </c>
      <c r="B2766" s="8">
        <v>162.53158479300001</v>
      </c>
      <c r="C2766" s="8">
        <v>64.073586852999995</v>
      </c>
      <c r="D2766" s="8">
        <v>34.191270242000002</v>
      </c>
    </row>
    <row r="2767" spans="1:4" x14ac:dyDescent="0.3">
      <c r="A2767" s="6">
        <v>45860</v>
      </c>
      <c r="B2767" s="8">
        <v>162.855465485</v>
      </c>
      <c r="C2767" s="8">
        <v>64.439196612000003</v>
      </c>
      <c r="D2767" s="8">
        <v>33.953636412000002</v>
      </c>
    </row>
    <row r="2768" spans="1:4" x14ac:dyDescent="0.3">
      <c r="A2768" s="6">
        <v>45861</v>
      </c>
      <c r="B2768" s="8">
        <v>163.023658144</v>
      </c>
      <c r="C2768" s="8">
        <v>64.484839683000004</v>
      </c>
      <c r="D2768" s="8">
        <v>34.232373021999997</v>
      </c>
    </row>
    <row r="2769" spans="1:4" x14ac:dyDescent="0.3">
      <c r="A2769" s="6">
        <v>45862</v>
      </c>
      <c r="B2769" s="8">
        <v>163.20885664599999</v>
      </c>
      <c r="C2769" s="8">
        <v>64.352254001000006</v>
      </c>
      <c r="D2769" s="8">
        <v>34.985171065000003</v>
      </c>
    </row>
    <row r="2770" spans="1:4" x14ac:dyDescent="0.3">
      <c r="A2770" s="6">
        <v>45863</v>
      </c>
      <c r="B2770" s="8">
        <v>163.91048019600001</v>
      </c>
      <c r="C2770" s="8">
        <v>64.818032731000002</v>
      </c>
      <c r="D2770" s="8">
        <v>35.151754732000001</v>
      </c>
    </row>
    <row r="2771" spans="1:4" x14ac:dyDescent="0.3">
      <c r="A2771" s="6">
        <v>45864</v>
      </c>
      <c r="B2771" s="8">
        <v>163.90848068400001</v>
      </c>
      <c r="C2771" s="8">
        <v>64.026821910999999</v>
      </c>
      <c r="D2771" s="8">
        <v>35.739650843</v>
      </c>
    </row>
    <row r="2772" spans="1:4" x14ac:dyDescent="0.3">
      <c r="A2772" s="6">
        <v>45865</v>
      </c>
      <c r="B2772" s="8">
        <v>164.43737997299999</v>
      </c>
      <c r="C2772" s="8">
        <v>63.975475316999997</v>
      </c>
      <c r="D2772" s="8">
        <v>35.888863886000003</v>
      </c>
    </row>
    <row r="2773" spans="1:4" x14ac:dyDescent="0.3">
      <c r="A2773" s="6">
        <v>45866</v>
      </c>
      <c r="B2773" s="8">
        <v>164.43737996999999</v>
      </c>
      <c r="C2773" s="8">
        <v>63.974615268999997</v>
      </c>
      <c r="D2773" s="8">
        <v>36.067295833000003</v>
      </c>
    </row>
    <row r="2774" spans="1:4" x14ac:dyDescent="0.3">
      <c r="A2774" s="6">
        <v>45867</v>
      </c>
      <c r="B2774" s="8">
        <v>164.25973206</v>
      </c>
      <c r="C2774" s="8">
        <v>63.649526706000003</v>
      </c>
      <c r="D2774" s="8">
        <v>36.565600986</v>
      </c>
    </row>
    <row r="2775" spans="1:4" x14ac:dyDescent="0.3">
      <c r="A2775" s="6">
        <v>45868</v>
      </c>
      <c r="B2775" s="8">
        <v>164.371766732</v>
      </c>
      <c r="C2775" s="8">
        <v>63.579399373999998</v>
      </c>
      <c r="D2775" s="8">
        <v>36.727273134999997</v>
      </c>
    </row>
    <row r="2776" spans="1:4" x14ac:dyDescent="0.3">
      <c r="A2776" s="6">
        <v>45869</v>
      </c>
      <c r="B2776" s="8">
        <v>164.580462391</v>
      </c>
      <c r="C2776" s="8">
        <v>63.695606560999998</v>
      </c>
      <c r="D2776" s="8">
        <v>37.072995575999997</v>
      </c>
    </row>
    <row r="2777" spans="1:4" x14ac:dyDescent="0.3">
      <c r="A2777" s="6">
        <v>45870</v>
      </c>
      <c r="B2777" s="8">
        <v>164.68601394999999</v>
      </c>
      <c r="C2777" s="8">
        <v>63.858929785000001</v>
      </c>
      <c r="D2777" s="8">
        <v>37.417472279000002</v>
      </c>
    </row>
    <row r="2778" spans="1:4" x14ac:dyDescent="0.3">
      <c r="A2778" s="6">
        <v>45871</v>
      </c>
      <c r="B2778" s="8">
        <v>164.76474259299999</v>
      </c>
      <c r="C2778" s="8">
        <v>64.009861543</v>
      </c>
      <c r="D2778" s="8">
        <v>37.470471170000003</v>
      </c>
    </row>
    <row r="2779" spans="1:4" x14ac:dyDescent="0.3">
      <c r="A2779" s="6">
        <v>45872</v>
      </c>
      <c r="B2779" s="8">
        <v>164.758535749</v>
      </c>
      <c r="C2779" s="8">
        <v>63.890957710999999</v>
      </c>
      <c r="D2779" s="8">
        <v>37.551078453000002</v>
      </c>
    </row>
    <row r="2780" spans="1:4" x14ac:dyDescent="0.3">
      <c r="A2780" s="6">
        <v>45873</v>
      </c>
      <c r="B2780" s="8">
        <v>164.734535747</v>
      </c>
      <c r="C2780" s="8">
        <v>63.866936617999997</v>
      </c>
      <c r="D2780" s="8">
        <v>38.125980882</v>
      </c>
    </row>
    <row r="2781" spans="1:4" x14ac:dyDescent="0.3">
      <c r="A2781" s="6">
        <v>45874</v>
      </c>
      <c r="B2781" s="8">
        <v>164.723091665</v>
      </c>
      <c r="C2781" s="8">
        <v>64.133803100999998</v>
      </c>
      <c r="D2781" s="8">
        <v>38.201562494999997</v>
      </c>
    </row>
    <row r="2782" spans="1:4" x14ac:dyDescent="0.3">
      <c r="A2782" s="6">
        <v>45875</v>
      </c>
      <c r="B2782" s="8">
        <v>164.74899328000001</v>
      </c>
      <c r="C2782" s="8">
        <v>64.316656761000004</v>
      </c>
      <c r="D2782" s="8">
        <v>38.138486405000002</v>
      </c>
    </row>
    <row r="2783" spans="1:4" x14ac:dyDescent="0.3">
      <c r="A2783" s="6">
        <v>45876</v>
      </c>
      <c r="B2783" s="8">
        <v>164.52191056500001</v>
      </c>
      <c r="C2783" s="8">
        <v>64.379034540999996</v>
      </c>
      <c r="D2783" s="8">
        <v>38.411071892999999</v>
      </c>
    </row>
    <row r="2784" spans="1:4" x14ac:dyDescent="0.3">
      <c r="A2784" s="6">
        <v>45877</v>
      </c>
      <c r="B2784" s="8">
        <v>165.186565785</v>
      </c>
      <c r="C2784" s="8">
        <v>64.515908844999998</v>
      </c>
      <c r="D2784" s="8">
        <v>38.759438459999998</v>
      </c>
    </row>
    <row r="2785" spans="1:4" x14ac:dyDescent="0.3">
      <c r="A2785" s="6">
        <v>45878</v>
      </c>
      <c r="B2785" s="8">
        <v>165.05349159299999</v>
      </c>
      <c r="C2785" s="8">
        <v>65.068392169000006</v>
      </c>
      <c r="D2785" s="8">
        <v>38.918558828999998</v>
      </c>
    </row>
    <row r="2786" spans="1:4" x14ac:dyDescent="0.3">
      <c r="A2786" s="6">
        <v>45879</v>
      </c>
      <c r="B2786" s="8">
        <v>165.26048158</v>
      </c>
      <c r="C2786" s="8">
        <v>65.070089242999998</v>
      </c>
      <c r="D2786" s="8">
        <v>39.249709129000003</v>
      </c>
    </row>
    <row r="2787" spans="1:4" x14ac:dyDescent="0.3">
      <c r="A2787" s="6">
        <v>45880</v>
      </c>
      <c r="B2787" s="8">
        <v>164.56142092100001</v>
      </c>
      <c r="C2787" s="8">
        <v>64.977770794999998</v>
      </c>
      <c r="D2787" s="8">
        <v>39.422203598000003</v>
      </c>
    </row>
    <row r="2788" spans="1:4" x14ac:dyDescent="0.3">
      <c r="A2788" s="6">
        <v>45881</v>
      </c>
      <c r="B2788" s="8">
        <v>164.867620918</v>
      </c>
      <c r="C2788" s="8">
        <v>65.241866879</v>
      </c>
      <c r="D2788" s="8">
        <v>39.648454471999997</v>
      </c>
    </row>
    <row r="2789" spans="1:4" x14ac:dyDescent="0.3">
      <c r="A2789" s="6">
        <v>45882</v>
      </c>
      <c r="B2789" s="8">
        <v>164.57828396400001</v>
      </c>
      <c r="C2789" s="8">
        <v>66.204397439000005</v>
      </c>
      <c r="D2789" s="8">
        <v>39.841043370500003</v>
      </c>
    </row>
    <row r="2790" spans="1:4" x14ac:dyDescent="0.3">
      <c r="A2790" s="6">
        <v>45883</v>
      </c>
      <c r="B2790" s="8">
        <v>165.087257083</v>
      </c>
      <c r="C2790" s="8">
        <v>66.807090008000003</v>
      </c>
      <c r="D2790" s="8">
        <v>40.149488490000003</v>
      </c>
    </row>
    <row r="2791" spans="1:4" x14ac:dyDescent="0.3">
      <c r="A2791" s="6">
        <v>45884</v>
      </c>
      <c r="B2791" s="8">
        <v>166.15065709500001</v>
      </c>
      <c r="C2791" s="8">
        <v>67.551596013999998</v>
      </c>
      <c r="D2791" s="8">
        <v>40.162507840000004</v>
      </c>
    </row>
    <row r="2792" spans="1:4" x14ac:dyDescent="0.3">
      <c r="A2792" s="6">
        <v>45885</v>
      </c>
      <c r="B2792" s="8">
        <v>166.328383729</v>
      </c>
      <c r="C2792" s="8">
        <v>67.931397144000002</v>
      </c>
      <c r="D2792" s="8">
        <v>40.933549501000002</v>
      </c>
    </row>
    <row r="2793" spans="1:4" x14ac:dyDescent="0.3">
      <c r="A2793" s="6">
        <v>45886</v>
      </c>
      <c r="B2793" s="8">
        <v>166.328383729</v>
      </c>
      <c r="C2793" s="8">
        <v>67.931397144000002</v>
      </c>
      <c r="D2793" s="8">
        <v>41.116028307999997</v>
      </c>
    </row>
    <row r="2794" spans="1:4" x14ac:dyDescent="0.3">
      <c r="A2794" s="6">
        <v>45887</v>
      </c>
      <c r="B2794" s="8">
        <v>167.00686089000001</v>
      </c>
      <c r="C2794" s="8">
        <v>67.909546656000003</v>
      </c>
      <c r="D2794" s="8">
        <v>41.408778886</v>
      </c>
    </row>
    <row r="2795" spans="1:4" x14ac:dyDescent="0.3">
      <c r="A2795" s="6">
        <v>45888</v>
      </c>
      <c r="B2795" s="8">
        <v>167.16799696000001</v>
      </c>
      <c r="C2795" s="8">
        <v>67.875713246000004</v>
      </c>
      <c r="D2795" s="8">
        <v>41.5555760835</v>
      </c>
    </row>
    <row r="2796" spans="1:4" x14ac:dyDescent="0.3">
      <c r="A2796" s="6">
        <v>45889</v>
      </c>
      <c r="B2796" s="8">
        <v>167.27122757399999</v>
      </c>
      <c r="C2796" s="8">
        <v>67.470520222000005</v>
      </c>
      <c r="D2796" s="8">
        <v>41.575907753999999</v>
      </c>
    </row>
    <row r="2797" spans="1:4" x14ac:dyDescent="0.3">
      <c r="A2797" s="6">
        <v>45890</v>
      </c>
      <c r="B2797" s="8">
        <v>167.27122757399999</v>
      </c>
      <c r="C2797" s="8">
        <v>67.470520222000005</v>
      </c>
      <c r="D2797" s="8">
        <v>42.071785038500003</v>
      </c>
    </row>
    <row r="2798" spans="1:4" x14ac:dyDescent="0.3">
      <c r="A2798" s="6">
        <v>45891</v>
      </c>
      <c r="B2798" s="8">
        <v>166.92186739900001</v>
      </c>
      <c r="C2798" s="8">
        <v>66.676060317999998</v>
      </c>
      <c r="D2798" s="8">
        <v>42.043380040999999</v>
      </c>
    </row>
    <row r="2799" spans="1:4" x14ac:dyDescent="0.3">
      <c r="A2799" s="6">
        <v>45892</v>
      </c>
      <c r="B2799" s="8">
        <v>166.92186739900001</v>
      </c>
      <c r="C2799" s="8">
        <v>66.676060317999998</v>
      </c>
      <c r="D2799" s="8">
        <v>42.160960820500001</v>
      </c>
    </row>
    <row r="2800" spans="1:4" x14ac:dyDescent="0.3">
      <c r="A2800" s="6">
        <v>45893</v>
      </c>
      <c r="B2800" s="8">
        <v>167.10153770900001</v>
      </c>
      <c r="C2800" s="8">
        <v>67.172441164999995</v>
      </c>
      <c r="D2800" s="8">
        <v>42.545998517000001</v>
      </c>
    </row>
    <row r="2801" spans="1:4" x14ac:dyDescent="0.3">
      <c r="A2801" s="6">
        <v>45894</v>
      </c>
      <c r="B2801" s="8">
        <v>167.221537708</v>
      </c>
      <c r="C2801" s="8">
        <v>67.093456087000007</v>
      </c>
      <c r="D2801" s="8">
        <v>42.540438424999998</v>
      </c>
    </row>
    <row r="2802" spans="1:4" x14ac:dyDescent="0.3">
      <c r="A2802" s="6">
        <v>45895</v>
      </c>
      <c r="B2802" s="8">
        <v>167.23833346000001</v>
      </c>
      <c r="C2802" s="8">
        <v>68.727991544000005</v>
      </c>
      <c r="D2802" s="8">
        <v>42.765130307</v>
      </c>
    </row>
    <row r="2803" spans="1:4" x14ac:dyDescent="0.3">
      <c r="A2803" s="6">
        <v>45896</v>
      </c>
      <c r="B2803" s="8">
        <v>167.217333459</v>
      </c>
      <c r="C2803" s="8">
        <v>68.818681687999998</v>
      </c>
      <c r="D2803" s="8">
        <v>42.788014595999996</v>
      </c>
    </row>
    <row r="2804" spans="1:4" x14ac:dyDescent="0.3">
      <c r="A2804" s="6">
        <v>45897</v>
      </c>
      <c r="B2804" s="8">
        <v>167.38392595799999</v>
      </c>
      <c r="C2804" s="8">
        <v>69.123274261999995</v>
      </c>
      <c r="D2804" s="8">
        <v>43.041724015</v>
      </c>
    </row>
    <row r="2805" spans="1:4" x14ac:dyDescent="0.3">
      <c r="A2805" s="6">
        <v>45898</v>
      </c>
      <c r="B2805" s="8">
        <v>168.42950272499999</v>
      </c>
      <c r="C2805" s="8">
        <v>70.391528233000003</v>
      </c>
      <c r="D2805" s="8">
        <v>43.133968950000003</v>
      </c>
    </row>
    <row r="2806" spans="1:4" x14ac:dyDescent="0.3">
      <c r="A2806" s="6">
        <v>45899</v>
      </c>
      <c r="B2806" s="8">
        <v>167.60037191800001</v>
      </c>
      <c r="C2806" s="8">
        <v>71.373163039999994</v>
      </c>
      <c r="D2806" s="8">
        <v>43.121219025999999</v>
      </c>
    </row>
    <row r="2807" spans="1:4" x14ac:dyDescent="0.3">
      <c r="A2807" s="6">
        <v>45900</v>
      </c>
      <c r="B2807" s="8">
        <v>168.005950273</v>
      </c>
      <c r="C2807" s="8">
        <v>71.341964048999998</v>
      </c>
      <c r="D2807" s="8">
        <v>43.110220302999998</v>
      </c>
    </row>
    <row r="2808" spans="1:4" x14ac:dyDescent="0.3">
      <c r="A2808" s="6">
        <v>45901</v>
      </c>
      <c r="B2808" s="8">
        <v>167.960422397</v>
      </c>
      <c r="C2808" s="8">
        <v>72.049974781000003</v>
      </c>
      <c r="D2808" s="8">
        <v>43.190785188</v>
      </c>
    </row>
    <row r="2809" spans="1:4" x14ac:dyDescent="0.3">
      <c r="A2809" s="6">
        <v>45902</v>
      </c>
      <c r="B2809" s="8">
        <v>167.98186366799999</v>
      </c>
      <c r="C2809" s="8">
        <v>71.861411606000004</v>
      </c>
      <c r="D2809" s="8">
        <v>43.367072434000001</v>
      </c>
    </row>
    <row r="2810" spans="1:4" x14ac:dyDescent="0.3">
      <c r="A2810" s="6">
        <v>45903</v>
      </c>
      <c r="B2810" s="8">
        <v>166.87176365299999</v>
      </c>
      <c r="C2810" s="8">
        <v>72.106640209999995</v>
      </c>
      <c r="D2810" s="8">
        <v>43.376988973000003</v>
      </c>
    </row>
    <row r="2811" spans="1:4" x14ac:dyDescent="0.3">
      <c r="A2811" s="6">
        <v>45904</v>
      </c>
      <c r="B2811" s="8">
        <v>168.28542773699999</v>
      </c>
      <c r="C2811" s="8">
        <v>72.281330956000005</v>
      </c>
      <c r="D2811" s="8">
        <v>43.623007622000003</v>
      </c>
    </row>
    <row r="2812" spans="1:4" x14ac:dyDescent="0.3">
      <c r="A2812" s="6">
        <v>45905</v>
      </c>
      <c r="B2812" s="8">
        <v>170.58618402900001</v>
      </c>
      <c r="C2812" s="8">
        <v>72.238076383000006</v>
      </c>
      <c r="D2812" s="8">
        <v>44.002998259000002</v>
      </c>
    </row>
    <row r="2813" spans="1:4" x14ac:dyDescent="0.3">
      <c r="A2813" s="6">
        <v>45906</v>
      </c>
      <c r="B2813" s="8">
        <v>168.825084008</v>
      </c>
      <c r="C2813" s="8">
        <v>72.235878045999996</v>
      </c>
      <c r="D2813" s="8">
        <v>44.218488981</v>
      </c>
    </row>
    <row r="2814" spans="1:4" x14ac:dyDescent="0.3">
      <c r="A2814" s="6">
        <v>45907</v>
      </c>
      <c r="B2814" s="8">
        <v>168.82508400699999</v>
      </c>
      <c r="C2814" s="8">
        <v>72.206302688999997</v>
      </c>
      <c r="D2814" s="8">
        <v>44.285468567999999</v>
      </c>
    </row>
    <row r="2815" spans="1:4" x14ac:dyDescent="0.3">
      <c r="A2815" s="6">
        <v>45908</v>
      </c>
      <c r="B2815" s="8">
        <v>168.82508400399999</v>
      </c>
      <c r="C2815" s="8">
        <v>72.145141960000004</v>
      </c>
      <c r="D2815" s="8">
        <v>44.132332079000001</v>
      </c>
    </row>
    <row r="2816" spans="1:4" x14ac:dyDescent="0.3">
      <c r="A2816" s="6">
        <v>45909</v>
      </c>
      <c r="B2816" s="8">
        <v>168.877363164</v>
      </c>
      <c r="C2816" s="8">
        <v>72.185877168000005</v>
      </c>
      <c r="D2816" s="8">
        <v>44.198636305999997</v>
      </c>
    </row>
    <row r="2817" spans="1:4" x14ac:dyDescent="0.3">
      <c r="A2817" s="6">
        <v>45910</v>
      </c>
      <c r="B2817" s="8">
        <v>169.04856316199999</v>
      </c>
      <c r="C2817" s="8">
        <v>72.287339630999995</v>
      </c>
      <c r="D2817" s="8">
        <v>44.410120509999999</v>
      </c>
    </row>
    <row r="2818" spans="1:4" x14ac:dyDescent="0.3">
      <c r="A2818" s="6">
        <v>45911</v>
      </c>
      <c r="B2818" s="8">
        <v>169.41116315299999</v>
      </c>
      <c r="C2818" s="8">
        <v>71.921402310000005</v>
      </c>
      <c r="D2818" s="8">
        <v>44.526880673000001</v>
      </c>
    </row>
    <row r="2819" spans="1:4" x14ac:dyDescent="0.3">
      <c r="A2819" s="6">
        <v>45912</v>
      </c>
      <c r="B2819" s="8">
        <v>169.51336162600001</v>
      </c>
      <c r="C2819" s="8">
        <v>72.029014384999996</v>
      </c>
      <c r="D2819" s="8">
        <v>44.938917556</v>
      </c>
    </row>
    <row r="2820" spans="1:4" x14ac:dyDescent="0.3">
      <c r="A2820" s="6">
        <v>45913</v>
      </c>
      <c r="B2820" s="8">
        <v>170.10245496499999</v>
      </c>
      <c r="C2820" s="8">
        <v>72.595950970999994</v>
      </c>
      <c r="D2820" s="8">
        <v>45.160121691999997</v>
      </c>
    </row>
    <row r="2821" spans="1:4" x14ac:dyDescent="0.3">
      <c r="A2821" s="6">
        <v>45914</v>
      </c>
      <c r="B2821" s="8">
        <v>170.36487168299999</v>
      </c>
      <c r="C2821" s="8">
        <v>72.785742036000002</v>
      </c>
      <c r="D2821" s="8">
        <v>45.409335370000001</v>
      </c>
    </row>
    <row r="2822" spans="1:4" x14ac:dyDescent="0.3">
      <c r="A2822" s="6">
        <v>45915</v>
      </c>
      <c r="B2822" s="8">
        <v>170.178989121</v>
      </c>
      <c r="C2822" s="8">
        <v>72.800537352000006</v>
      </c>
      <c r="D2822" s="8">
        <v>45.795729166999998</v>
      </c>
    </row>
    <row r="2823" spans="1:4" x14ac:dyDescent="0.3">
      <c r="A2823" s="6">
        <v>45916</v>
      </c>
      <c r="B2823" s="8">
        <v>170.624947838</v>
      </c>
      <c r="C2823" s="8">
        <v>72.764259851999995</v>
      </c>
      <c r="D2823" s="8">
        <v>45.697401472000003</v>
      </c>
    </row>
    <row r="2824" spans="1:4" x14ac:dyDescent="0.3">
      <c r="A2824" s="6">
        <v>45917</v>
      </c>
      <c r="B2824" s="8">
        <v>170.90377534300001</v>
      </c>
      <c r="C2824" s="8">
        <v>73.207475527</v>
      </c>
      <c r="D2824" s="8">
        <v>45.780829898</v>
      </c>
    </row>
    <row r="2825" spans="1:4" x14ac:dyDescent="0.3">
      <c r="A2825" s="6">
        <v>45918</v>
      </c>
      <c r="B2825" s="8">
        <v>171.22067916200001</v>
      </c>
      <c r="C2825" s="8">
        <v>73.172467819000005</v>
      </c>
      <c r="D2825" s="8">
        <v>45.662331512000002</v>
      </c>
    </row>
    <row r="2826" spans="1:4" x14ac:dyDescent="0.3">
      <c r="A2826" s="6">
        <v>45919</v>
      </c>
      <c r="B2826" s="8">
        <v>171.39561940900001</v>
      </c>
      <c r="C2826" s="8">
        <v>74.010712385999994</v>
      </c>
      <c r="D2826" s="8">
        <v>45.78794998</v>
      </c>
    </row>
    <row r="2827" spans="1:4" x14ac:dyDescent="0.3">
      <c r="A2827" s="6">
        <v>45920</v>
      </c>
      <c r="B2827" s="8">
        <v>172.019220193</v>
      </c>
      <c r="C2827" s="8">
        <v>73.758281550999996</v>
      </c>
      <c r="D2827" s="8">
        <v>46.187179952000001</v>
      </c>
    </row>
    <row r="2828" spans="1:4" x14ac:dyDescent="0.3">
      <c r="A2828" s="6">
        <v>45921</v>
      </c>
      <c r="B2828" s="8">
        <v>172.27922019299999</v>
      </c>
      <c r="C2828" s="8">
        <v>73.574557394999999</v>
      </c>
      <c r="D2828" s="8">
        <v>46.312614318000001</v>
      </c>
    </row>
    <row r="2829" spans="1:4" x14ac:dyDescent="0.3">
      <c r="A2829" s="6">
        <v>45922</v>
      </c>
      <c r="B2829" s="8">
        <v>171.971462933</v>
      </c>
      <c r="C2829" s="8">
        <v>73.642796157000006</v>
      </c>
      <c r="D2829" s="8">
        <v>46.394441024999999</v>
      </c>
    </row>
    <row r="2830" spans="1:4" x14ac:dyDescent="0.3">
      <c r="A2830" s="6">
        <v>45923</v>
      </c>
      <c r="B2830" s="8">
        <v>172.68758033399999</v>
      </c>
      <c r="C2830" s="8">
        <v>73.760589980000006</v>
      </c>
      <c r="D2830" s="8">
        <v>46.804676356999998</v>
      </c>
    </row>
    <row r="2831" spans="1:4" x14ac:dyDescent="0.3">
      <c r="A2831" s="6">
        <v>45924</v>
      </c>
      <c r="B2831" s="8">
        <v>173.00850623100001</v>
      </c>
      <c r="C2831" s="8">
        <v>73.622311311000004</v>
      </c>
      <c r="D2831" s="8">
        <v>47.294248084000003</v>
      </c>
    </row>
    <row r="2832" spans="1:4" x14ac:dyDescent="0.3">
      <c r="A2832" s="6">
        <v>45925</v>
      </c>
      <c r="B2832" s="8">
        <v>173.336087144</v>
      </c>
      <c r="C2832" s="8">
        <v>73.729893288</v>
      </c>
      <c r="D2832" s="8">
        <v>47.885481898000002</v>
      </c>
    </row>
    <row r="2833" spans="1:4" x14ac:dyDescent="0.3">
      <c r="A2833" s="6">
        <v>45926</v>
      </c>
      <c r="B2833" s="8">
        <v>173.40403383699999</v>
      </c>
      <c r="C2833" s="8">
        <v>73.707162651999994</v>
      </c>
      <c r="D2833" s="8">
        <v>47.889004331000002</v>
      </c>
    </row>
    <row r="2834" spans="1:4" x14ac:dyDescent="0.3">
      <c r="A2834" s="6">
        <v>45927</v>
      </c>
      <c r="B2834" s="8">
        <v>174.16831842799999</v>
      </c>
      <c r="C2834" s="8">
        <v>73.514538066</v>
      </c>
      <c r="D2834" s="8">
        <v>48.240321096999999</v>
      </c>
    </row>
    <row r="2835" spans="1:4" x14ac:dyDescent="0.3">
      <c r="A2835" s="6">
        <v>45928</v>
      </c>
      <c r="B2835" s="8">
        <v>174.37674385099999</v>
      </c>
      <c r="C2835" s="8">
        <v>73.436316750000003</v>
      </c>
      <c r="D2835" s="8">
        <v>48.360007187000001</v>
      </c>
    </row>
    <row r="2836" spans="1:4" x14ac:dyDescent="0.3">
      <c r="A2836" s="6">
        <v>45929</v>
      </c>
      <c r="B2836" s="8">
        <v>174.33561785000001</v>
      </c>
      <c r="C2836" s="8">
        <v>73.347331002000004</v>
      </c>
      <c r="D2836" s="8">
        <v>48.641577794</v>
      </c>
    </row>
    <row r="2837" spans="1:4" x14ac:dyDescent="0.3">
      <c r="A2837" s="6">
        <v>45930</v>
      </c>
      <c r="B2837" s="8">
        <v>174.59253194300001</v>
      </c>
      <c r="C2837" s="8">
        <v>73.214277371999998</v>
      </c>
      <c r="D2837" s="8">
        <v>49.342932427999997</v>
      </c>
    </row>
    <row r="2838" spans="1:4" x14ac:dyDescent="0.3">
      <c r="A2838" s="6">
        <v>45931</v>
      </c>
      <c r="B2838" s="8">
        <v>174.87523017300001</v>
      </c>
      <c r="C2838" s="8">
        <v>73.642961212000003</v>
      </c>
      <c r="D2838" s="8">
        <v>49.706985119999999</v>
      </c>
    </row>
    <row r="2839" spans="1:4" x14ac:dyDescent="0.3">
      <c r="A2839" s="6">
        <v>45932</v>
      </c>
      <c r="B2839" s="8">
        <v>175.46576340199999</v>
      </c>
      <c r="C2839" s="8">
        <v>73.777519906999999</v>
      </c>
      <c r="D2839" s="8">
        <v>49.590212477000001</v>
      </c>
    </row>
    <row r="2840" spans="1:4" x14ac:dyDescent="0.3">
      <c r="A2840" s="6">
        <v>45933</v>
      </c>
      <c r="B2840" s="8">
        <v>176.15136339099999</v>
      </c>
      <c r="C2840" s="8">
        <v>74.099214899000003</v>
      </c>
      <c r="D2840" s="8">
        <v>49.961271762000003</v>
      </c>
    </row>
    <row r="2841" spans="1:4" x14ac:dyDescent="0.3">
      <c r="A2841" s="6">
        <v>45934</v>
      </c>
      <c r="B2841" s="8">
        <v>176.61596593900001</v>
      </c>
      <c r="C2841" s="8">
        <v>75.183499355999999</v>
      </c>
      <c r="D2841" s="8">
        <v>50.019680694999998</v>
      </c>
    </row>
    <row r="2842" spans="1:4" x14ac:dyDescent="0.3">
      <c r="A2842" s="6">
        <v>45935</v>
      </c>
      <c r="B2842" s="8">
        <v>176.99418939099999</v>
      </c>
      <c r="C2842" s="8">
        <v>75.105831547999998</v>
      </c>
      <c r="D2842" s="8">
        <v>50.096184757000003</v>
      </c>
    </row>
    <row r="2843" spans="1:4" x14ac:dyDescent="0.3">
      <c r="A2843" s="6">
        <v>45936</v>
      </c>
      <c r="B2843" s="8">
        <v>176.876946043</v>
      </c>
      <c r="C2843" s="8">
        <v>74.912337284000003</v>
      </c>
      <c r="D2843" s="8">
        <v>50.097547556999999</v>
      </c>
    </row>
    <row r="2844" spans="1:4" x14ac:dyDescent="0.3">
      <c r="A2844" s="6">
        <v>45937</v>
      </c>
      <c r="B2844" s="8">
        <v>177.38376651300001</v>
      </c>
      <c r="C2844" s="8">
        <v>75.148679443999995</v>
      </c>
      <c r="D2844" s="8">
        <v>49.996297085999998</v>
      </c>
    </row>
    <row r="2845" spans="1:4" x14ac:dyDescent="0.3">
      <c r="A2845" s="6">
        <v>45938</v>
      </c>
      <c r="B2845" s="8">
        <v>177.87772405600001</v>
      </c>
      <c r="C2845" s="8">
        <v>75.341515748999996</v>
      </c>
      <c r="D2845" s="8">
        <v>49.958447794999998</v>
      </c>
    </row>
    <row r="2846" spans="1:4" x14ac:dyDescent="0.3">
      <c r="A2846" s="6">
        <v>45939</v>
      </c>
      <c r="B2846" s="8">
        <v>178.04622405467001</v>
      </c>
      <c r="C2846" s="8">
        <v>75.310826205369992</v>
      </c>
      <c r="D2846" s="8">
        <v>49.90627993242002</v>
      </c>
    </row>
  </sheetData>
  <pageMargins left="0.7" right="0.7" top="0.75" bottom="0.75" header="0.3" footer="0.3"/>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A46A7D0-742F-4C3F-89D3-6C60A968ACAA}">
  <dimension ref="A1:G24"/>
  <sheetViews>
    <sheetView workbookViewId="0"/>
  </sheetViews>
  <sheetFormatPr defaultColWidth="9.1796875" defaultRowHeight="14" x14ac:dyDescent="0.3"/>
  <cols>
    <col min="1" max="14" width="15.7265625" style="1" customWidth="1"/>
    <col min="15" max="16384" width="9.1796875" style="1"/>
  </cols>
  <sheetData>
    <row r="1" spans="1:7" x14ac:dyDescent="0.3">
      <c r="A1" s="1" t="s">
        <v>4</v>
      </c>
      <c r="B1" s="1">
        <v>14</v>
      </c>
    </row>
    <row r="2" spans="1:7" x14ac:dyDescent="0.3">
      <c r="A2" s="1" t="s">
        <v>3</v>
      </c>
      <c r="B2" s="14" t="s">
        <v>129</v>
      </c>
    </row>
    <row r="3" spans="1:7" x14ac:dyDescent="0.3">
      <c r="A3" s="1" t="s">
        <v>5</v>
      </c>
      <c r="B3" s="1" t="s">
        <v>37</v>
      </c>
    </row>
    <row r="4" spans="1:7" x14ac:dyDescent="0.3">
      <c r="A4" s="1" t="s">
        <v>2</v>
      </c>
      <c r="B4" s="1" t="s">
        <v>130</v>
      </c>
    </row>
    <row r="5" spans="1:7" x14ac:dyDescent="0.3">
      <c r="A5" s="1" t="s">
        <v>1</v>
      </c>
      <c r="B5" s="14" t="s">
        <v>131</v>
      </c>
    </row>
    <row r="7" spans="1:7" x14ac:dyDescent="0.3">
      <c r="A7" s="1" t="s">
        <v>8</v>
      </c>
      <c r="B7" s="1" t="s">
        <v>132</v>
      </c>
      <c r="C7" s="1" t="s">
        <v>133</v>
      </c>
      <c r="D7" s="1" t="s">
        <v>134</v>
      </c>
      <c r="E7" s="1" t="s">
        <v>135</v>
      </c>
      <c r="F7" s="1" t="s">
        <v>136</v>
      </c>
      <c r="G7" s="1" t="s">
        <v>19</v>
      </c>
    </row>
    <row r="8" spans="1:7" x14ac:dyDescent="0.3">
      <c r="A8" s="5">
        <v>44834</v>
      </c>
      <c r="B8" s="3">
        <v>80.968946355999989</v>
      </c>
      <c r="C8" s="3">
        <v>77.945131962999994</v>
      </c>
      <c r="D8" s="3">
        <v>15.290580176000001</v>
      </c>
      <c r="E8" s="3">
        <v>3.0238143929999999</v>
      </c>
      <c r="F8" s="3">
        <v>7.1019355910000002</v>
      </c>
      <c r="G8" s="3">
        <v>12.179680271000009</v>
      </c>
    </row>
    <row r="9" spans="1:7" x14ac:dyDescent="0.3">
      <c r="A9" s="5">
        <v>44926</v>
      </c>
      <c r="B9" s="3">
        <v>76.381877696000004</v>
      </c>
      <c r="C9" s="3">
        <v>73.335783742000004</v>
      </c>
      <c r="D9" s="3">
        <v>15.906750798999999</v>
      </c>
      <c r="E9" s="3">
        <v>3.0460939539999998</v>
      </c>
      <c r="F9" s="3">
        <v>7.372926391</v>
      </c>
      <c r="G9" s="3">
        <v>12.07655699</v>
      </c>
    </row>
    <row r="10" spans="1:7" x14ac:dyDescent="0.3">
      <c r="A10" s="5">
        <v>45016</v>
      </c>
      <c r="B10" s="3">
        <v>89.842148355000006</v>
      </c>
      <c r="C10" s="3">
        <v>81.555297547999999</v>
      </c>
      <c r="D10" s="3">
        <v>4.5425169240000001</v>
      </c>
      <c r="E10" s="3">
        <v>8.2868508070000004</v>
      </c>
      <c r="F10" s="3">
        <v>7.4532048959999999</v>
      </c>
      <c r="G10" s="3">
        <v>12.566980478000005</v>
      </c>
    </row>
    <row r="11" spans="1:7" x14ac:dyDescent="0.3">
      <c r="A11" s="5">
        <v>45107</v>
      </c>
      <c r="B11" s="3">
        <v>89.168664339000003</v>
      </c>
      <c r="C11" s="3">
        <v>61.242432057999999</v>
      </c>
      <c r="D11" s="3">
        <v>3.6416517000000002</v>
      </c>
      <c r="E11" s="3">
        <v>27.926232281000001</v>
      </c>
      <c r="F11" s="3">
        <v>8.1338654259999998</v>
      </c>
      <c r="G11" s="3">
        <v>12.994611055999997</v>
      </c>
    </row>
    <row r="12" spans="1:7" x14ac:dyDescent="0.3">
      <c r="A12" s="5">
        <v>45199</v>
      </c>
      <c r="B12" s="3">
        <v>88.354402324999995</v>
      </c>
      <c r="C12" s="3">
        <v>65.607400276999996</v>
      </c>
      <c r="D12" s="3">
        <v>2.4298384230000001</v>
      </c>
      <c r="E12" s="3">
        <v>22.747002047999999</v>
      </c>
      <c r="F12" s="3">
        <v>8.2336870050000002</v>
      </c>
      <c r="G12" s="3">
        <v>12.391753751999985</v>
      </c>
    </row>
    <row r="13" spans="1:7" x14ac:dyDescent="0.3">
      <c r="A13" s="5">
        <v>45291</v>
      </c>
      <c r="B13" s="3">
        <v>94.589459730000002</v>
      </c>
      <c r="C13" s="3">
        <v>69.708034503999997</v>
      </c>
      <c r="D13" s="3">
        <v>3.7590136580000002</v>
      </c>
      <c r="E13" s="3">
        <v>24.881425226000001</v>
      </c>
      <c r="F13" s="3">
        <v>8.3393395899999998</v>
      </c>
      <c r="G13" s="3">
        <v>15.025869800000009</v>
      </c>
    </row>
    <row r="14" spans="1:7" x14ac:dyDescent="0.3">
      <c r="A14" s="5">
        <v>45382</v>
      </c>
      <c r="B14" s="3">
        <v>113.540904275</v>
      </c>
      <c r="C14" s="3">
        <v>85.463443377999994</v>
      </c>
      <c r="D14" s="3">
        <v>5.18098773</v>
      </c>
      <c r="E14" s="3">
        <v>28.077460897000002</v>
      </c>
      <c r="F14" s="3">
        <v>6.2795864830000001</v>
      </c>
      <c r="G14" s="3">
        <v>17.713804702000004</v>
      </c>
    </row>
    <row r="15" spans="1:7" x14ac:dyDescent="0.3">
      <c r="A15" s="5">
        <v>45473</v>
      </c>
      <c r="B15" s="3">
        <v>121.03755998300001</v>
      </c>
      <c r="C15" s="3">
        <v>91.669214577000005</v>
      </c>
      <c r="D15" s="3">
        <v>4.5796221780000002</v>
      </c>
      <c r="E15" s="3">
        <v>29.368345406</v>
      </c>
      <c r="F15" s="3">
        <v>6.3554025100000002</v>
      </c>
      <c r="G15" s="3">
        <v>18.738073165000003</v>
      </c>
    </row>
    <row r="16" spans="1:7" x14ac:dyDescent="0.3">
      <c r="A16" s="5">
        <v>45565</v>
      </c>
      <c r="B16" s="3">
        <v>129.272538545</v>
      </c>
      <c r="C16" s="3">
        <v>92.607369195999993</v>
      </c>
      <c r="D16" s="3">
        <v>4.9963867679999998</v>
      </c>
      <c r="E16" s="3">
        <v>36.665169349000003</v>
      </c>
      <c r="F16" s="3">
        <v>6.4369610210000001</v>
      </c>
      <c r="G16" s="3">
        <v>20.299436231000016</v>
      </c>
    </row>
    <row r="17" spans="1:7" x14ac:dyDescent="0.3">
      <c r="A17" s="5">
        <v>45657</v>
      </c>
      <c r="B17" s="3">
        <v>148.30117626000001</v>
      </c>
      <c r="C17" s="3">
        <v>109.259100472</v>
      </c>
      <c r="D17" s="3">
        <v>7.3799178010000004</v>
      </c>
      <c r="E17" s="3">
        <v>39.042075787999998</v>
      </c>
      <c r="F17" s="3">
        <v>6.5064440670000003</v>
      </c>
      <c r="G17" s="3">
        <v>25.438739483999996</v>
      </c>
    </row>
    <row r="18" spans="1:7" x14ac:dyDescent="0.3">
      <c r="A18" s="5">
        <v>45747</v>
      </c>
      <c r="B18" s="3">
        <v>170.90881673799998</v>
      </c>
      <c r="C18" s="3">
        <v>123.386224325</v>
      </c>
      <c r="D18" s="3">
        <v>4.4274426079999998</v>
      </c>
      <c r="E18" s="3">
        <v>47.522592412999998</v>
      </c>
      <c r="F18" s="3">
        <v>6.2856380080000003</v>
      </c>
      <c r="G18" s="3">
        <v>27.693325673999965</v>
      </c>
    </row>
    <row r="19" spans="1:7" x14ac:dyDescent="0.3">
      <c r="A19" s="5">
        <v>45838</v>
      </c>
      <c r="B19" s="3">
        <v>177.633321096</v>
      </c>
      <c r="C19" s="3">
        <v>132.558485413</v>
      </c>
      <c r="D19" s="3">
        <v>7.3247236620000002</v>
      </c>
      <c r="E19" s="3">
        <v>45.074835683000003</v>
      </c>
      <c r="F19" s="3">
        <v>6.3459995869999997</v>
      </c>
      <c r="G19" s="3">
        <v>32.668674191999997</v>
      </c>
    </row>
    <row r="20" spans="1:7" x14ac:dyDescent="0.3">
      <c r="B20" s="3"/>
      <c r="C20" s="3"/>
    </row>
    <row r="21" spans="1:7" x14ac:dyDescent="0.3">
      <c r="B21" s="3"/>
      <c r="C21" s="3"/>
    </row>
    <row r="22" spans="1:7" x14ac:dyDescent="0.3">
      <c r="B22" s="3"/>
      <c r="C22" s="3"/>
    </row>
    <row r="23" spans="1:7" x14ac:dyDescent="0.3">
      <c r="B23" s="3"/>
      <c r="C23" s="3"/>
    </row>
    <row r="24" spans="1:7" x14ac:dyDescent="0.3">
      <c r="B24" s="3"/>
      <c r="C24" s="3"/>
    </row>
  </sheetData>
  <pageMargins left="0.7" right="0.7" top="0.75" bottom="0.75" header="0.3" footer="0.3"/>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4B5BD29-E867-4F4A-8117-D65C141B240E}">
  <dimension ref="A1:D51"/>
  <sheetViews>
    <sheetView workbookViewId="0"/>
  </sheetViews>
  <sheetFormatPr defaultColWidth="9.1796875" defaultRowHeight="14" x14ac:dyDescent="0.3"/>
  <cols>
    <col min="1" max="14" width="15.7265625" style="1" customWidth="1"/>
    <col min="15" max="16384" width="9.1796875" style="1"/>
  </cols>
  <sheetData>
    <row r="1" spans="1:4" x14ac:dyDescent="0.3">
      <c r="A1" s="1" t="s">
        <v>4</v>
      </c>
      <c r="B1" s="1">
        <v>15</v>
      </c>
    </row>
    <row r="2" spans="1:4" x14ac:dyDescent="0.3">
      <c r="A2" s="1" t="s">
        <v>3</v>
      </c>
      <c r="B2" s="14" t="s">
        <v>137</v>
      </c>
    </row>
    <row r="3" spans="1:4" x14ac:dyDescent="0.3">
      <c r="A3" s="1" t="s">
        <v>5</v>
      </c>
      <c r="B3" s="14" t="s">
        <v>138</v>
      </c>
    </row>
    <row r="4" spans="1:4" x14ac:dyDescent="0.3">
      <c r="A4" s="1" t="s">
        <v>2</v>
      </c>
      <c r="B4" s="1" t="s">
        <v>139</v>
      </c>
    </row>
    <row r="5" spans="1:4" x14ac:dyDescent="0.3">
      <c r="A5" s="1" t="s">
        <v>1</v>
      </c>
    </row>
    <row r="7" spans="1:4" x14ac:dyDescent="0.3">
      <c r="A7" s="1" t="s">
        <v>171</v>
      </c>
      <c r="B7" s="1" t="s">
        <v>140</v>
      </c>
      <c r="C7" s="1" t="s">
        <v>141</v>
      </c>
    </row>
    <row r="8" spans="1:4" x14ac:dyDescent="0.3">
      <c r="A8" s="6" t="s">
        <v>23</v>
      </c>
      <c r="B8" s="3">
        <v>1.1695581224881801</v>
      </c>
      <c r="C8" s="3">
        <v>1.0989910980427</v>
      </c>
      <c r="D8" s="3"/>
    </row>
    <row r="9" spans="1:4" x14ac:dyDescent="0.3">
      <c r="A9" s="6" t="s">
        <v>24</v>
      </c>
      <c r="B9" s="3">
        <v>1.05519590798406</v>
      </c>
      <c r="C9" s="3">
        <v>0.97969060849283396</v>
      </c>
      <c r="D9" s="3"/>
    </row>
    <row r="10" spans="1:4" x14ac:dyDescent="0.3">
      <c r="A10" s="6" t="s">
        <v>47</v>
      </c>
      <c r="B10" s="3">
        <v>1.6977919794879202</v>
      </c>
      <c r="C10" s="3">
        <v>1.7185643167372902</v>
      </c>
      <c r="D10" s="3"/>
    </row>
    <row r="11" spans="1:4" x14ac:dyDescent="0.3">
      <c r="A11" s="6"/>
      <c r="B11" s="3"/>
      <c r="C11" s="3"/>
      <c r="D11" s="3"/>
    </row>
    <row r="12" spans="1:4" x14ac:dyDescent="0.3">
      <c r="A12" s="6"/>
      <c r="B12" s="3"/>
      <c r="C12" s="3"/>
      <c r="D12" s="3"/>
    </row>
    <row r="13" spans="1:4" x14ac:dyDescent="0.3">
      <c r="A13" s="6"/>
      <c r="B13" s="3"/>
      <c r="C13" s="3"/>
      <c r="D13" s="3"/>
    </row>
    <row r="14" spans="1:4" x14ac:dyDescent="0.3">
      <c r="A14" s="6"/>
      <c r="B14" s="3"/>
      <c r="C14" s="3"/>
      <c r="D14" s="3"/>
    </row>
    <row r="15" spans="1:4" x14ac:dyDescent="0.3">
      <c r="A15" s="6"/>
      <c r="B15" s="3"/>
      <c r="C15" s="3"/>
      <c r="D15" s="3"/>
    </row>
    <row r="16" spans="1:4" x14ac:dyDescent="0.3">
      <c r="A16" s="6"/>
      <c r="B16" s="3"/>
      <c r="C16" s="3"/>
      <c r="D16" s="3"/>
    </row>
    <row r="17" spans="1:4" x14ac:dyDescent="0.3">
      <c r="A17" s="6"/>
      <c r="B17" s="3"/>
      <c r="C17" s="3"/>
      <c r="D17" s="3"/>
    </row>
    <row r="18" spans="1:4" x14ac:dyDescent="0.3">
      <c r="A18" s="6"/>
      <c r="B18" s="3"/>
      <c r="C18" s="3"/>
      <c r="D18" s="3"/>
    </row>
    <row r="19" spans="1:4" x14ac:dyDescent="0.3">
      <c r="A19" s="6"/>
      <c r="B19" s="3"/>
      <c r="C19" s="3"/>
      <c r="D19" s="3"/>
    </row>
    <row r="20" spans="1:4" x14ac:dyDescent="0.3">
      <c r="A20" s="6"/>
      <c r="B20" s="3"/>
      <c r="C20" s="3"/>
      <c r="D20" s="3"/>
    </row>
    <row r="21" spans="1:4" x14ac:dyDescent="0.3">
      <c r="A21" s="6"/>
      <c r="B21" s="3"/>
      <c r="C21" s="3"/>
      <c r="D21" s="3"/>
    </row>
    <row r="22" spans="1:4" x14ac:dyDescent="0.3">
      <c r="A22" s="6"/>
      <c r="B22" s="3"/>
      <c r="C22" s="3"/>
      <c r="D22" s="3"/>
    </row>
    <row r="23" spans="1:4" x14ac:dyDescent="0.3">
      <c r="A23" s="6"/>
      <c r="B23" s="3"/>
      <c r="C23" s="3"/>
      <c r="D23" s="3"/>
    </row>
    <row r="24" spans="1:4" x14ac:dyDescent="0.3">
      <c r="A24" s="6"/>
      <c r="B24" s="3"/>
      <c r="C24" s="3"/>
      <c r="D24" s="3"/>
    </row>
    <row r="25" spans="1:4" x14ac:dyDescent="0.3">
      <c r="A25" s="6"/>
      <c r="B25" s="3"/>
      <c r="C25" s="3"/>
      <c r="D25" s="3"/>
    </row>
    <row r="26" spans="1:4" x14ac:dyDescent="0.3">
      <c r="A26" s="6"/>
      <c r="B26" s="3"/>
      <c r="C26" s="3"/>
      <c r="D26" s="3"/>
    </row>
    <row r="27" spans="1:4" x14ac:dyDescent="0.3">
      <c r="A27" s="6"/>
      <c r="B27" s="3"/>
      <c r="C27" s="3"/>
      <c r="D27" s="3"/>
    </row>
    <row r="28" spans="1:4" x14ac:dyDescent="0.3">
      <c r="A28" s="6"/>
      <c r="B28" s="3"/>
      <c r="C28" s="3"/>
      <c r="D28" s="3"/>
    </row>
    <row r="29" spans="1:4" x14ac:dyDescent="0.3">
      <c r="A29" s="6"/>
      <c r="B29" s="3"/>
      <c r="C29" s="3"/>
      <c r="D29" s="3"/>
    </row>
    <row r="30" spans="1:4" x14ac:dyDescent="0.3">
      <c r="A30" s="6"/>
      <c r="B30" s="3"/>
      <c r="C30" s="3"/>
      <c r="D30" s="3"/>
    </row>
    <row r="31" spans="1:4" x14ac:dyDescent="0.3">
      <c r="A31" s="6"/>
      <c r="B31" s="3"/>
      <c r="C31" s="3"/>
      <c r="D31" s="3"/>
    </row>
    <row r="32" spans="1:4" x14ac:dyDescent="0.3">
      <c r="A32" s="6"/>
      <c r="B32" s="3"/>
      <c r="C32" s="3"/>
      <c r="D32" s="3"/>
    </row>
    <row r="33" spans="1:4" x14ac:dyDescent="0.3">
      <c r="A33" s="6"/>
      <c r="B33" s="3"/>
      <c r="C33" s="3"/>
      <c r="D33" s="3"/>
    </row>
    <row r="34" spans="1:4" x14ac:dyDescent="0.3">
      <c r="A34" s="6"/>
      <c r="B34" s="3"/>
      <c r="C34" s="3"/>
      <c r="D34" s="3"/>
    </row>
    <row r="35" spans="1:4" x14ac:dyDescent="0.3">
      <c r="A35" s="6"/>
      <c r="B35" s="3"/>
      <c r="C35" s="3"/>
      <c r="D35" s="3"/>
    </row>
    <row r="36" spans="1:4" x14ac:dyDescent="0.3">
      <c r="A36" s="6"/>
      <c r="B36" s="3"/>
      <c r="C36" s="3"/>
      <c r="D36" s="3"/>
    </row>
    <row r="37" spans="1:4" x14ac:dyDescent="0.3">
      <c r="A37" s="6"/>
      <c r="B37" s="3"/>
      <c r="C37" s="3"/>
      <c r="D37" s="3"/>
    </row>
    <row r="38" spans="1:4" x14ac:dyDescent="0.3">
      <c r="A38" s="6"/>
      <c r="B38" s="3"/>
      <c r="C38" s="3"/>
      <c r="D38" s="3"/>
    </row>
    <row r="39" spans="1:4" x14ac:dyDescent="0.3">
      <c r="A39" s="6"/>
      <c r="B39" s="3"/>
      <c r="C39" s="3"/>
      <c r="D39" s="3"/>
    </row>
    <row r="40" spans="1:4" x14ac:dyDescent="0.3">
      <c r="A40" s="6"/>
      <c r="B40" s="3"/>
      <c r="C40" s="3"/>
      <c r="D40" s="3"/>
    </row>
    <row r="41" spans="1:4" x14ac:dyDescent="0.3">
      <c r="A41" s="6"/>
      <c r="B41" s="3"/>
      <c r="C41" s="3"/>
      <c r="D41" s="3"/>
    </row>
    <row r="42" spans="1:4" x14ac:dyDescent="0.3">
      <c r="A42" s="6"/>
      <c r="B42" s="3"/>
      <c r="C42" s="3"/>
      <c r="D42" s="3"/>
    </row>
    <row r="43" spans="1:4" x14ac:dyDescent="0.3">
      <c r="A43" s="6"/>
      <c r="B43" s="3"/>
      <c r="C43" s="3"/>
      <c r="D43" s="3"/>
    </row>
    <row r="44" spans="1:4" x14ac:dyDescent="0.3">
      <c r="A44" s="6"/>
      <c r="B44" s="3"/>
      <c r="C44" s="3"/>
      <c r="D44" s="3"/>
    </row>
    <row r="45" spans="1:4" x14ac:dyDescent="0.3">
      <c r="A45" s="6"/>
      <c r="B45" s="3"/>
      <c r="C45" s="3"/>
      <c r="D45" s="3"/>
    </row>
    <row r="46" spans="1:4" x14ac:dyDescent="0.3">
      <c r="A46" s="6"/>
      <c r="B46" s="3"/>
      <c r="C46" s="3"/>
      <c r="D46" s="3"/>
    </row>
    <row r="47" spans="1:4" x14ac:dyDescent="0.3">
      <c r="A47" s="6"/>
      <c r="B47" s="3"/>
      <c r="C47" s="3"/>
      <c r="D47" s="3"/>
    </row>
    <row r="48" spans="1:4" x14ac:dyDescent="0.3">
      <c r="A48" s="6"/>
      <c r="B48" s="3"/>
      <c r="C48" s="3"/>
      <c r="D48" s="3"/>
    </row>
    <row r="49" spans="1:4" x14ac:dyDescent="0.3">
      <c r="A49" s="6"/>
      <c r="B49" s="3"/>
      <c r="C49" s="3"/>
      <c r="D49" s="3"/>
    </row>
    <row r="50" spans="1:4" x14ac:dyDescent="0.3">
      <c r="A50" s="6"/>
      <c r="B50" s="3"/>
      <c r="C50" s="3"/>
      <c r="D50" s="3"/>
    </row>
    <row r="51" spans="1:4" x14ac:dyDescent="0.3">
      <c r="A51" s="6"/>
      <c r="B51" s="3"/>
      <c r="C51" s="3"/>
      <c r="D51" s="3"/>
    </row>
  </sheetData>
  <pageMargins left="0.7" right="0.7" top="0.75" bottom="0.75" header="0.3" footer="0.3"/>
  <pageSetup orientation="portrait" horizontalDpi="90" verticalDpi="90" r:id="rId1"/>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1860E2D-77D7-49AD-B44E-894F1B0CA3F7}">
  <dimension ref="A1:D40"/>
  <sheetViews>
    <sheetView workbookViewId="0"/>
  </sheetViews>
  <sheetFormatPr defaultColWidth="9.1796875" defaultRowHeight="14" x14ac:dyDescent="0.3"/>
  <cols>
    <col min="1" max="14" width="15.7265625" style="1" customWidth="1"/>
    <col min="15" max="16384" width="9.1796875" style="1"/>
  </cols>
  <sheetData>
    <row r="1" spans="1:4" x14ac:dyDescent="0.3">
      <c r="A1" s="1" t="s">
        <v>4</v>
      </c>
      <c r="B1" s="1">
        <v>16</v>
      </c>
    </row>
    <row r="2" spans="1:4" x14ac:dyDescent="0.3">
      <c r="A2" s="1" t="s">
        <v>3</v>
      </c>
      <c r="B2" s="14" t="s">
        <v>143</v>
      </c>
    </row>
    <row r="3" spans="1:4" x14ac:dyDescent="0.3">
      <c r="A3" s="1" t="s">
        <v>5</v>
      </c>
      <c r="B3" s="14" t="s">
        <v>142</v>
      </c>
    </row>
    <row r="4" spans="1:4" x14ac:dyDescent="0.3">
      <c r="A4" s="1" t="s">
        <v>2</v>
      </c>
      <c r="B4" s="1" t="s">
        <v>144</v>
      </c>
    </row>
    <row r="5" spans="1:4" x14ac:dyDescent="0.3">
      <c r="A5" s="1" t="s">
        <v>1</v>
      </c>
    </row>
    <row r="7" spans="1:4" x14ac:dyDescent="0.3">
      <c r="A7" s="1" t="s">
        <v>171</v>
      </c>
      <c r="B7" s="1" t="s">
        <v>152</v>
      </c>
      <c r="C7" s="1" t="s">
        <v>153</v>
      </c>
      <c r="D7" s="1" t="s">
        <v>154</v>
      </c>
    </row>
    <row r="8" spans="1:4" x14ac:dyDescent="0.3">
      <c r="A8" s="7" t="s">
        <v>151</v>
      </c>
      <c r="B8" s="3">
        <v>0.57999999999999996</v>
      </c>
      <c r="C8" s="3">
        <v>0.45</v>
      </c>
      <c r="D8" s="1">
        <v>3.9</v>
      </c>
    </row>
    <row r="9" spans="1:4" x14ac:dyDescent="0.3">
      <c r="A9" s="7" t="s">
        <v>47</v>
      </c>
      <c r="B9" s="3">
        <v>0.42</v>
      </c>
      <c r="C9" s="3">
        <v>0.36</v>
      </c>
      <c r="D9" s="1">
        <v>2.68</v>
      </c>
    </row>
    <row r="10" spans="1:4" x14ac:dyDescent="0.3">
      <c r="A10" s="7" t="s">
        <v>62</v>
      </c>
      <c r="B10" s="3">
        <v>0.32</v>
      </c>
      <c r="C10" s="3">
        <v>0.4</v>
      </c>
      <c r="D10" s="1">
        <v>2.62</v>
      </c>
    </row>
    <row r="11" spans="1:4" x14ac:dyDescent="0.3">
      <c r="A11" s="7" t="s">
        <v>61</v>
      </c>
      <c r="B11" s="3">
        <v>0.45</v>
      </c>
      <c r="C11" s="3">
        <v>0.56999999999999995</v>
      </c>
      <c r="D11" s="1">
        <v>2.11</v>
      </c>
    </row>
    <row r="12" spans="1:4" x14ac:dyDescent="0.3">
      <c r="A12" s="7" t="s">
        <v>59</v>
      </c>
      <c r="B12" s="3">
        <v>0.19</v>
      </c>
      <c r="C12" s="3">
        <v>0.66</v>
      </c>
      <c r="D12" s="1">
        <v>2.0699999999999998</v>
      </c>
    </row>
    <row r="13" spans="1:4" x14ac:dyDescent="0.3">
      <c r="A13" s="7" t="s">
        <v>148</v>
      </c>
      <c r="B13" s="3">
        <v>0.38</v>
      </c>
      <c r="C13" s="3">
        <v>0.19</v>
      </c>
      <c r="D13" s="1">
        <v>1.84</v>
      </c>
    </row>
    <row r="14" spans="1:4" x14ac:dyDescent="0.3">
      <c r="A14" s="7" t="s">
        <v>23</v>
      </c>
      <c r="B14" s="3">
        <v>0.11</v>
      </c>
      <c r="C14" s="3">
        <v>0.63</v>
      </c>
      <c r="D14" s="1">
        <v>1.56</v>
      </c>
    </row>
    <row r="15" spans="1:4" x14ac:dyDescent="0.3">
      <c r="A15" s="7" t="s">
        <v>147</v>
      </c>
      <c r="B15" s="3">
        <v>0.27</v>
      </c>
      <c r="C15" s="3">
        <v>0.49</v>
      </c>
      <c r="D15" s="1">
        <v>1.48</v>
      </c>
    </row>
    <row r="16" spans="1:4" x14ac:dyDescent="0.3">
      <c r="A16" s="7" t="s">
        <v>60</v>
      </c>
      <c r="B16" s="3">
        <v>0.28999999999999998</v>
      </c>
      <c r="C16" s="3">
        <v>0.45</v>
      </c>
      <c r="D16" s="1">
        <v>1.43</v>
      </c>
    </row>
    <row r="17" spans="1:4" x14ac:dyDescent="0.3">
      <c r="A17" s="6" t="s">
        <v>145</v>
      </c>
      <c r="B17" s="3">
        <v>0.23</v>
      </c>
      <c r="C17" s="3">
        <v>0.33</v>
      </c>
      <c r="D17" s="1">
        <v>0.78</v>
      </c>
    </row>
    <row r="18" spans="1:4" x14ac:dyDescent="0.3">
      <c r="A18" s="7"/>
      <c r="B18" s="3"/>
      <c r="C18" s="3"/>
    </row>
    <row r="19" spans="1:4" x14ac:dyDescent="0.3">
      <c r="A19" s="7"/>
      <c r="B19" s="3"/>
      <c r="C19" s="3"/>
    </row>
    <row r="20" spans="1:4" x14ac:dyDescent="0.3">
      <c r="A20" s="7"/>
      <c r="B20" s="3"/>
      <c r="C20" s="3"/>
    </row>
    <row r="21" spans="1:4" x14ac:dyDescent="0.3">
      <c r="A21" s="7"/>
      <c r="B21" s="3"/>
      <c r="C21" s="3"/>
    </row>
    <row r="22" spans="1:4" x14ac:dyDescent="0.3">
      <c r="A22" s="7"/>
      <c r="B22" s="3"/>
      <c r="C22" s="3"/>
    </row>
    <row r="23" spans="1:4" x14ac:dyDescent="0.3">
      <c r="A23" s="7"/>
      <c r="B23" s="3"/>
      <c r="C23" s="3"/>
    </row>
    <row r="24" spans="1:4" x14ac:dyDescent="0.3">
      <c r="A24" s="7"/>
      <c r="B24" s="3"/>
      <c r="C24" s="3"/>
    </row>
    <row r="25" spans="1:4" x14ac:dyDescent="0.3">
      <c r="A25" s="7"/>
      <c r="B25" s="3"/>
      <c r="C25" s="3"/>
    </row>
    <row r="26" spans="1:4" x14ac:dyDescent="0.3">
      <c r="A26" s="7"/>
      <c r="B26" s="3"/>
      <c r="C26" s="3"/>
    </row>
    <row r="27" spans="1:4" x14ac:dyDescent="0.3">
      <c r="A27" s="7"/>
      <c r="B27" s="3"/>
      <c r="C27" s="3"/>
    </row>
    <row r="28" spans="1:4" x14ac:dyDescent="0.3">
      <c r="A28" s="7"/>
      <c r="B28" s="3"/>
      <c r="C28" s="3"/>
    </row>
    <row r="29" spans="1:4" x14ac:dyDescent="0.3">
      <c r="A29" s="7"/>
      <c r="B29" s="3"/>
      <c r="C29" s="3"/>
    </row>
    <row r="30" spans="1:4" x14ac:dyDescent="0.3">
      <c r="A30" s="7"/>
      <c r="B30" s="3"/>
      <c r="C30" s="3"/>
    </row>
    <row r="31" spans="1:4" x14ac:dyDescent="0.3">
      <c r="A31" s="7"/>
      <c r="B31" s="3"/>
      <c r="C31" s="3"/>
    </row>
    <row r="32" spans="1:4" x14ac:dyDescent="0.3">
      <c r="A32" s="7"/>
      <c r="B32" s="3"/>
      <c r="C32" s="3"/>
    </row>
    <row r="33" spans="1:4" x14ac:dyDescent="0.3">
      <c r="A33" s="7"/>
      <c r="B33" s="3"/>
      <c r="C33" s="3"/>
    </row>
    <row r="34" spans="1:4" x14ac:dyDescent="0.3">
      <c r="A34" s="7"/>
      <c r="B34" s="3"/>
      <c r="C34" s="3"/>
    </row>
    <row r="35" spans="1:4" x14ac:dyDescent="0.3">
      <c r="A35" s="7"/>
      <c r="B35" s="3"/>
      <c r="C35" s="3"/>
    </row>
    <row r="36" spans="1:4" x14ac:dyDescent="0.3">
      <c r="A36" s="7"/>
      <c r="B36" s="3"/>
      <c r="C36" s="3"/>
    </row>
    <row r="37" spans="1:4" x14ac:dyDescent="0.3">
      <c r="A37" s="7"/>
      <c r="B37" s="3"/>
      <c r="C37" s="3"/>
    </row>
    <row r="38" spans="1:4" x14ac:dyDescent="0.3">
      <c r="A38" s="6"/>
      <c r="B38" s="3"/>
      <c r="C38" s="3"/>
      <c r="D38" s="3"/>
    </row>
    <row r="39" spans="1:4" x14ac:dyDescent="0.3">
      <c r="A39" s="6"/>
      <c r="B39" s="3"/>
      <c r="C39" s="3"/>
      <c r="D39" s="3"/>
    </row>
    <row r="40" spans="1:4" x14ac:dyDescent="0.3">
      <c r="A40" s="6"/>
      <c r="B40" s="3"/>
      <c r="C40" s="3"/>
      <c r="D40" s="3"/>
    </row>
  </sheetData>
  <sortState xmlns:xlrd2="http://schemas.microsoft.com/office/spreadsheetml/2017/richdata2" ref="A8:E17">
    <sortCondition ref="E8:E17"/>
  </sortState>
  <pageMargins left="0.7" right="0.7" top="0.75" bottom="0.75" header="0.3" footer="0.3"/>
  <pageSetup orientation="portrait" horizontalDpi="90" verticalDpi="90" r:id="rId1"/>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A4D892D-AF32-4DEA-8C6E-26D764E5D39D}">
  <dimension ref="A1:E113"/>
  <sheetViews>
    <sheetView workbookViewId="0"/>
  </sheetViews>
  <sheetFormatPr defaultColWidth="9.1796875" defaultRowHeight="14" x14ac:dyDescent="0.3"/>
  <cols>
    <col min="1" max="14" width="15.7265625" style="1" customWidth="1"/>
    <col min="15" max="16384" width="9.1796875" style="1"/>
  </cols>
  <sheetData>
    <row r="1" spans="1:5" x14ac:dyDescent="0.3">
      <c r="A1" s="1" t="s">
        <v>4</v>
      </c>
      <c r="B1" s="1">
        <v>17</v>
      </c>
    </row>
    <row r="2" spans="1:5" x14ac:dyDescent="0.3">
      <c r="A2" s="1" t="s">
        <v>3</v>
      </c>
      <c r="B2" s="1" t="s">
        <v>155</v>
      </c>
    </row>
    <row r="3" spans="1:5" x14ac:dyDescent="0.3">
      <c r="A3" s="1" t="s">
        <v>5</v>
      </c>
      <c r="B3" s="1" t="s">
        <v>156</v>
      </c>
    </row>
    <row r="4" spans="1:5" x14ac:dyDescent="0.3">
      <c r="A4" s="1" t="s">
        <v>2</v>
      </c>
      <c r="B4" s="1" t="s">
        <v>157</v>
      </c>
    </row>
    <row r="5" spans="1:5" x14ac:dyDescent="0.3">
      <c r="A5" s="1" t="s">
        <v>1</v>
      </c>
      <c r="B5" s="14" t="s">
        <v>158</v>
      </c>
    </row>
    <row r="7" spans="1:5" x14ac:dyDescent="0.3">
      <c r="A7" s="1" t="s">
        <v>8</v>
      </c>
      <c r="B7" s="1" t="s">
        <v>18</v>
      </c>
      <c r="C7" s="1" t="s">
        <v>21</v>
      </c>
      <c r="D7" s="1" t="s">
        <v>22</v>
      </c>
      <c r="E7" s="1" t="s">
        <v>159</v>
      </c>
    </row>
    <row r="8" spans="1:5" x14ac:dyDescent="0.3">
      <c r="A8" s="5">
        <v>36250</v>
      </c>
      <c r="B8" s="3">
        <v>27.527417771661352</v>
      </c>
      <c r="C8" s="3">
        <v>4.2727016152195798</v>
      </c>
      <c r="D8" s="3">
        <v>5.2275468993129008</v>
      </c>
      <c r="E8" s="3">
        <v>10.293496911676186</v>
      </c>
    </row>
    <row r="9" spans="1:5" x14ac:dyDescent="0.3">
      <c r="A9" s="5">
        <v>36341</v>
      </c>
      <c r="B9" s="3">
        <v>27.868614467762615</v>
      </c>
      <c r="C9" s="3">
        <v>4.187673932781669</v>
      </c>
      <c r="D9" s="3">
        <v>4.9024746128880654</v>
      </c>
      <c r="E9" s="3">
        <v>10.238258691410335</v>
      </c>
    </row>
    <row r="10" spans="1:5" x14ac:dyDescent="0.3">
      <c r="A10" s="5">
        <v>36433</v>
      </c>
      <c r="B10" s="3">
        <v>28.572987311509358</v>
      </c>
      <c r="C10" s="3">
        <v>4.1052710700958484</v>
      </c>
      <c r="D10" s="3">
        <v>4.5865753683735795</v>
      </c>
      <c r="E10" s="3">
        <v>10.222563836468074</v>
      </c>
    </row>
    <row r="11" spans="1:5" x14ac:dyDescent="0.3">
      <c r="A11" s="5">
        <v>36525</v>
      </c>
      <c r="B11" s="3">
        <v>29.063199910506661</v>
      </c>
      <c r="C11" s="3">
        <v>4.0091111835732125</v>
      </c>
      <c r="D11" s="3">
        <v>4.262834320695573</v>
      </c>
      <c r="E11" s="3">
        <v>9.9830295875451931</v>
      </c>
    </row>
    <row r="12" spans="1:5" x14ac:dyDescent="0.3">
      <c r="A12" s="5">
        <v>36616</v>
      </c>
      <c r="B12" s="3">
        <v>29.245968259899808</v>
      </c>
      <c r="C12" s="3">
        <v>3.7969007275232678</v>
      </c>
      <c r="D12" s="3">
        <v>3.9699648499994162</v>
      </c>
      <c r="E12" s="3">
        <v>9.4507958380530876</v>
      </c>
    </row>
    <row r="13" spans="1:5" x14ac:dyDescent="0.3">
      <c r="A13" s="5">
        <v>36707</v>
      </c>
      <c r="B13" s="3">
        <v>29.421990339403465</v>
      </c>
      <c r="C13" s="3">
        <v>3.69750285718212</v>
      </c>
      <c r="D13" s="3">
        <v>3.6837608990905117</v>
      </c>
      <c r="E13" s="3">
        <v>8.8695178175938292</v>
      </c>
    </row>
    <row r="14" spans="1:5" x14ac:dyDescent="0.3">
      <c r="A14" s="5">
        <v>36799</v>
      </c>
      <c r="B14" s="3">
        <v>29.546436285097194</v>
      </c>
      <c r="C14" s="3">
        <v>3.6341342692584591</v>
      </c>
      <c r="D14" s="3">
        <v>3.4132019438444927</v>
      </c>
      <c r="E14" s="3">
        <v>8.470347372210222</v>
      </c>
    </row>
    <row r="15" spans="1:5" x14ac:dyDescent="0.3">
      <c r="A15" s="5">
        <v>36891</v>
      </c>
      <c r="B15" s="3">
        <v>29.588603046057969</v>
      </c>
      <c r="C15" s="3">
        <v>3.5053771525749076</v>
      </c>
      <c r="D15" s="3">
        <v>3.1526500969722973</v>
      </c>
      <c r="E15" s="3">
        <v>8.1222315349044969</v>
      </c>
    </row>
    <row r="16" spans="1:5" x14ac:dyDescent="0.3">
      <c r="A16" s="5">
        <v>36981</v>
      </c>
      <c r="B16" s="3">
        <v>29.197124584714008</v>
      </c>
      <c r="C16" s="3">
        <v>3.324021680475219</v>
      </c>
      <c r="D16" s="3">
        <v>2.8691304621079299</v>
      </c>
      <c r="E16" s="3">
        <v>8.1189088678864998</v>
      </c>
    </row>
    <row r="17" spans="1:5" x14ac:dyDescent="0.3">
      <c r="A17" s="5">
        <v>37072</v>
      </c>
      <c r="B17" s="3">
        <v>28.621099086293551</v>
      </c>
      <c r="C17" s="3">
        <v>3.1541384901500997</v>
      </c>
      <c r="D17" s="3">
        <v>2.5994033458593817</v>
      </c>
      <c r="E17" s="3">
        <v>8.1612242900368983</v>
      </c>
    </row>
    <row r="18" spans="1:5" x14ac:dyDescent="0.3">
      <c r="A18" s="5">
        <v>37164</v>
      </c>
      <c r="B18" s="3">
        <v>27.99206981915831</v>
      </c>
      <c r="C18" s="3">
        <v>3.0019300969244327</v>
      </c>
      <c r="D18" s="3">
        <v>2.3488440397767802</v>
      </c>
      <c r="E18" s="3">
        <v>8.1653589560693156</v>
      </c>
    </row>
    <row r="19" spans="1:5" x14ac:dyDescent="0.3">
      <c r="A19" s="5">
        <v>37256</v>
      </c>
      <c r="B19" s="3">
        <v>28.070509648176483</v>
      </c>
      <c r="C19" s="3">
        <v>2.8562495211630408</v>
      </c>
      <c r="D19" s="3">
        <v>2.105433168854995</v>
      </c>
      <c r="E19" s="3">
        <v>9.1392116221236144</v>
      </c>
    </row>
    <row r="20" spans="1:5" x14ac:dyDescent="0.3">
      <c r="A20" s="5">
        <v>37346</v>
      </c>
      <c r="B20" s="3">
        <v>27.598097234672341</v>
      </c>
      <c r="C20" s="3">
        <v>2.5749690769865086</v>
      </c>
      <c r="D20" s="3">
        <v>1.8629705374963335</v>
      </c>
      <c r="E20" s="3">
        <v>9.0237763614843871</v>
      </c>
    </row>
    <row r="21" spans="1:5" x14ac:dyDescent="0.3">
      <c r="A21" s="5">
        <v>37437</v>
      </c>
      <c r="B21" s="3">
        <v>27.702329734556375</v>
      </c>
      <c r="C21" s="3">
        <v>2.2895527234353437</v>
      </c>
      <c r="D21" s="3">
        <v>1.6216819547041155</v>
      </c>
      <c r="E21" s="3">
        <v>8.8962172254241416</v>
      </c>
    </row>
    <row r="22" spans="1:5" x14ac:dyDescent="0.3">
      <c r="A22" s="5">
        <v>37529</v>
      </c>
      <c r="B22" s="3">
        <v>27.807137796279164</v>
      </c>
      <c r="C22" s="3">
        <v>2.0322306767478691</v>
      </c>
      <c r="D22" s="3">
        <v>1.3859311430068184</v>
      </c>
      <c r="E22" s="3">
        <v>9.0512041844884088</v>
      </c>
    </row>
    <row r="23" spans="1:5" x14ac:dyDescent="0.3">
      <c r="A23" s="5">
        <v>37621</v>
      </c>
      <c r="B23" s="3">
        <v>28.96275807763357</v>
      </c>
      <c r="C23" s="3">
        <v>1.869950546926731</v>
      </c>
      <c r="D23" s="3">
        <v>1.1570865836417108</v>
      </c>
      <c r="E23" s="3">
        <v>8.9932213298442427</v>
      </c>
    </row>
    <row r="24" spans="1:5" x14ac:dyDescent="0.3">
      <c r="A24" s="5">
        <v>37711</v>
      </c>
      <c r="B24" s="3">
        <v>29.585937746630048</v>
      </c>
      <c r="C24" s="3">
        <v>1.6749139754395934</v>
      </c>
      <c r="D24" s="3">
        <v>1.0648498910881714</v>
      </c>
      <c r="E24" s="3">
        <v>9.0416548284244094</v>
      </c>
    </row>
    <row r="25" spans="1:5" x14ac:dyDescent="0.3">
      <c r="A25" s="5">
        <v>37802</v>
      </c>
      <c r="B25" s="3">
        <v>30.253207537541488</v>
      </c>
      <c r="C25" s="3">
        <v>1.5821300365257907</v>
      </c>
      <c r="D25" s="3">
        <v>0.97644174813494722</v>
      </c>
      <c r="E25" s="3">
        <v>9.3950379094921921</v>
      </c>
    </row>
    <row r="26" spans="1:5" x14ac:dyDescent="0.3">
      <c r="A26" s="5">
        <v>37894</v>
      </c>
      <c r="B26" s="3">
        <v>31.094153052450558</v>
      </c>
      <c r="C26" s="3">
        <v>1.6237395450637067</v>
      </c>
      <c r="D26" s="3">
        <v>0.88954897209411399</v>
      </c>
      <c r="E26" s="3">
        <v>9.680684749472368</v>
      </c>
    </row>
    <row r="27" spans="1:5" x14ac:dyDescent="0.3">
      <c r="A27" s="5">
        <v>37986</v>
      </c>
      <c r="B27" s="3">
        <v>31.818543758897345</v>
      </c>
      <c r="C27" s="3">
        <v>1.5820516953744508</v>
      </c>
      <c r="D27" s="3">
        <v>0.80112487643255703</v>
      </c>
      <c r="E27" s="3">
        <v>9.8797632943031779</v>
      </c>
    </row>
    <row r="28" spans="1:5" x14ac:dyDescent="0.3">
      <c r="A28" s="5">
        <v>38077</v>
      </c>
      <c r="B28" s="3">
        <v>32.126138682284719</v>
      </c>
      <c r="C28" s="3">
        <v>1.2887209888173148</v>
      </c>
      <c r="D28" s="3">
        <v>0.74918007153984401</v>
      </c>
      <c r="E28" s="3">
        <v>9.420249289137951</v>
      </c>
    </row>
    <row r="29" spans="1:5" x14ac:dyDescent="0.3">
      <c r="A29" s="5">
        <v>38168</v>
      </c>
      <c r="B29" s="3">
        <v>31.72672856563306</v>
      </c>
      <c r="C29" s="3">
        <v>1.3244107988946978</v>
      </c>
      <c r="D29" s="3">
        <v>0.69578928836600507</v>
      </c>
      <c r="E29" s="3">
        <v>9.121613863735524</v>
      </c>
    </row>
    <row r="30" spans="1:5" x14ac:dyDescent="0.3">
      <c r="A30" s="5">
        <v>38260</v>
      </c>
      <c r="B30" s="3">
        <v>31.726864937821169</v>
      </c>
      <c r="C30" s="3">
        <v>1.2414884953501131</v>
      </c>
      <c r="D30" s="3">
        <v>0.64390351318464578</v>
      </c>
      <c r="E30" s="3">
        <v>8.8122903564438761</v>
      </c>
    </row>
    <row r="31" spans="1:5" x14ac:dyDescent="0.3">
      <c r="A31" s="5">
        <v>38352</v>
      </c>
      <c r="B31" s="3">
        <v>31.080773477960694</v>
      </c>
      <c r="C31" s="3">
        <v>1.177448817001616</v>
      </c>
      <c r="D31" s="3">
        <v>0.59145216179151316</v>
      </c>
      <c r="E31" s="3">
        <v>8.5980664932191821</v>
      </c>
    </row>
    <row r="32" spans="1:5" x14ac:dyDescent="0.3">
      <c r="A32" s="5">
        <v>38442</v>
      </c>
      <c r="B32" s="3">
        <v>30.121237458193978</v>
      </c>
      <c r="C32" s="3">
        <v>1.1653428093645484</v>
      </c>
      <c r="D32" s="3">
        <v>0.57408623984710938</v>
      </c>
      <c r="E32" s="3">
        <v>8.7197279622551367</v>
      </c>
    </row>
    <row r="33" spans="1:5" x14ac:dyDescent="0.3">
      <c r="A33" s="5">
        <v>38533</v>
      </c>
      <c r="B33" s="3">
        <v>30.843207428990578</v>
      </c>
      <c r="C33" s="3">
        <v>0.81480920346395525</v>
      </c>
      <c r="D33" s="3">
        <v>0.5790503500353823</v>
      </c>
      <c r="E33" s="3">
        <v>8.8758773980056578</v>
      </c>
    </row>
    <row r="34" spans="1:5" x14ac:dyDescent="0.3">
      <c r="A34" s="5">
        <v>38625</v>
      </c>
      <c r="B34" s="3">
        <v>30.76910417466674</v>
      </c>
      <c r="C34" s="3">
        <v>0.759229798672445</v>
      </c>
      <c r="D34" s="3">
        <v>0.59575401832245323</v>
      </c>
      <c r="E34" s="3">
        <v>8.8532923729588386</v>
      </c>
    </row>
    <row r="35" spans="1:5" x14ac:dyDescent="0.3">
      <c r="A35" s="5">
        <v>38717</v>
      </c>
      <c r="B35" s="3">
        <v>30.954834557294774</v>
      </c>
      <c r="C35" s="3">
        <v>0.42160680645499549</v>
      </c>
      <c r="D35" s="3">
        <v>0.48849982463181724</v>
      </c>
      <c r="E35" s="3">
        <v>8.8622401567827715</v>
      </c>
    </row>
    <row r="36" spans="1:5" x14ac:dyDescent="0.3">
      <c r="A36" s="5">
        <v>38807</v>
      </c>
      <c r="B36" s="3">
        <v>30.331692839833028</v>
      </c>
      <c r="C36" s="3">
        <v>0.40656482084458723</v>
      </c>
      <c r="D36" s="3">
        <v>0.46243412226480629</v>
      </c>
      <c r="E36" s="3">
        <v>8.9330386850430408</v>
      </c>
    </row>
    <row r="37" spans="1:5" x14ac:dyDescent="0.3">
      <c r="A37" s="5">
        <v>38898</v>
      </c>
      <c r="B37" s="3">
        <v>30.022731614470416</v>
      </c>
      <c r="C37" s="3">
        <v>0.38032076639016005</v>
      </c>
      <c r="D37" s="3">
        <v>0.40363074884633116</v>
      </c>
      <c r="E37" s="3">
        <v>9.0209632105382145</v>
      </c>
    </row>
    <row r="38" spans="1:5" x14ac:dyDescent="0.3">
      <c r="A38" s="5">
        <v>38990</v>
      </c>
      <c r="B38" s="3">
        <v>30.847547863844731</v>
      </c>
      <c r="C38" s="3">
        <v>0.36576343610202655</v>
      </c>
      <c r="D38" s="3">
        <v>0.38581473978247793</v>
      </c>
      <c r="E38" s="3">
        <v>9.3732930463461681</v>
      </c>
    </row>
    <row r="39" spans="1:5" x14ac:dyDescent="0.3">
      <c r="A39" s="5">
        <v>39082</v>
      </c>
      <c r="B39" s="3">
        <v>31.647952826141722</v>
      </c>
      <c r="C39" s="3">
        <v>0.35152286856279064</v>
      </c>
      <c r="D39" s="3">
        <v>0.38573889596284922</v>
      </c>
      <c r="E39" s="3">
        <v>9.5336746992053722</v>
      </c>
    </row>
    <row r="40" spans="1:5" x14ac:dyDescent="0.3">
      <c r="A40" s="5">
        <v>39172</v>
      </c>
      <c r="B40" s="3">
        <v>31.12967738584171</v>
      </c>
      <c r="C40" s="3">
        <v>0.33027190879066193</v>
      </c>
      <c r="D40" s="3">
        <v>0.40366566629969791</v>
      </c>
      <c r="E40" s="3">
        <v>10.289034000747343</v>
      </c>
    </row>
    <row r="41" spans="1:5" x14ac:dyDescent="0.3">
      <c r="A41" s="5">
        <v>39263</v>
      </c>
      <c r="B41" s="3">
        <v>30.950492562813736</v>
      </c>
      <c r="C41" s="3">
        <v>0.32485021530001557</v>
      </c>
      <c r="D41" s="3">
        <v>0.38813487067128</v>
      </c>
      <c r="E41" s="3">
        <v>10.647684574737031</v>
      </c>
    </row>
    <row r="42" spans="1:5" x14ac:dyDescent="0.3">
      <c r="A42" s="5">
        <v>39355</v>
      </c>
      <c r="B42" s="3">
        <v>30.636948590813773</v>
      </c>
      <c r="C42" s="3">
        <v>0.32864989579989673</v>
      </c>
      <c r="D42" s="3">
        <v>0.3745989640277454</v>
      </c>
      <c r="E42" s="3">
        <v>10.658228549361844</v>
      </c>
    </row>
    <row r="43" spans="1:5" x14ac:dyDescent="0.3">
      <c r="A43" s="5">
        <v>39447</v>
      </c>
      <c r="B43" s="3">
        <v>30.675765725984505</v>
      </c>
      <c r="C43" s="3">
        <v>0.33575528882822847</v>
      </c>
      <c r="D43" s="3">
        <v>0.37011761872265264</v>
      </c>
      <c r="E43" s="3">
        <v>10.580225603147204</v>
      </c>
    </row>
    <row r="44" spans="1:5" x14ac:dyDescent="0.3">
      <c r="A44" s="5">
        <v>39538</v>
      </c>
      <c r="B44" s="3">
        <v>31.502084687455412</v>
      </c>
      <c r="C44" s="3">
        <v>0.31991629543905259</v>
      </c>
      <c r="D44" s="3">
        <v>0.36937808145341555</v>
      </c>
      <c r="E44" s="3">
        <v>10.427083498470173</v>
      </c>
    </row>
    <row r="45" spans="1:5" x14ac:dyDescent="0.3">
      <c r="A45" s="5">
        <v>39629</v>
      </c>
      <c r="B45" s="3">
        <v>32.362482325412614</v>
      </c>
      <c r="C45" s="3">
        <v>0.30406546792297012</v>
      </c>
      <c r="D45" s="3">
        <v>0.3630328966302539</v>
      </c>
      <c r="E45" s="3">
        <v>10.006006231465145</v>
      </c>
    </row>
    <row r="46" spans="1:5" x14ac:dyDescent="0.3">
      <c r="A46" s="5">
        <v>39721</v>
      </c>
      <c r="B46" s="3">
        <v>32.736470148342825</v>
      </c>
      <c r="C46" s="3">
        <v>0.29464615422648049</v>
      </c>
      <c r="D46" s="3">
        <v>0.35938487400670871</v>
      </c>
      <c r="E46" s="3">
        <v>9.7023100443900585</v>
      </c>
    </row>
    <row r="47" spans="1:5" x14ac:dyDescent="0.3">
      <c r="A47" s="5">
        <v>39813</v>
      </c>
      <c r="B47" s="3">
        <v>31.811809936757157</v>
      </c>
      <c r="C47" s="3">
        <v>0.29111053448569707</v>
      </c>
      <c r="D47" s="3">
        <v>0.35559704528949065</v>
      </c>
      <c r="E47" s="3">
        <v>11.390620897621522</v>
      </c>
    </row>
    <row r="48" spans="1:5" x14ac:dyDescent="0.3">
      <c r="A48" s="5">
        <v>39903</v>
      </c>
      <c r="B48" s="3">
        <v>32.576920406951182</v>
      </c>
      <c r="C48" s="3">
        <v>0.29788579758883738</v>
      </c>
      <c r="D48" s="3">
        <v>0.34740487631800199</v>
      </c>
      <c r="E48" s="3">
        <v>11.210749188180213</v>
      </c>
    </row>
    <row r="49" spans="1:5" x14ac:dyDescent="0.3">
      <c r="A49" s="5">
        <v>39994</v>
      </c>
      <c r="B49" s="3">
        <v>33.457700204699044</v>
      </c>
      <c r="C49" s="3">
        <v>0.2986362744151122</v>
      </c>
      <c r="D49" s="3">
        <v>0.33290856464532853</v>
      </c>
      <c r="E49" s="3">
        <v>10.968067572493682</v>
      </c>
    </row>
    <row r="50" spans="1:5" x14ac:dyDescent="0.3">
      <c r="A50" s="5">
        <v>40086</v>
      </c>
      <c r="B50" s="3">
        <v>34.199131473614457</v>
      </c>
      <c r="C50" s="3">
        <v>0.29590967829266412</v>
      </c>
      <c r="D50" s="3">
        <v>0.33636116091033147</v>
      </c>
      <c r="E50" s="3">
        <v>10.732706991180947</v>
      </c>
    </row>
    <row r="51" spans="1:5" x14ac:dyDescent="0.3">
      <c r="A51" s="5">
        <v>40178</v>
      </c>
      <c r="B51" s="3">
        <v>34.666194838560202</v>
      </c>
      <c r="C51" s="3">
        <v>0.28896826744401938</v>
      </c>
      <c r="D51" s="3">
        <v>0.33689161547701979</v>
      </c>
      <c r="E51" s="3">
        <v>13.980446639256206</v>
      </c>
    </row>
    <row r="52" spans="1:5" x14ac:dyDescent="0.3">
      <c r="A52" s="5">
        <v>40268</v>
      </c>
      <c r="B52" s="3">
        <v>34.896710278412421</v>
      </c>
      <c r="C52" s="3">
        <v>0.28920804058770128</v>
      </c>
      <c r="D52" s="3">
        <v>0.33929079637941423</v>
      </c>
      <c r="E52" s="3">
        <v>15.23612826909226</v>
      </c>
    </row>
    <row r="53" spans="1:5" x14ac:dyDescent="0.3">
      <c r="A53" s="5">
        <v>40359</v>
      </c>
      <c r="B53" s="3">
        <v>34.255552889775608</v>
      </c>
      <c r="C53" s="3">
        <v>0.28537875822358039</v>
      </c>
      <c r="D53" s="3">
        <v>0.34109706665993206</v>
      </c>
      <c r="E53" s="3">
        <v>15.5976538330408</v>
      </c>
    </row>
    <row r="54" spans="1:5" x14ac:dyDescent="0.3">
      <c r="A54" s="5">
        <v>40451</v>
      </c>
      <c r="B54" s="3">
        <v>36.288318793550758</v>
      </c>
      <c r="C54" s="3">
        <v>0.29346062501469655</v>
      </c>
      <c r="D54" s="3">
        <v>0.34378159757330634</v>
      </c>
      <c r="E54" s="3">
        <v>13.165283231829191</v>
      </c>
    </row>
    <row r="55" spans="1:5" x14ac:dyDescent="0.3">
      <c r="A55" s="5">
        <v>40543</v>
      </c>
      <c r="B55" s="3">
        <v>35.997213159114303</v>
      </c>
      <c r="C55" s="3">
        <v>0.28397162149973093</v>
      </c>
      <c r="D55" s="3">
        <v>0.31802955419876772</v>
      </c>
      <c r="E55" s="3">
        <v>12.661464148971573</v>
      </c>
    </row>
    <row r="56" spans="1:5" x14ac:dyDescent="0.3">
      <c r="A56" s="5">
        <v>40633</v>
      </c>
      <c r="B56" s="3">
        <v>35.826645363864607</v>
      </c>
      <c r="C56" s="3">
        <v>0.25862547576600642</v>
      </c>
      <c r="D56" s="3">
        <v>0.23163712856323293</v>
      </c>
      <c r="E56" s="3">
        <v>12.093092833745613</v>
      </c>
    </row>
    <row r="57" spans="1:5" x14ac:dyDescent="0.3">
      <c r="A57" s="5">
        <v>40724</v>
      </c>
      <c r="B57" s="3">
        <v>35.753432223933821</v>
      </c>
      <c r="C57" s="3">
        <v>0.26850209585064533</v>
      </c>
      <c r="D57" s="3">
        <v>0.21572225529486133</v>
      </c>
      <c r="E57" s="3">
        <v>11.768830435556428</v>
      </c>
    </row>
    <row r="58" spans="1:5" x14ac:dyDescent="0.3">
      <c r="A58" s="5">
        <v>40816</v>
      </c>
      <c r="B58" s="3">
        <v>36.019794116748635</v>
      </c>
      <c r="C58" s="3">
        <v>0.26346335950148153</v>
      </c>
      <c r="D58" s="3">
        <v>0.18923542169410759</v>
      </c>
      <c r="E58" s="3">
        <v>11.187036075388704</v>
      </c>
    </row>
    <row r="59" spans="1:5" x14ac:dyDescent="0.3">
      <c r="A59" s="5">
        <v>40908</v>
      </c>
      <c r="B59" s="3">
        <v>36.574884948926318</v>
      </c>
      <c r="C59" s="3">
        <v>0.3428285719947623</v>
      </c>
      <c r="D59" s="3">
        <v>0.16996614396361048</v>
      </c>
      <c r="E59" s="3">
        <v>11.043531149535147</v>
      </c>
    </row>
    <row r="60" spans="1:5" x14ac:dyDescent="0.3">
      <c r="A60" s="5">
        <v>40999</v>
      </c>
      <c r="B60" s="3">
        <v>36.661980861812417</v>
      </c>
      <c r="C60" s="3">
        <v>0.363238718658286</v>
      </c>
      <c r="D60" s="3">
        <v>0.15976411566982895</v>
      </c>
      <c r="E60" s="3">
        <v>10.592863463363148</v>
      </c>
    </row>
    <row r="61" spans="1:5" x14ac:dyDescent="0.3">
      <c r="A61" s="5">
        <v>41090</v>
      </c>
      <c r="B61" s="3">
        <v>36.855694008347719</v>
      </c>
      <c r="C61" s="3">
        <v>0.3285867424904777</v>
      </c>
      <c r="D61" s="3">
        <v>0.15326952171698358</v>
      </c>
      <c r="E61" s="3">
        <v>10.538648095915093</v>
      </c>
    </row>
    <row r="62" spans="1:5" x14ac:dyDescent="0.3">
      <c r="A62" s="5">
        <v>41182</v>
      </c>
      <c r="B62" s="3">
        <v>37.066361047567298</v>
      </c>
      <c r="C62" s="3">
        <v>0.31977376881010977</v>
      </c>
      <c r="D62" s="3">
        <v>0.14459070936202015</v>
      </c>
      <c r="E62" s="3">
        <v>10.389983973261373</v>
      </c>
    </row>
    <row r="63" spans="1:5" x14ac:dyDescent="0.3">
      <c r="A63" s="5">
        <v>41274</v>
      </c>
      <c r="B63" s="3">
        <v>37.059729700166507</v>
      </c>
      <c r="C63" s="3">
        <v>0.3147826298326426</v>
      </c>
      <c r="D63" s="3">
        <v>0.13414723076362134</v>
      </c>
      <c r="E63" s="3">
        <v>10.350605865409158</v>
      </c>
    </row>
    <row r="64" spans="1:5" x14ac:dyDescent="0.3">
      <c r="A64" s="5">
        <v>41364</v>
      </c>
      <c r="B64" s="3">
        <v>37.11523163526175</v>
      </c>
      <c r="C64" s="3">
        <v>0.30605366869690365</v>
      </c>
      <c r="D64" s="3">
        <v>0.12676330027872745</v>
      </c>
      <c r="E64" s="3">
        <v>10.247180844926735</v>
      </c>
    </row>
    <row r="65" spans="1:5" x14ac:dyDescent="0.3">
      <c r="A65" s="5">
        <v>41455</v>
      </c>
      <c r="B65" s="3">
        <v>36.829161176987263</v>
      </c>
      <c r="C65" s="3">
        <v>0.3399815243893205</v>
      </c>
      <c r="D65" s="3">
        <v>0.11463964987203368</v>
      </c>
      <c r="E65" s="3">
        <v>10.146441930549877</v>
      </c>
    </row>
    <row r="66" spans="1:5" x14ac:dyDescent="0.3">
      <c r="A66" s="5">
        <v>41547</v>
      </c>
      <c r="B66" s="3">
        <v>36.298037063946914</v>
      </c>
      <c r="C66" s="3">
        <v>0.33630090112361583</v>
      </c>
      <c r="D66" s="3">
        <v>0.10310614808092927</v>
      </c>
      <c r="E66" s="3">
        <v>10.604557774113122</v>
      </c>
    </row>
    <row r="67" spans="1:5" x14ac:dyDescent="0.3">
      <c r="A67" s="5">
        <v>41639</v>
      </c>
      <c r="B67" s="3">
        <v>35.390126012858211</v>
      </c>
      <c r="C67" s="3">
        <v>0.34737299174989145</v>
      </c>
      <c r="D67" s="3">
        <v>9.3153656957150818E-2</v>
      </c>
      <c r="E67" s="3">
        <v>11.46105501023939</v>
      </c>
    </row>
    <row r="68" spans="1:5" x14ac:dyDescent="0.3">
      <c r="A68" s="5">
        <v>41729</v>
      </c>
      <c r="B68" s="3">
        <v>34.82853863261353</v>
      </c>
      <c r="C68" s="3">
        <v>0.36797235574048831</v>
      </c>
      <c r="D68" s="3">
        <v>8.4744242772078343E-2</v>
      </c>
      <c r="E68" s="3">
        <v>11.89453451945381</v>
      </c>
    </row>
    <row r="69" spans="1:5" x14ac:dyDescent="0.3">
      <c r="A69" s="5">
        <v>41820</v>
      </c>
      <c r="B69" s="3">
        <v>33.996961391801719</v>
      </c>
      <c r="C69" s="3">
        <v>0.37118684461391799</v>
      </c>
      <c r="D69" s="3">
        <v>7.70078646329838E-2</v>
      </c>
      <c r="E69" s="3">
        <v>12.540961630123929</v>
      </c>
    </row>
    <row r="70" spans="1:5" x14ac:dyDescent="0.3">
      <c r="A70" s="5">
        <v>41912</v>
      </c>
      <c r="B70" s="3">
        <v>33.67007162424931</v>
      </c>
      <c r="C70" s="3">
        <v>0.37095101992990342</v>
      </c>
      <c r="D70" s="3">
        <v>4.7759387611926794E-2</v>
      </c>
      <c r="E70" s="3">
        <v>13.048250330385205</v>
      </c>
    </row>
    <row r="71" spans="1:5" x14ac:dyDescent="0.3">
      <c r="A71" s="5">
        <v>42004</v>
      </c>
      <c r="B71" s="3">
        <v>34.7348396099772</v>
      </c>
      <c r="C71" s="3">
        <v>0.39152583083195924</v>
      </c>
      <c r="D71" s="3">
        <v>4.3322767882798652E-2</v>
      </c>
      <c r="E71" s="3">
        <v>11.17093779056831</v>
      </c>
    </row>
    <row r="72" spans="1:5" x14ac:dyDescent="0.3">
      <c r="A72" s="5">
        <v>42094</v>
      </c>
      <c r="B72" s="3">
        <v>34.715914261975989</v>
      </c>
      <c r="C72" s="3">
        <v>0.438466439041862</v>
      </c>
      <c r="D72" s="3">
        <v>7.3689371409111068E-2</v>
      </c>
      <c r="E72" s="3">
        <v>11.285629985408917</v>
      </c>
    </row>
    <row r="73" spans="1:5" x14ac:dyDescent="0.3">
      <c r="A73" s="5">
        <v>42185</v>
      </c>
      <c r="B73" s="3">
        <v>33.928719550971884</v>
      </c>
      <c r="C73" s="3">
        <v>0.42667566973673299</v>
      </c>
      <c r="D73" s="3">
        <v>7.0142453210472466E-2</v>
      </c>
      <c r="E73" s="3">
        <v>12.078763280862317</v>
      </c>
    </row>
    <row r="74" spans="1:5" x14ac:dyDescent="0.3">
      <c r="A74" s="5">
        <v>42277</v>
      </c>
      <c r="B74" s="3">
        <v>33.058308286323687</v>
      </c>
      <c r="C74" s="3">
        <v>0.42398694627146394</v>
      </c>
      <c r="D74" s="3">
        <v>6.7544116100990689E-2</v>
      </c>
      <c r="E74" s="3">
        <v>12.209787128021302</v>
      </c>
    </row>
    <row r="75" spans="1:5" x14ac:dyDescent="0.3">
      <c r="A75" s="5">
        <v>42369</v>
      </c>
      <c r="B75" s="3">
        <v>32.401902241927985</v>
      </c>
      <c r="C75" s="3">
        <v>0.44466692888046627</v>
      </c>
      <c r="D75" s="3">
        <v>6.8652340258161401E-2</v>
      </c>
      <c r="E75" s="3">
        <v>12.600994028676654</v>
      </c>
    </row>
    <row r="76" spans="1:5" x14ac:dyDescent="0.3">
      <c r="A76" s="5">
        <v>42460</v>
      </c>
      <c r="B76" s="3">
        <v>31.850426222248718</v>
      </c>
      <c r="C76" s="3">
        <v>0.46099562565111374</v>
      </c>
      <c r="D76" s="3">
        <v>7.0256414623553365E-2</v>
      </c>
      <c r="E76" s="3">
        <v>12.723791518702399</v>
      </c>
    </row>
    <row r="77" spans="1:5" x14ac:dyDescent="0.3">
      <c r="A77" s="5">
        <v>42551</v>
      </c>
      <c r="B77" s="3">
        <v>31.802941507945455</v>
      </c>
      <c r="C77" s="3">
        <v>0.53082384762763435</v>
      </c>
      <c r="D77" s="3">
        <v>7.4101205905556189E-2</v>
      </c>
      <c r="E77" s="3">
        <v>13.776062211202525</v>
      </c>
    </row>
    <row r="78" spans="1:5" x14ac:dyDescent="0.3">
      <c r="A78" s="5">
        <v>42643</v>
      </c>
      <c r="B78" s="3">
        <v>31.415139377529634</v>
      </c>
      <c r="C78" s="3">
        <v>0.5511820944919591</v>
      </c>
      <c r="D78" s="3">
        <v>7.1120270257026968E-2</v>
      </c>
      <c r="E78" s="3">
        <v>15.450598712275108</v>
      </c>
    </row>
    <row r="79" spans="1:5" x14ac:dyDescent="0.3">
      <c r="A79" s="5">
        <v>42735</v>
      </c>
      <c r="B79" s="3">
        <v>30.79765334814455</v>
      </c>
      <c r="C79" s="3">
        <v>0.57708195924601657</v>
      </c>
      <c r="D79" s="3">
        <v>7.4426354705453529E-2</v>
      </c>
      <c r="E79" s="3">
        <v>15.610650189190128</v>
      </c>
    </row>
    <row r="80" spans="1:5" x14ac:dyDescent="0.3">
      <c r="A80" s="5">
        <v>42825</v>
      </c>
      <c r="B80" s="3">
        <v>30.251853603476647</v>
      </c>
      <c r="C80" s="3">
        <v>0.59144833350976878</v>
      </c>
      <c r="D80" s="3">
        <v>6.1317051777163387E-2</v>
      </c>
      <c r="E80" s="3">
        <v>16.185364472130299</v>
      </c>
    </row>
    <row r="81" spans="1:5" x14ac:dyDescent="0.3">
      <c r="A81" s="5">
        <v>42916</v>
      </c>
      <c r="B81" s="3">
        <v>30.049527631741736</v>
      </c>
      <c r="C81" s="3">
        <v>0.6539333205537633</v>
      </c>
      <c r="D81" s="3">
        <v>7.1511211353696355E-2</v>
      </c>
      <c r="E81" s="3">
        <v>15.56959495560459</v>
      </c>
    </row>
    <row r="82" spans="1:5" x14ac:dyDescent="0.3">
      <c r="A82" s="5">
        <v>43008</v>
      </c>
      <c r="B82" s="3">
        <v>29.666511931432112</v>
      </c>
      <c r="C82" s="3">
        <v>0.65365545172597062</v>
      </c>
      <c r="D82" s="3">
        <v>7.2389179297771139E-2</v>
      </c>
      <c r="E82" s="3">
        <v>15.350677134841664</v>
      </c>
    </row>
    <row r="83" spans="1:5" x14ac:dyDescent="0.3">
      <c r="A83" s="5">
        <v>43100</v>
      </c>
      <c r="B83" s="3">
        <v>29.647697776286158</v>
      </c>
      <c r="C83" s="3">
        <v>0.62261856721816689</v>
      </c>
      <c r="D83" s="3">
        <v>8.5235482998850656E-2</v>
      </c>
      <c r="E83" s="3">
        <v>15.09733492617142</v>
      </c>
    </row>
    <row r="84" spans="1:5" x14ac:dyDescent="0.3">
      <c r="A84" s="5">
        <v>43190</v>
      </c>
      <c r="B84" s="3">
        <v>29.379333004764252</v>
      </c>
      <c r="C84" s="3">
        <v>0.61166420239855435</v>
      </c>
      <c r="D84" s="3">
        <v>5.3359618859865288E-2</v>
      </c>
      <c r="E84" s="3">
        <v>14.659963857401017</v>
      </c>
    </row>
    <row r="85" spans="1:5" x14ac:dyDescent="0.3">
      <c r="A85" s="5">
        <v>43281</v>
      </c>
      <c r="B85" s="3">
        <v>28.904453733700862</v>
      </c>
      <c r="C85" s="3">
        <v>0.60715018718515612</v>
      </c>
      <c r="D85" s="3">
        <v>4.9102004868632657E-2</v>
      </c>
      <c r="E85" s="3">
        <v>13.552153343742612</v>
      </c>
    </row>
    <row r="86" spans="1:5" x14ac:dyDescent="0.3">
      <c r="A86" s="5">
        <v>43373</v>
      </c>
      <c r="B86" s="3">
        <v>28.619891048424495</v>
      </c>
      <c r="C86" s="3">
        <v>0.60423038338571966</v>
      </c>
      <c r="D86" s="3">
        <v>5.0095631275601758E-2</v>
      </c>
      <c r="E86" s="3">
        <v>13.364486821637717</v>
      </c>
    </row>
    <row r="87" spans="1:5" x14ac:dyDescent="0.3">
      <c r="A87" s="5">
        <v>43465</v>
      </c>
      <c r="B87" s="3">
        <v>28.090255857879033</v>
      </c>
      <c r="C87" s="3">
        <v>0.7273207642075874</v>
      </c>
      <c r="D87" s="3">
        <v>5.4491897982021482E-2</v>
      </c>
      <c r="E87" s="3">
        <v>12.931600601062149</v>
      </c>
    </row>
    <row r="88" spans="1:5" x14ac:dyDescent="0.3">
      <c r="A88" s="5">
        <v>43555</v>
      </c>
      <c r="B88" s="3">
        <v>27.687673452393941</v>
      </c>
      <c r="C88" s="3">
        <v>0.73977093310960873</v>
      </c>
      <c r="D88" s="3">
        <v>4.4644592674524614E-2</v>
      </c>
      <c r="E88" s="3">
        <v>12.871311961615683</v>
      </c>
    </row>
    <row r="89" spans="1:5" x14ac:dyDescent="0.3">
      <c r="A89" s="5">
        <v>43646</v>
      </c>
      <c r="B89" s="3">
        <v>27.241395934725183</v>
      </c>
      <c r="C89" s="3">
        <v>0.73428609220111529</v>
      </c>
      <c r="D89" s="3">
        <v>4.7716234274348568E-2</v>
      </c>
      <c r="E89" s="3">
        <v>12.266409872563042</v>
      </c>
    </row>
    <row r="90" spans="1:5" x14ac:dyDescent="0.3">
      <c r="A90" s="5">
        <v>43738</v>
      </c>
      <c r="B90" s="3">
        <v>26.824805936630376</v>
      </c>
      <c r="C90" s="3">
        <v>0.72999560611238579</v>
      </c>
      <c r="D90" s="3">
        <v>4.2108089635307322E-2</v>
      </c>
      <c r="E90" s="3">
        <v>12.504515940047845</v>
      </c>
    </row>
    <row r="91" spans="1:5" x14ac:dyDescent="0.3">
      <c r="A91" s="5">
        <v>43830</v>
      </c>
      <c r="B91" s="3">
        <v>26.430552191157275</v>
      </c>
      <c r="C91" s="3">
        <v>0.76756487062030665</v>
      </c>
      <c r="D91" s="3">
        <v>5.3147449826276533E-2</v>
      </c>
      <c r="E91" s="3">
        <v>13.1694801070662</v>
      </c>
    </row>
    <row r="92" spans="1:5" x14ac:dyDescent="0.3">
      <c r="A92" s="5">
        <v>43921</v>
      </c>
      <c r="B92" s="3">
        <v>26.977485292125309</v>
      </c>
      <c r="C92" s="3">
        <v>0.77474861433656605</v>
      </c>
      <c r="D92" s="3">
        <v>4.9635705096771635E-2</v>
      </c>
      <c r="E92" s="3">
        <v>13.535201186461201</v>
      </c>
    </row>
    <row r="93" spans="1:5" x14ac:dyDescent="0.3">
      <c r="A93" s="5">
        <v>44012</v>
      </c>
      <c r="B93" s="3">
        <v>27.48251662903521</v>
      </c>
      <c r="C93" s="3">
        <v>0.79502044303411246</v>
      </c>
      <c r="D93" s="3">
        <v>5.8827119057789715E-2</v>
      </c>
      <c r="E93" s="3">
        <v>14.705071092939527</v>
      </c>
    </row>
    <row r="94" spans="1:5" x14ac:dyDescent="0.3">
      <c r="A94" s="5">
        <v>44104</v>
      </c>
      <c r="B94" s="3">
        <v>27.043942046860259</v>
      </c>
      <c r="C94" s="3">
        <v>0.85331728010317132</v>
      </c>
      <c r="D94" s="3">
        <v>7.4760088635365318E-2</v>
      </c>
      <c r="E94" s="3">
        <v>14.520831880344703</v>
      </c>
    </row>
    <row r="95" spans="1:5" x14ac:dyDescent="0.3">
      <c r="A95" s="5">
        <v>44196</v>
      </c>
      <c r="B95" s="3">
        <v>28.645511186667367</v>
      </c>
      <c r="C95" s="3">
        <v>0.88124017867313031</v>
      </c>
      <c r="D95" s="3">
        <v>7.7162100425861316E-2</v>
      </c>
      <c r="E95" s="3">
        <v>14.819287585597879</v>
      </c>
    </row>
    <row r="96" spans="1:5" x14ac:dyDescent="0.3">
      <c r="A96" s="5">
        <v>44286</v>
      </c>
      <c r="B96" s="3">
        <v>29.120779108135213</v>
      </c>
      <c r="C96" s="3">
        <v>0.92037767980287732</v>
      </c>
      <c r="D96" s="3">
        <v>8.6125068258697715E-2</v>
      </c>
      <c r="E96" s="3">
        <v>22.431243487173472</v>
      </c>
    </row>
    <row r="97" spans="1:5" x14ac:dyDescent="0.3">
      <c r="A97" s="5">
        <v>44377</v>
      </c>
      <c r="B97" s="3">
        <v>27.927702775983288</v>
      </c>
      <c r="C97" s="3">
        <v>0.89876408150177522</v>
      </c>
      <c r="D97" s="3">
        <v>9.1361773762313206E-2</v>
      </c>
      <c r="E97" s="3">
        <v>21.241907115137053</v>
      </c>
    </row>
    <row r="98" spans="1:5" x14ac:dyDescent="0.3">
      <c r="A98" s="5">
        <v>44469</v>
      </c>
      <c r="B98" s="3">
        <v>27.574217182489356</v>
      </c>
      <c r="C98" s="3">
        <v>0.86120561887799518</v>
      </c>
      <c r="D98" s="3">
        <v>9.0144887209659297E-2</v>
      </c>
      <c r="E98" s="3">
        <v>20.891882475902914</v>
      </c>
    </row>
    <row r="99" spans="1:5" x14ac:dyDescent="0.3">
      <c r="A99" s="5">
        <v>44561</v>
      </c>
      <c r="B99" s="3">
        <v>26.575963210139648</v>
      </c>
      <c r="C99" s="3">
        <v>0.93971173798440921</v>
      </c>
      <c r="D99" s="3">
        <v>8.5020469968033197E-2</v>
      </c>
      <c r="E99" s="3">
        <v>21.854298693286971</v>
      </c>
    </row>
    <row r="100" spans="1:5" x14ac:dyDescent="0.3">
      <c r="A100" s="5">
        <v>44651</v>
      </c>
      <c r="B100" s="3">
        <v>25.700782605385236</v>
      </c>
      <c r="C100" s="3">
        <v>0.93618965264068132</v>
      </c>
      <c r="D100" s="3">
        <v>9.9960298684418039E-2</v>
      </c>
      <c r="E100" s="3">
        <v>21.987349964377586</v>
      </c>
    </row>
    <row r="101" spans="1:5" x14ac:dyDescent="0.3">
      <c r="A101" s="5">
        <v>44742</v>
      </c>
      <c r="B101" s="3">
        <v>25.110324462522527</v>
      </c>
      <c r="C101" s="3">
        <v>0.91862001447329811</v>
      </c>
      <c r="D101" s="3">
        <v>0.10224548027297953</v>
      </c>
      <c r="E101" s="3">
        <v>21.608655159370507</v>
      </c>
    </row>
    <row r="102" spans="1:5" x14ac:dyDescent="0.3">
      <c r="A102" s="5">
        <v>44834</v>
      </c>
      <c r="B102" s="3">
        <v>24.75847757158861</v>
      </c>
      <c r="C102" s="3">
        <v>0.90862866520878205</v>
      </c>
      <c r="D102" s="3">
        <v>0.10200369569620882</v>
      </c>
      <c r="E102" s="3">
        <v>21.561741689850891</v>
      </c>
    </row>
    <row r="103" spans="1:5" x14ac:dyDescent="0.3">
      <c r="A103" s="5">
        <v>44926</v>
      </c>
      <c r="B103" s="3">
        <v>24.248857942082065</v>
      </c>
      <c r="C103" s="3">
        <v>0.83636875893018847</v>
      </c>
      <c r="D103" s="3">
        <v>0.11350143889235476</v>
      </c>
      <c r="E103" s="3">
        <v>21.375198728139903</v>
      </c>
    </row>
    <row r="104" spans="1:5" x14ac:dyDescent="0.3">
      <c r="A104" s="5">
        <v>45016</v>
      </c>
      <c r="B104" s="3">
        <v>23.819346315521965</v>
      </c>
      <c r="C104" s="3">
        <v>0.80462145611070301</v>
      </c>
      <c r="D104" s="3">
        <v>0.11292585754927158</v>
      </c>
      <c r="E104" s="3">
        <v>15.366420675518128</v>
      </c>
    </row>
    <row r="105" spans="1:5" x14ac:dyDescent="0.3">
      <c r="A105" s="5">
        <v>45107</v>
      </c>
      <c r="B105" s="3">
        <v>23.463943861616706</v>
      </c>
      <c r="C105" s="3">
        <v>0.78535713451248856</v>
      </c>
      <c r="D105" s="3">
        <v>0.11370982188057352</v>
      </c>
      <c r="E105" s="3">
        <v>15.426080827433664</v>
      </c>
    </row>
    <row r="106" spans="1:5" x14ac:dyDescent="0.3">
      <c r="A106" s="5">
        <v>45199</v>
      </c>
      <c r="B106" s="3">
        <v>23.12007358827514</v>
      </c>
      <c r="C106" s="3">
        <v>0.75878286840322684</v>
      </c>
      <c r="D106" s="3">
        <v>0.12133213252047541</v>
      </c>
      <c r="E106" s="3">
        <v>15.882481987807132</v>
      </c>
    </row>
    <row r="107" spans="1:5" x14ac:dyDescent="0.3">
      <c r="A107" s="5">
        <v>45291</v>
      </c>
      <c r="B107" s="3">
        <v>23.000039042673642</v>
      </c>
      <c r="C107" s="3">
        <v>0.76161781412449658</v>
      </c>
      <c r="D107" s="3">
        <v>0.14607673504213275</v>
      </c>
      <c r="E107" s="3">
        <v>15.210168616737118</v>
      </c>
    </row>
    <row r="108" spans="1:5" x14ac:dyDescent="0.3">
      <c r="A108" s="5">
        <v>45382</v>
      </c>
      <c r="B108" s="3">
        <v>22.716861719418187</v>
      </c>
      <c r="C108" s="3">
        <v>0.73893033089802329</v>
      </c>
      <c r="D108" s="3">
        <v>0.14257758159568859</v>
      </c>
      <c r="E108" s="3">
        <v>14.945165711309439</v>
      </c>
    </row>
    <row r="109" spans="1:5" x14ac:dyDescent="0.3">
      <c r="A109" s="5">
        <v>45473</v>
      </c>
      <c r="B109" s="3">
        <v>22.415079806739072</v>
      </c>
      <c r="C109" s="3">
        <v>0.68640060734936958</v>
      </c>
      <c r="D109" s="3">
        <v>0.14207110557486283</v>
      </c>
      <c r="E109" s="3">
        <v>14.58605897332896</v>
      </c>
    </row>
    <row r="110" spans="1:5" x14ac:dyDescent="0.3">
      <c r="A110" s="5">
        <v>45565</v>
      </c>
      <c r="B110" s="3">
        <v>21.935050196895929</v>
      </c>
      <c r="C110" s="3">
        <v>0.71691708418038047</v>
      </c>
      <c r="D110" s="3">
        <v>0.14251255716150546</v>
      </c>
      <c r="E110" s="3">
        <v>14.25071142885394</v>
      </c>
    </row>
    <row r="111" spans="1:5" x14ac:dyDescent="0.3">
      <c r="A111" s="5">
        <v>45657</v>
      </c>
      <c r="B111" s="3">
        <v>21.364432910244382</v>
      </c>
      <c r="C111" s="3">
        <v>0.69035929151977937</v>
      </c>
      <c r="D111" s="3">
        <v>0.14806776906773431</v>
      </c>
      <c r="E111" s="3">
        <v>13.995700511109982</v>
      </c>
    </row>
    <row r="112" spans="1:5" x14ac:dyDescent="0.3">
      <c r="A112" s="5">
        <v>45747</v>
      </c>
      <c r="B112" s="3">
        <v>21.388197836759947</v>
      </c>
      <c r="C112" s="3">
        <v>0.66458339016729862</v>
      </c>
      <c r="D112" s="3">
        <v>0.14792964497765215</v>
      </c>
      <c r="E112" s="3">
        <v>13.854082057392478</v>
      </c>
    </row>
    <row r="113" spans="1:5" x14ac:dyDescent="0.3">
      <c r="A113" s="5">
        <v>45838</v>
      </c>
      <c r="B113" s="3">
        <v>21.417034265065308</v>
      </c>
      <c r="C113" s="3">
        <v>0.67762062107548704</v>
      </c>
      <c r="D113" s="3">
        <v>0.14318743217494587</v>
      </c>
      <c r="E113" s="3">
        <v>13.630348784774867</v>
      </c>
    </row>
  </sheetData>
  <pageMargins left="0.7" right="0.7" top="0.75" bottom="0.75" header="0.3" footer="0.3"/>
  <pageSetup orientation="portrait" horizontalDpi="90" verticalDpi="90" r:id="rId1"/>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07AD7A1-3C2C-46DB-9CEE-3E198C9DFE6E}">
  <dimension ref="A1:E51"/>
  <sheetViews>
    <sheetView zoomScaleNormal="100" workbookViewId="0"/>
  </sheetViews>
  <sheetFormatPr defaultColWidth="9.1796875" defaultRowHeight="14" x14ac:dyDescent="0.3"/>
  <cols>
    <col min="1" max="14" width="15.7265625" style="1" customWidth="1"/>
    <col min="15" max="16384" width="9.1796875" style="1"/>
  </cols>
  <sheetData>
    <row r="1" spans="1:5" x14ac:dyDescent="0.3">
      <c r="A1" s="1" t="s">
        <v>4</v>
      </c>
      <c r="B1" s="1">
        <v>18</v>
      </c>
    </row>
    <row r="2" spans="1:5" x14ac:dyDescent="0.3">
      <c r="A2" s="1" t="s">
        <v>3</v>
      </c>
      <c r="B2" s="1" t="s">
        <v>160</v>
      </c>
    </row>
    <row r="3" spans="1:5" x14ac:dyDescent="0.3">
      <c r="A3" s="1" t="s">
        <v>5</v>
      </c>
      <c r="B3" s="1" t="s">
        <v>161</v>
      </c>
    </row>
    <row r="4" spans="1:5" x14ac:dyDescent="0.3">
      <c r="A4" s="1" t="s">
        <v>2</v>
      </c>
      <c r="B4" s="1" t="s">
        <v>162</v>
      </c>
    </row>
    <row r="5" spans="1:5" x14ac:dyDescent="0.3">
      <c r="A5" s="1" t="s">
        <v>1</v>
      </c>
      <c r="B5" s="13" t="s">
        <v>163</v>
      </c>
    </row>
    <row r="7" spans="1:5" x14ac:dyDescent="0.3">
      <c r="A7" s="1" t="s">
        <v>171</v>
      </c>
      <c r="B7" s="1" t="s">
        <v>164</v>
      </c>
      <c r="C7" s="1" t="s">
        <v>165</v>
      </c>
      <c r="D7" s="1" t="s">
        <v>166</v>
      </c>
      <c r="E7" s="1" t="s">
        <v>167</v>
      </c>
    </row>
    <row r="8" spans="1:5" x14ac:dyDescent="0.3">
      <c r="A8" s="7" t="s">
        <v>168</v>
      </c>
      <c r="B8" s="7">
        <v>129</v>
      </c>
      <c r="C8" s="7">
        <v>64</v>
      </c>
      <c r="D8" s="7">
        <v>18</v>
      </c>
      <c r="E8" s="7">
        <v>211</v>
      </c>
    </row>
    <row r="9" spans="1:5" x14ac:dyDescent="0.3">
      <c r="A9" s="7" t="s">
        <v>62</v>
      </c>
      <c r="B9" s="7">
        <v>32</v>
      </c>
      <c r="C9" s="7">
        <v>99</v>
      </c>
      <c r="D9" s="7">
        <v>90</v>
      </c>
      <c r="E9" s="7">
        <v>221</v>
      </c>
    </row>
    <row r="10" spans="1:5" x14ac:dyDescent="0.3">
      <c r="A10" s="7" t="s">
        <v>169</v>
      </c>
      <c r="B10" s="7">
        <v>100</v>
      </c>
      <c r="C10" s="7">
        <v>67</v>
      </c>
      <c r="D10" s="7">
        <v>93</v>
      </c>
      <c r="E10" s="7">
        <v>259</v>
      </c>
    </row>
    <row r="11" spans="1:5" x14ac:dyDescent="0.3">
      <c r="A11" s="7" t="s">
        <v>80</v>
      </c>
      <c r="B11" s="7">
        <v>173</v>
      </c>
      <c r="C11" s="7">
        <v>273</v>
      </c>
      <c r="D11" s="7">
        <v>52</v>
      </c>
      <c r="E11" s="7">
        <v>498</v>
      </c>
    </row>
    <row r="12" spans="1:5" x14ac:dyDescent="0.3">
      <c r="A12" s="7"/>
      <c r="B12" s="7"/>
      <c r="C12" s="7"/>
      <c r="D12" s="7"/>
      <c r="E12" s="7"/>
    </row>
    <row r="13" spans="1:5" x14ac:dyDescent="0.3">
      <c r="A13" s="7" t="s">
        <v>61</v>
      </c>
      <c r="B13" s="7">
        <v>8</v>
      </c>
      <c r="C13" s="7">
        <v>64</v>
      </c>
      <c r="D13" s="7">
        <v>62</v>
      </c>
      <c r="E13" s="7">
        <v>134</v>
      </c>
    </row>
    <row r="14" spans="1:5" x14ac:dyDescent="0.3">
      <c r="A14" s="7" t="s">
        <v>146</v>
      </c>
      <c r="B14" s="7">
        <v>3</v>
      </c>
      <c r="C14" s="7">
        <v>106</v>
      </c>
      <c r="D14" s="7">
        <v>34</v>
      </c>
      <c r="E14" s="7">
        <v>143</v>
      </c>
    </row>
    <row r="15" spans="1:5" x14ac:dyDescent="0.3">
      <c r="A15" s="7" t="s">
        <v>170</v>
      </c>
      <c r="B15" s="7">
        <v>32</v>
      </c>
      <c r="C15" s="7">
        <v>90</v>
      </c>
      <c r="D15" s="7">
        <v>62</v>
      </c>
      <c r="E15" s="7">
        <v>184</v>
      </c>
    </row>
    <row r="16" spans="1:5" x14ac:dyDescent="0.3">
      <c r="A16" s="7" t="s">
        <v>145</v>
      </c>
      <c r="B16" s="7">
        <v>12</v>
      </c>
      <c r="C16" s="7">
        <v>131</v>
      </c>
      <c r="D16" s="7">
        <v>56</v>
      </c>
      <c r="E16" s="7">
        <v>199</v>
      </c>
    </row>
    <row r="17" spans="1:5" x14ac:dyDescent="0.3">
      <c r="A17" s="7" t="s">
        <v>60</v>
      </c>
      <c r="B17" s="7">
        <v>13</v>
      </c>
      <c r="C17" s="7">
        <v>100</v>
      </c>
      <c r="D17" s="7">
        <v>106</v>
      </c>
      <c r="E17" s="7">
        <v>219</v>
      </c>
    </row>
    <row r="18" spans="1:5" x14ac:dyDescent="0.3">
      <c r="A18" s="7" t="s">
        <v>23</v>
      </c>
      <c r="B18" s="7">
        <v>190</v>
      </c>
      <c r="C18" s="7">
        <v>63</v>
      </c>
      <c r="D18" s="7">
        <v>55</v>
      </c>
      <c r="E18" s="7">
        <v>308</v>
      </c>
    </row>
    <row r="19" spans="1:5" x14ac:dyDescent="0.3">
      <c r="A19" s="7" t="s">
        <v>150</v>
      </c>
      <c r="B19" s="7">
        <v>118</v>
      </c>
      <c r="C19" s="7">
        <v>178</v>
      </c>
      <c r="D19" s="7">
        <v>113</v>
      </c>
      <c r="E19" s="7">
        <v>409</v>
      </c>
    </row>
    <row r="20" spans="1:5" x14ac:dyDescent="0.3">
      <c r="A20" s="7" t="s">
        <v>149</v>
      </c>
      <c r="B20" s="7">
        <v>225</v>
      </c>
      <c r="C20" s="7">
        <v>177</v>
      </c>
      <c r="D20" s="7">
        <v>162</v>
      </c>
      <c r="E20" s="7">
        <v>563</v>
      </c>
    </row>
    <row r="21" spans="1:5" x14ac:dyDescent="0.3">
      <c r="A21" s="7"/>
      <c r="B21" s="3"/>
      <c r="C21" s="3"/>
    </row>
    <row r="22" spans="1:5" x14ac:dyDescent="0.3">
      <c r="A22" s="7"/>
      <c r="B22" s="3"/>
      <c r="C22" s="3"/>
    </row>
    <row r="23" spans="1:5" x14ac:dyDescent="0.3">
      <c r="A23" s="7"/>
      <c r="B23" s="3"/>
      <c r="C23" s="3"/>
    </row>
    <row r="24" spans="1:5" x14ac:dyDescent="0.3">
      <c r="A24" s="7"/>
      <c r="B24" s="3"/>
      <c r="C24" s="3"/>
    </row>
    <row r="25" spans="1:5" x14ac:dyDescent="0.3">
      <c r="A25" s="7"/>
      <c r="B25" s="3"/>
      <c r="C25" s="3"/>
    </row>
    <row r="26" spans="1:5" x14ac:dyDescent="0.3">
      <c r="A26" s="7"/>
      <c r="B26" s="3"/>
      <c r="C26" s="3"/>
    </row>
    <row r="27" spans="1:5" x14ac:dyDescent="0.3">
      <c r="A27" s="7"/>
      <c r="B27" s="3"/>
      <c r="C27" s="3"/>
    </row>
    <row r="28" spans="1:5" x14ac:dyDescent="0.3">
      <c r="A28" s="7"/>
      <c r="B28" s="3"/>
      <c r="C28" s="3"/>
    </row>
    <row r="29" spans="1:5" x14ac:dyDescent="0.3">
      <c r="A29" s="7"/>
      <c r="B29" s="3"/>
      <c r="C29" s="3"/>
    </row>
    <row r="30" spans="1:5" x14ac:dyDescent="0.3">
      <c r="A30" s="7"/>
      <c r="B30" s="3"/>
      <c r="C30" s="3"/>
    </row>
    <row r="31" spans="1:5" x14ac:dyDescent="0.3">
      <c r="A31" s="7"/>
      <c r="B31" s="3"/>
      <c r="C31" s="3"/>
    </row>
    <row r="32" spans="1:5" x14ac:dyDescent="0.3">
      <c r="A32" s="7"/>
      <c r="B32" s="3"/>
      <c r="C32" s="3"/>
    </row>
    <row r="33" spans="1:3" x14ac:dyDescent="0.3">
      <c r="A33" s="7"/>
      <c r="B33" s="3"/>
      <c r="C33" s="3"/>
    </row>
    <row r="34" spans="1:3" x14ac:dyDescent="0.3">
      <c r="A34" s="7"/>
      <c r="B34" s="3"/>
      <c r="C34" s="3"/>
    </row>
    <row r="35" spans="1:3" x14ac:dyDescent="0.3">
      <c r="A35" s="7"/>
      <c r="B35" s="3"/>
      <c r="C35" s="3"/>
    </row>
    <row r="36" spans="1:3" x14ac:dyDescent="0.3">
      <c r="A36" s="7"/>
      <c r="B36" s="3"/>
      <c r="C36" s="3"/>
    </row>
    <row r="37" spans="1:3" x14ac:dyDescent="0.3">
      <c r="A37" s="7"/>
      <c r="B37" s="3"/>
      <c r="C37" s="3"/>
    </row>
    <row r="38" spans="1:3" x14ac:dyDescent="0.3">
      <c r="A38" s="7"/>
      <c r="B38" s="3"/>
      <c r="C38" s="3"/>
    </row>
    <row r="39" spans="1:3" x14ac:dyDescent="0.3">
      <c r="A39" s="7"/>
      <c r="B39" s="3"/>
      <c r="C39" s="3"/>
    </row>
    <row r="40" spans="1:3" x14ac:dyDescent="0.3">
      <c r="A40" s="7"/>
      <c r="B40" s="3"/>
      <c r="C40" s="3"/>
    </row>
    <row r="41" spans="1:3" x14ac:dyDescent="0.3">
      <c r="A41" s="7"/>
      <c r="B41" s="3"/>
      <c r="C41" s="3"/>
    </row>
    <row r="42" spans="1:3" x14ac:dyDescent="0.3">
      <c r="A42" s="7"/>
      <c r="B42" s="3"/>
      <c r="C42" s="3"/>
    </row>
    <row r="43" spans="1:3" x14ac:dyDescent="0.3">
      <c r="A43" s="7"/>
      <c r="B43" s="3"/>
      <c r="C43" s="3"/>
    </row>
    <row r="44" spans="1:3" x14ac:dyDescent="0.3">
      <c r="A44" s="7"/>
      <c r="B44" s="3"/>
      <c r="C44" s="3"/>
    </row>
    <row r="45" spans="1:3" x14ac:dyDescent="0.3">
      <c r="A45" s="7"/>
      <c r="B45" s="3"/>
      <c r="C45" s="3"/>
    </row>
    <row r="46" spans="1:3" x14ac:dyDescent="0.3">
      <c r="A46" s="7"/>
      <c r="B46" s="3"/>
      <c r="C46" s="3"/>
    </row>
    <row r="47" spans="1:3" x14ac:dyDescent="0.3">
      <c r="A47" s="7"/>
      <c r="B47" s="3"/>
      <c r="C47" s="3"/>
    </row>
    <row r="48" spans="1:3" x14ac:dyDescent="0.3">
      <c r="A48" s="7"/>
      <c r="B48" s="3"/>
      <c r="C48" s="3"/>
    </row>
    <row r="49" spans="1:4" x14ac:dyDescent="0.3">
      <c r="A49" s="6"/>
      <c r="B49" s="3"/>
      <c r="C49" s="3"/>
      <c r="D49" s="3"/>
    </row>
    <row r="50" spans="1:4" x14ac:dyDescent="0.3">
      <c r="A50" s="6"/>
      <c r="B50" s="3"/>
      <c r="C50" s="3"/>
      <c r="D50" s="3"/>
    </row>
    <row r="51" spans="1:4" x14ac:dyDescent="0.3">
      <c r="A51" s="6"/>
      <c r="B51" s="3"/>
      <c r="C51" s="3"/>
      <c r="D51" s="3"/>
    </row>
  </sheetData>
  <pageMargins left="0.7" right="0.7" top="0.75" bottom="0.75" header="0.3" footer="0.3"/>
  <pageSetup orientation="portrait" horizontalDpi="90" verticalDpi="90" r:id="rId1"/>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EC883B9-77FE-4FD3-A624-46EB4A4E593B}">
  <dimension ref="A1:E51"/>
  <sheetViews>
    <sheetView workbookViewId="0"/>
  </sheetViews>
  <sheetFormatPr defaultColWidth="9.1796875" defaultRowHeight="14" x14ac:dyDescent="0.3"/>
  <cols>
    <col min="1" max="14" width="15.7265625" style="1" customWidth="1"/>
    <col min="15" max="16384" width="9.1796875" style="1"/>
  </cols>
  <sheetData>
    <row r="1" spans="1:5" x14ac:dyDescent="0.3">
      <c r="A1" s="1" t="s">
        <v>4</v>
      </c>
      <c r="B1" s="1">
        <v>19</v>
      </c>
    </row>
    <row r="2" spans="1:5" x14ac:dyDescent="0.3">
      <c r="A2" s="1" t="s">
        <v>3</v>
      </c>
      <c r="B2" s="1" t="s">
        <v>172</v>
      </c>
    </row>
    <row r="3" spans="1:5" x14ac:dyDescent="0.3">
      <c r="A3" s="1" t="s">
        <v>5</v>
      </c>
      <c r="B3" s="1" t="s">
        <v>173</v>
      </c>
    </row>
    <row r="4" spans="1:5" x14ac:dyDescent="0.3">
      <c r="A4" s="1" t="s">
        <v>2</v>
      </c>
      <c r="B4" s="1" t="s">
        <v>174</v>
      </c>
    </row>
    <row r="5" spans="1:5" x14ac:dyDescent="0.3">
      <c r="A5" s="1" t="s">
        <v>1</v>
      </c>
      <c r="B5" s="14" t="s">
        <v>175</v>
      </c>
    </row>
    <row r="7" spans="1:5" x14ac:dyDescent="0.3">
      <c r="B7" s="1" t="s">
        <v>176</v>
      </c>
      <c r="C7" s="1" t="s">
        <v>177</v>
      </c>
      <c r="D7" s="1" t="s">
        <v>178</v>
      </c>
      <c r="E7" s="1" t="s">
        <v>179</v>
      </c>
    </row>
    <row r="8" spans="1:5" x14ac:dyDescent="0.3">
      <c r="A8" s="7" t="s">
        <v>180</v>
      </c>
      <c r="B8" s="3">
        <v>21.101778231430696</v>
      </c>
      <c r="C8" s="3">
        <v>1.0408415495277044</v>
      </c>
      <c r="D8" s="3">
        <v>0.8400502634693342</v>
      </c>
      <c r="E8" s="3">
        <v>77.017329955572265</v>
      </c>
    </row>
    <row r="9" spans="1:5" x14ac:dyDescent="0.3">
      <c r="A9" s="7" t="s">
        <v>181</v>
      </c>
      <c r="B9" s="3">
        <v>10.322966035851922</v>
      </c>
      <c r="C9" s="3">
        <v>25.630166708422514</v>
      </c>
      <c r="D9" s="3">
        <v>34.945635411668441</v>
      </c>
      <c r="E9" s="3">
        <v>29.101231844057128</v>
      </c>
    </row>
    <row r="10" spans="1:5" x14ac:dyDescent="0.3">
      <c r="A10" s="7"/>
      <c r="B10" s="3"/>
      <c r="C10" s="3"/>
    </row>
    <row r="11" spans="1:5" x14ac:dyDescent="0.3">
      <c r="A11" s="7"/>
      <c r="B11" s="3"/>
      <c r="C11" s="3"/>
    </row>
    <row r="12" spans="1:5" x14ac:dyDescent="0.3">
      <c r="A12" s="7"/>
      <c r="B12" s="3"/>
      <c r="C12" s="3"/>
    </row>
    <row r="13" spans="1:5" x14ac:dyDescent="0.3">
      <c r="A13" s="7"/>
      <c r="B13" s="3"/>
      <c r="C13" s="3"/>
    </row>
    <row r="14" spans="1:5" x14ac:dyDescent="0.3">
      <c r="A14" s="7"/>
      <c r="B14" s="3"/>
      <c r="C14" s="3"/>
    </row>
    <row r="15" spans="1:5" x14ac:dyDescent="0.3">
      <c r="A15" s="7"/>
      <c r="B15" s="3"/>
      <c r="C15" s="3"/>
    </row>
    <row r="16" spans="1:5" x14ac:dyDescent="0.3">
      <c r="A16" s="7"/>
      <c r="B16" s="3"/>
      <c r="C16" s="3"/>
    </row>
    <row r="17" spans="1:3" x14ac:dyDescent="0.3">
      <c r="A17" s="7"/>
      <c r="B17" s="3"/>
      <c r="C17" s="3"/>
    </row>
    <row r="18" spans="1:3" x14ac:dyDescent="0.3">
      <c r="A18" s="7"/>
      <c r="B18" s="3"/>
      <c r="C18" s="3"/>
    </row>
    <row r="19" spans="1:3" x14ac:dyDescent="0.3">
      <c r="A19" s="7"/>
      <c r="B19" s="3"/>
      <c r="C19" s="3"/>
    </row>
    <row r="20" spans="1:3" x14ac:dyDescent="0.3">
      <c r="A20" s="7"/>
      <c r="B20" s="3"/>
      <c r="C20" s="3"/>
    </row>
    <row r="21" spans="1:3" x14ac:dyDescent="0.3">
      <c r="A21" s="7"/>
      <c r="B21" s="3"/>
      <c r="C21" s="3"/>
    </row>
    <row r="22" spans="1:3" x14ac:dyDescent="0.3">
      <c r="A22" s="7"/>
      <c r="B22" s="3"/>
      <c r="C22" s="3"/>
    </row>
    <row r="23" spans="1:3" x14ac:dyDescent="0.3">
      <c r="A23" s="7"/>
      <c r="B23" s="3"/>
      <c r="C23" s="3"/>
    </row>
    <row r="24" spans="1:3" x14ac:dyDescent="0.3">
      <c r="A24" s="7"/>
      <c r="B24" s="3"/>
      <c r="C24" s="3"/>
    </row>
    <row r="25" spans="1:3" x14ac:dyDescent="0.3">
      <c r="A25" s="7"/>
      <c r="B25" s="3"/>
      <c r="C25" s="3"/>
    </row>
    <row r="26" spans="1:3" x14ac:dyDescent="0.3">
      <c r="A26" s="7"/>
      <c r="B26" s="3"/>
      <c r="C26" s="3"/>
    </row>
    <row r="27" spans="1:3" x14ac:dyDescent="0.3">
      <c r="A27" s="7"/>
      <c r="B27" s="3"/>
      <c r="C27" s="3"/>
    </row>
    <row r="28" spans="1:3" x14ac:dyDescent="0.3">
      <c r="A28" s="7"/>
      <c r="B28" s="3"/>
      <c r="C28" s="3"/>
    </row>
    <row r="29" spans="1:3" x14ac:dyDescent="0.3">
      <c r="A29" s="7"/>
      <c r="B29" s="3"/>
      <c r="C29" s="3"/>
    </row>
    <row r="30" spans="1:3" x14ac:dyDescent="0.3">
      <c r="A30" s="7"/>
      <c r="B30" s="3"/>
      <c r="C30" s="3"/>
    </row>
    <row r="31" spans="1:3" x14ac:dyDescent="0.3">
      <c r="A31" s="7"/>
      <c r="B31" s="3"/>
      <c r="C31" s="3"/>
    </row>
    <row r="32" spans="1:3" x14ac:dyDescent="0.3">
      <c r="A32" s="7"/>
      <c r="B32" s="3"/>
      <c r="C32" s="3"/>
    </row>
    <row r="33" spans="1:3" x14ac:dyDescent="0.3">
      <c r="A33" s="7"/>
      <c r="B33" s="3"/>
      <c r="C33" s="3"/>
    </row>
    <row r="34" spans="1:3" x14ac:dyDescent="0.3">
      <c r="A34" s="7"/>
      <c r="B34" s="3"/>
      <c r="C34" s="3"/>
    </row>
    <row r="35" spans="1:3" x14ac:dyDescent="0.3">
      <c r="A35" s="7"/>
      <c r="B35" s="3"/>
      <c r="C35" s="3"/>
    </row>
    <row r="36" spans="1:3" x14ac:dyDescent="0.3">
      <c r="A36" s="7"/>
      <c r="B36" s="3"/>
      <c r="C36" s="3"/>
    </row>
    <row r="37" spans="1:3" x14ac:dyDescent="0.3">
      <c r="A37" s="7"/>
      <c r="B37" s="3"/>
      <c r="C37" s="3"/>
    </row>
    <row r="38" spans="1:3" x14ac:dyDescent="0.3">
      <c r="A38" s="7"/>
      <c r="B38" s="3"/>
      <c r="C38" s="3"/>
    </row>
    <row r="39" spans="1:3" x14ac:dyDescent="0.3">
      <c r="A39" s="7"/>
      <c r="B39" s="3"/>
      <c r="C39" s="3"/>
    </row>
    <row r="40" spans="1:3" x14ac:dyDescent="0.3">
      <c r="A40" s="7"/>
      <c r="B40" s="3"/>
      <c r="C40" s="3"/>
    </row>
    <row r="41" spans="1:3" x14ac:dyDescent="0.3">
      <c r="A41" s="7"/>
      <c r="B41" s="3"/>
      <c r="C41" s="3"/>
    </row>
    <row r="42" spans="1:3" x14ac:dyDescent="0.3">
      <c r="A42" s="7"/>
      <c r="B42" s="3"/>
      <c r="C42" s="3"/>
    </row>
    <row r="43" spans="1:3" x14ac:dyDescent="0.3">
      <c r="A43" s="7"/>
      <c r="B43" s="3"/>
      <c r="C43" s="3"/>
    </row>
    <row r="44" spans="1:3" x14ac:dyDescent="0.3">
      <c r="A44" s="7"/>
      <c r="B44" s="3"/>
      <c r="C44" s="3"/>
    </row>
    <row r="45" spans="1:3" x14ac:dyDescent="0.3">
      <c r="A45" s="7"/>
      <c r="B45" s="3"/>
      <c r="C45" s="3"/>
    </row>
    <row r="46" spans="1:3" x14ac:dyDescent="0.3">
      <c r="A46" s="7"/>
      <c r="B46" s="3"/>
      <c r="C46" s="3"/>
    </row>
    <row r="47" spans="1:3" x14ac:dyDescent="0.3">
      <c r="A47" s="7"/>
      <c r="B47" s="3"/>
      <c r="C47" s="3"/>
    </row>
    <row r="48" spans="1:3" x14ac:dyDescent="0.3">
      <c r="A48" s="7"/>
      <c r="B48" s="3"/>
      <c r="C48" s="3"/>
    </row>
    <row r="49" spans="1:4" x14ac:dyDescent="0.3">
      <c r="A49" s="6"/>
      <c r="B49" s="3"/>
      <c r="C49" s="3"/>
      <c r="D49" s="3"/>
    </row>
    <row r="50" spans="1:4" x14ac:dyDescent="0.3">
      <c r="A50" s="6"/>
      <c r="B50" s="3"/>
      <c r="C50" s="3"/>
      <c r="D50" s="3"/>
    </row>
    <row r="51" spans="1:4" x14ac:dyDescent="0.3">
      <c r="A51" s="6"/>
      <c r="B51" s="3"/>
      <c r="C51" s="3"/>
      <c r="D51" s="3"/>
    </row>
  </sheetData>
  <pageMargins left="0.7" right="0.7" top="0.75" bottom="0.75" header="0.3" footer="0.3"/>
  <pageSetup orientation="portrait" horizontalDpi="90" verticalDpi="90"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C0E4B08-7020-48F3-9AA4-7669D58CDDC7}">
  <dimension ref="A1:D2706"/>
  <sheetViews>
    <sheetView workbookViewId="0"/>
  </sheetViews>
  <sheetFormatPr defaultColWidth="9.1796875" defaultRowHeight="14" x14ac:dyDescent="0.3"/>
  <cols>
    <col min="1" max="1" width="15.7265625" style="6" customWidth="1"/>
    <col min="2" max="14" width="15.7265625" style="1" customWidth="1"/>
    <col min="15" max="16384" width="9.1796875" style="1"/>
  </cols>
  <sheetData>
    <row r="1" spans="1:4" x14ac:dyDescent="0.3">
      <c r="A1" s="6" t="s">
        <v>4</v>
      </c>
      <c r="B1" s="1">
        <v>2</v>
      </c>
    </row>
    <row r="2" spans="1:4" x14ac:dyDescent="0.3">
      <c r="A2" s="6" t="s">
        <v>3</v>
      </c>
      <c r="B2" s="1" t="s">
        <v>27</v>
      </c>
    </row>
    <row r="3" spans="1:4" x14ac:dyDescent="0.3">
      <c r="A3" s="6" t="s">
        <v>5</v>
      </c>
      <c r="B3" s="1" t="s">
        <v>28</v>
      </c>
    </row>
    <row r="4" spans="1:4" x14ac:dyDescent="0.3">
      <c r="A4" s="6" t="s">
        <v>2</v>
      </c>
      <c r="B4" s="1" t="s">
        <v>29</v>
      </c>
    </row>
    <row r="5" spans="1:4" x14ac:dyDescent="0.3">
      <c r="A5" s="6" t="s">
        <v>1</v>
      </c>
      <c r="B5" s="1" t="s">
        <v>11</v>
      </c>
    </row>
    <row r="7" spans="1:4" x14ac:dyDescent="0.3">
      <c r="A7" s="6" t="s">
        <v>8</v>
      </c>
      <c r="B7" s="1" t="s">
        <v>30</v>
      </c>
      <c r="C7" s="1" t="s">
        <v>31</v>
      </c>
      <c r="D7" s="1" t="s">
        <v>32</v>
      </c>
    </row>
    <row r="8" spans="1:4" x14ac:dyDescent="0.3">
      <c r="A8" s="6">
        <v>45292</v>
      </c>
      <c r="B8" s="3">
        <v>100</v>
      </c>
      <c r="C8" s="3">
        <v>100</v>
      </c>
      <c r="D8" s="3">
        <v>100</v>
      </c>
    </row>
    <row r="9" spans="1:4" x14ac:dyDescent="0.3">
      <c r="A9" s="6">
        <v>45293</v>
      </c>
      <c r="B9" s="3">
        <v>99.433942090179315</v>
      </c>
      <c r="C9" s="3">
        <v>99.893116225666716</v>
      </c>
      <c r="D9" s="3">
        <v>98.007341373885694</v>
      </c>
    </row>
    <row r="10" spans="1:4" x14ac:dyDescent="0.3">
      <c r="A10" s="6">
        <v>45294</v>
      </c>
      <c r="B10" s="3">
        <v>98.636848692720719</v>
      </c>
      <c r="C10" s="3">
        <v>99.033453368822094</v>
      </c>
      <c r="D10" s="3">
        <v>97.351861562663871</v>
      </c>
    </row>
    <row r="11" spans="1:4" x14ac:dyDescent="0.3">
      <c r="A11" s="6">
        <v>45295</v>
      </c>
      <c r="B11" s="3">
        <v>98.298681504372283</v>
      </c>
      <c r="C11" s="3">
        <v>99.719430092375134</v>
      </c>
      <c r="D11" s="3">
        <v>96.451669288585919</v>
      </c>
    </row>
    <row r="12" spans="1:4" x14ac:dyDescent="0.3">
      <c r="A12" s="6">
        <v>45296</v>
      </c>
      <c r="B12" s="3">
        <v>98.478142826893205</v>
      </c>
      <c r="C12" s="3">
        <v>99.448254266478799</v>
      </c>
      <c r="D12" s="3">
        <v>96.661422828176882</v>
      </c>
    </row>
    <row r="13" spans="1:4" x14ac:dyDescent="0.3">
      <c r="A13" s="6">
        <v>45299</v>
      </c>
      <c r="B13" s="3">
        <v>99.868129472119563</v>
      </c>
      <c r="C13" s="3">
        <v>99.82360002087573</v>
      </c>
      <c r="D13" s="3">
        <v>99.20468449571753</v>
      </c>
    </row>
    <row r="14" spans="1:4" x14ac:dyDescent="0.3">
      <c r="A14" s="6">
        <v>45300</v>
      </c>
      <c r="B14" s="3">
        <v>99.720535113410762</v>
      </c>
      <c r="C14" s="3">
        <v>99.63154323887062</v>
      </c>
      <c r="D14" s="3">
        <v>99.641671036532074</v>
      </c>
    </row>
    <row r="15" spans="1:4" x14ac:dyDescent="0.3">
      <c r="A15" s="6">
        <v>45301</v>
      </c>
      <c r="B15" s="3">
        <v>100.28554476784288</v>
      </c>
      <c r="C15" s="3">
        <v>99.456187046605095</v>
      </c>
      <c r="D15" s="3">
        <v>101.0575074287712</v>
      </c>
    </row>
    <row r="16" spans="1:4" x14ac:dyDescent="0.3">
      <c r="A16" s="6">
        <v>45302</v>
      </c>
      <c r="B16" s="3">
        <v>100.21824677189753</v>
      </c>
      <c r="C16" s="3">
        <v>98.693596367621723</v>
      </c>
      <c r="D16" s="3">
        <v>101.12742527530149</v>
      </c>
    </row>
    <row r="17" spans="1:4" x14ac:dyDescent="0.3">
      <c r="A17" s="6">
        <v>45303</v>
      </c>
      <c r="B17" s="3">
        <v>100.2935115087959</v>
      </c>
      <c r="C17" s="3">
        <v>99.527373310370038</v>
      </c>
      <c r="D17" s="3">
        <v>101.30221989162733</v>
      </c>
    </row>
    <row r="18" spans="1:4" x14ac:dyDescent="0.3">
      <c r="A18" s="6">
        <v>45306</v>
      </c>
      <c r="B18" s="3">
        <v>100.2935115087959</v>
      </c>
      <c r="C18" s="3">
        <v>98.989823078127458</v>
      </c>
      <c r="D18" s="3">
        <v>101.30221989162733</v>
      </c>
    </row>
    <row r="19" spans="1:4" x14ac:dyDescent="0.3">
      <c r="A19" s="6">
        <v>45307</v>
      </c>
      <c r="B19" s="3">
        <v>99.91928433508113</v>
      </c>
      <c r="C19" s="3">
        <v>98.754971034914675</v>
      </c>
      <c r="D19" s="3">
        <v>101.24104177591329</v>
      </c>
    </row>
    <row r="20" spans="1:4" x14ac:dyDescent="0.3">
      <c r="A20" s="6">
        <v>45308</v>
      </c>
      <c r="B20" s="3">
        <v>99.358048400047807</v>
      </c>
      <c r="C20" s="3">
        <v>97.638536610824062</v>
      </c>
      <c r="D20" s="3">
        <v>100.68169900367067</v>
      </c>
    </row>
    <row r="21" spans="1:4" x14ac:dyDescent="0.3">
      <c r="A21" s="6">
        <v>45309</v>
      </c>
      <c r="B21" s="3">
        <v>100.23292234733732</v>
      </c>
      <c r="C21" s="3">
        <v>98.209070507802323</v>
      </c>
      <c r="D21" s="3">
        <v>102.40342597448</v>
      </c>
    </row>
    <row r="22" spans="1:4" x14ac:dyDescent="0.3">
      <c r="A22" s="6">
        <v>45310</v>
      </c>
      <c r="B22" s="3">
        <v>101.46713824182414</v>
      </c>
      <c r="C22" s="3">
        <v>97.956891602734729</v>
      </c>
      <c r="D22" s="3">
        <v>104.20381052263592</v>
      </c>
    </row>
    <row r="23" spans="1:4" x14ac:dyDescent="0.3">
      <c r="A23" s="6">
        <v>45313</v>
      </c>
      <c r="B23" s="3">
        <v>101.68978768635361</v>
      </c>
      <c r="C23" s="3">
        <v>98.713637075309236</v>
      </c>
      <c r="D23" s="3">
        <v>104.1950707918196</v>
      </c>
    </row>
    <row r="24" spans="1:4" x14ac:dyDescent="0.3">
      <c r="A24" s="6">
        <v>45314</v>
      </c>
      <c r="B24" s="3">
        <v>101.98686326347061</v>
      </c>
      <c r="C24" s="3">
        <v>98.435363498773555</v>
      </c>
      <c r="D24" s="3">
        <v>104.85055060304143</v>
      </c>
    </row>
    <row r="25" spans="1:4" x14ac:dyDescent="0.3">
      <c r="A25" s="6">
        <v>45315</v>
      </c>
      <c r="B25" s="3">
        <v>102.0696754391666</v>
      </c>
      <c r="C25" s="3">
        <v>99.596054485674031</v>
      </c>
      <c r="D25" s="3">
        <v>105.6458661073239</v>
      </c>
    </row>
    <row r="26" spans="1:4" x14ac:dyDescent="0.3">
      <c r="A26" s="6">
        <v>45316</v>
      </c>
      <c r="B26" s="3">
        <v>102.60659184918541</v>
      </c>
      <c r="C26" s="3">
        <v>99.895830071499418</v>
      </c>
      <c r="D26" s="3">
        <v>105.61964691487502</v>
      </c>
    </row>
    <row r="27" spans="1:4" x14ac:dyDescent="0.3">
      <c r="A27" s="6">
        <v>45317</v>
      </c>
      <c r="B27" s="3">
        <v>102.53971315539549</v>
      </c>
      <c r="C27" s="3">
        <v>101.00537550232245</v>
      </c>
      <c r="D27" s="3">
        <v>105.36619472120259</v>
      </c>
    </row>
    <row r="28" spans="1:4" x14ac:dyDescent="0.3">
      <c r="A28" s="6">
        <v>45320</v>
      </c>
      <c r="B28" s="3">
        <v>103.31458353861669</v>
      </c>
      <c r="C28" s="3">
        <v>101.21455038881062</v>
      </c>
      <c r="D28" s="3">
        <v>106.5984967662996</v>
      </c>
    </row>
    <row r="29" spans="1:4" x14ac:dyDescent="0.3">
      <c r="A29" s="6">
        <v>45321</v>
      </c>
      <c r="B29" s="3">
        <v>103.25252681961412</v>
      </c>
      <c r="C29" s="3">
        <v>101.37884244037369</v>
      </c>
      <c r="D29" s="3">
        <v>105.72452368467052</v>
      </c>
    </row>
    <row r="30" spans="1:4" x14ac:dyDescent="0.3">
      <c r="A30" s="6">
        <v>45322</v>
      </c>
      <c r="B30" s="3">
        <v>101.58957447120758</v>
      </c>
      <c r="C30" s="3">
        <v>101.38719273524347</v>
      </c>
      <c r="D30" s="3">
        <v>102.54326166754065</v>
      </c>
    </row>
    <row r="31" spans="1:4" x14ac:dyDescent="0.3">
      <c r="A31" s="6">
        <v>45323</v>
      </c>
      <c r="B31" s="3">
        <v>102.85880209567215</v>
      </c>
      <c r="C31" s="3">
        <v>101.00871562027037</v>
      </c>
      <c r="D31" s="3">
        <v>104.16011186855445</v>
      </c>
    </row>
    <row r="32" spans="1:4" x14ac:dyDescent="0.3">
      <c r="A32" s="6">
        <v>45324</v>
      </c>
      <c r="B32" s="3">
        <v>103.95779304503515</v>
      </c>
      <c r="C32" s="3">
        <v>101.0247899378947</v>
      </c>
      <c r="D32" s="3">
        <v>107.89197692711063</v>
      </c>
    </row>
    <row r="33" spans="1:4" x14ac:dyDescent="0.3">
      <c r="A33" s="6">
        <v>45327</v>
      </c>
      <c r="B33" s="3">
        <v>103.62654434225121</v>
      </c>
      <c r="C33" s="3">
        <v>100.97427065393248</v>
      </c>
      <c r="D33" s="3">
        <v>107.98811396608986</v>
      </c>
    </row>
    <row r="34" spans="1:4" x14ac:dyDescent="0.3">
      <c r="A34" s="6">
        <v>45328</v>
      </c>
      <c r="B34" s="3">
        <v>103.86596587299755</v>
      </c>
      <c r="C34" s="3">
        <v>101.61390324095821</v>
      </c>
      <c r="D34" s="3">
        <v>107.90945638874322</v>
      </c>
    </row>
    <row r="35" spans="1:4" x14ac:dyDescent="0.3">
      <c r="A35" s="6">
        <v>45329</v>
      </c>
      <c r="B35" s="3">
        <v>104.7219712232931</v>
      </c>
      <c r="C35" s="3">
        <v>101.37842492563018</v>
      </c>
      <c r="D35" s="3">
        <v>109.50008739730816</v>
      </c>
    </row>
    <row r="36" spans="1:4" x14ac:dyDescent="0.3">
      <c r="A36" s="6">
        <v>45330</v>
      </c>
      <c r="B36" s="3">
        <v>104.78172178044083</v>
      </c>
      <c r="C36" s="3">
        <v>101.30348102917384</v>
      </c>
      <c r="D36" s="3">
        <v>109.30781331934976</v>
      </c>
    </row>
    <row r="37" spans="1:4" x14ac:dyDescent="0.3">
      <c r="A37" s="6">
        <v>45331</v>
      </c>
      <c r="B37" s="3">
        <v>105.38342037347243</v>
      </c>
      <c r="C37" s="3">
        <v>101.21204530034966</v>
      </c>
      <c r="D37" s="3">
        <v>111.0819786750568</v>
      </c>
    </row>
    <row r="38" spans="1:4" x14ac:dyDescent="0.3">
      <c r="A38" s="6">
        <v>45334</v>
      </c>
      <c r="B38" s="3">
        <v>105.28341680940412</v>
      </c>
      <c r="C38" s="3">
        <v>101.76045091592299</v>
      </c>
      <c r="D38" s="3">
        <v>110.11186855444852</v>
      </c>
    </row>
    <row r="39" spans="1:4" x14ac:dyDescent="0.3">
      <c r="A39" s="6">
        <v>45335</v>
      </c>
      <c r="B39" s="3">
        <v>103.84374285876017</v>
      </c>
      <c r="C39" s="3">
        <v>100.79348677000158</v>
      </c>
      <c r="D39" s="3">
        <v>108.40762104527182</v>
      </c>
    </row>
    <row r="40" spans="1:4" x14ac:dyDescent="0.3">
      <c r="A40" s="6">
        <v>45336</v>
      </c>
      <c r="B40" s="3">
        <v>104.83853722250058</v>
      </c>
      <c r="C40" s="3">
        <v>101.29784458013675</v>
      </c>
      <c r="D40" s="3">
        <v>109.52630658975704</v>
      </c>
    </row>
    <row r="41" spans="1:4" x14ac:dyDescent="0.3">
      <c r="A41" s="6">
        <v>45337</v>
      </c>
      <c r="B41" s="3">
        <v>105.44883150971836</v>
      </c>
      <c r="C41" s="3">
        <v>101.98695266426596</v>
      </c>
      <c r="D41" s="3">
        <v>109.12427897220766</v>
      </c>
    </row>
    <row r="42" spans="1:4" x14ac:dyDescent="0.3">
      <c r="A42" s="6">
        <v>45338</v>
      </c>
      <c r="B42" s="3">
        <v>104.94231450596772</v>
      </c>
      <c r="C42" s="3">
        <v>102.62261886122855</v>
      </c>
      <c r="D42" s="3">
        <v>108.25030589057857</v>
      </c>
    </row>
    <row r="43" spans="1:4" x14ac:dyDescent="0.3">
      <c r="A43" s="6">
        <v>45341</v>
      </c>
      <c r="B43" s="3">
        <v>104.94231450596772</v>
      </c>
      <c r="C43" s="3">
        <v>102.79066854548302</v>
      </c>
      <c r="D43" s="3">
        <v>108.25030589057857</v>
      </c>
    </row>
    <row r="44" spans="1:4" x14ac:dyDescent="0.3">
      <c r="A44" s="6">
        <v>45342</v>
      </c>
      <c r="B44" s="3">
        <v>104.31210336636735</v>
      </c>
      <c r="C44" s="3">
        <v>102.68754240384115</v>
      </c>
      <c r="D44" s="3">
        <v>107.07044223037931</v>
      </c>
    </row>
    <row r="45" spans="1:4" x14ac:dyDescent="0.3">
      <c r="A45" s="6">
        <v>45343</v>
      </c>
      <c r="B45" s="3">
        <v>104.44397389424782</v>
      </c>
      <c r="C45" s="3">
        <v>102.51093366734511</v>
      </c>
      <c r="D45" s="3">
        <v>106.92186680650235</v>
      </c>
    </row>
    <row r="46" spans="1:4" x14ac:dyDescent="0.3">
      <c r="A46" s="6">
        <v>45344</v>
      </c>
      <c r="B46" s="3">
        <v>106.65013218500449</v>
      </c>
      <c r="C46" s="3">
        <v>103.35640102291114</v>
      </c>
      <c r="D46" s="3">
        <v>111.30047194546407</v>
      </c>
    </row>
    <row r="47" spans="1:4" x14ac:dyDescent="0.3">
      <c r="A47" s="6">
        <v>45345</v>
      </c>
      <c r="B47" s="3">
        <v>106.68724042575943</v>
      </c>
      <c r="C47" s="3">
        <v>103.80397682793175</v>
      </c>
      <c r="D47" s="3">
        <v>110.88970459709839</v>
      </c>
    </row>
    <row r="48" spans="1:4" x14ac:dyDescent="0.3">
      <c r="A48" s="6">
        <v>45348</v>
      </c>
      <c r="B48" s="3">
        <v>106.28324279900963</v>
      </c>
      <c r="C48" s="3">
        <v>103.42382965398467</v>
      </c>
      <c r="D48" s="3">
        <v>110.07690963118337</v>
      </c>
    </row>
    <row r="49" spans="1:4" x14ac:dyDescent="0.3">
      <c r="A49" s="6">
        <v>45349</v>
      </c>
      <c r="B49" s="3">
        <v>106.46459098122996</v>
      </c>
      <c r="C49" s="3">
        <v>103.61192004592664</v>
      </c>
      <c r="D49" s="3">
        <v>110.33036182485579</v>
      </c>
    </row>
    <row r="50" spans="1:4" x14ac:dyDescent="0.3">
      <c r="A50" s="6">
        <v>45350</v>
      </c>
      <c r="B50" s="3">
        <v>106.288064773797</v>
      </c>
      <c r="C50" s="3">
        <v>103.24993476332136</v>
      </c>
      <c r="D50" s="3">
        <v>109.67488201363398</v>
      </c>
    </row>
    <row r="51" spans="1:4" x14ac:dyDescent="0.3">
      <c r="A51" s="6">
        <v>45351</v>
      </c>
      <c r="B51" s="3">
        <v>106.8438497808098</v>
      </c>
      <c r="C51" s="3">
        <v>103.25390115338449</v>
      </c>
      <c r="D51" s="3">
        <v>110.91592378954729</v>
      </c>
    </row>
    <row r="52" spans="1:4" x14ac:dyDescent="0.3">
      <c r="A52" s="6">
        <v>45352</v>
      </c>
      <c r="B52" s="3">
        <v>107.69943582894987</v>
      </c>
      <c r="C52" s="3">
        <v>103.87307551797922</v>
      </c>
      <c r="D52" s="3">
        <v>111.8510749868904</v>
      </c>
    </row>
    <row r="53" spans="1:4" x14ac:dyDescent="0.3">
      <c r="A53" s="6">
        <v>45355</v>
      </c>
      <c r="B53" s="3">
        <v>107.57091971831281</v>
      </c>
      <c r="C53" s="3">
        <v>103.83716925003914</v>
      </c>
      <c r="D53" s="3">
        <v>111.01206082852649</v>
      </c>
    </row>
    <row r="54" spans="1:4" x14ac:dyDescent="0.3">
      <c r="A54" s="6">
        <v>45356</v>
      </c>
      <c r="B54" s="3">
        <v>106.47444458188235</v>
      </c>
      <c r="C54" s="3">
        <v>103.5996033609937</v>
      </c>
      <c r="D54" s="3">
        <v>109.03688166404476</v>
      </c>
    </row>
    <row r="55" spans="1:4" x14ac:dyDescent="0.3">
      <c r="A55" s="6">
        <v>45357</v>
      </c>
      <c r="B55" s="3">
        <v>107.02184354578677</v>
      </c>
      <c r="C55" s="3">
        <v>104.00459266217841</v>
      </c>
      <c r="D55" s="3">
        <v>109.32529278098235</v>
      </c>
    </row>
    <row r="56" spans="1:4" x14ac:dyDescent="0.3">
      <c r="A56" s="6">
        <v>45358</v>
      </c>
      <c r="B56" s="3">
        <v>108.12460821454852</v>
      </c>
      <c r="C56" s="3">
        <v>105.03794165231459</v>
      </c>
      <c r="D56" s="3">
        <v>111.57140360076909</v>
      </c>
    </row>
    <row r="57" spans="1:4" x14ac:dyDescent="0.3">
      <c r="A57" s="6">
        <v>45359</v>
      </c>
      <c r="B57" s="3">
        <v>107.41871303589437</v>
      </c>
      <c r="C57" s="3">
        <v>105.05839987474556</v>
      </c>
      <c r="D57" s="3">
        <v>110.23422478587659</v>
      </c>
    </row>
    <row r="58" spans="1:4" x14ac:dyDescent="0.3">
      <c r="A58" s="6">
        <v>45362</v>
      </c>
      <c r="B58" s="3">
        <v>107.29816366621033</v>
      </c>
      <c r="C58" s="3">
        <v>104.68910808412923</v>
      </c>
      <c r="D58" s="3">
        <v>109.57000524383848</v>
      </c>
    </row>
    <row r="59" spans="1:4" x14ac:dyDescent="0.3">
      <c r="A59" s="6">
        <v>45363</v>
      </c>
      <c r="B59" s="3">
        <v>108.50009329472961</v>
      </c>
      <c r="C59" s="3">
        <v>105.73894890663328</v>
      </c>
      <c r="D59" s="3">
        <v>112.37545883586786</v>
      </c>
    </row>
    <row r="60" spans="1:4" x14ac:dyDescent="0.3">
      <c r="A60" s="6">
        <v>45364</v>
      </c>
      <c r="B60" s="3">
        <v>108.29128082132908</v>
      </c>
      <c r="C60" s="3">
        <v>105.90887740723345</v>
      </c>
      <c r="D60" s="3">
        <v>111.78989687117638</v>
      </c>
    </row>
    <row r="61" spans="1:4" x14ac:dyDescent="0.3">
      <c r="A61" s="6">
        <v>45365</v>
      </c>
      <c r="B61" s="3">
        <v>107.98036827308309</v>
      </c>
      <c r="C61" s="3">
        <v>105.71389802202391</v>
      </c>
      <c r="D61" s="3">
        <v>112.31428072015382</v>
      </c>
    </row>
    <row r="62" spans="1:4" x14ac:dyDescent="0.3">
      <c r="A62" s="6">
        <v>45366</v>
      </c>
      <c r="B62" s="3">
        <v>107.28034332460486</v>
      </c>
      <c r="C62" s="3">
        <v>105.38155628620636</v>
      </c>
      <c r="D62" s="3">
        <v>110.98584163607761</v>
      </c>
    </row>
    <row r="63" spans="1:4" x14ac:dyDescent="0.3">
      <c r="A63" s="6">
        <v>45369</v>
      </c>
      <c r="B63" s="3">
        <v>107.9581452588457</v>
      </c>
      <c r="C63" s="3">
        <v>105.20181618913418</v>
      </c>
      <c r="D63" s="3">
        <v>112.47159587484705</v>
      </c>
    </row>
    <row r="64" spans="1:4" x14ac:dyDescent="0.3">
      <c r="A64" s="6">
        <v>45370</v>
      </c>
      <c r="B64" s="3">
        <v>108.56802024390808</v>
      </c>
      <c r="C64" s="3">
        <v>105.47027816919785</v>
      </c>
      <c r="D64" s="3">
        <v>113.23195245586437</v>
      </c>
    </row>
    <row r="65" spans="1:4" x14ac:dyDescent="0.3">
      <c r="A65" s="6">
        <v>45371</v>
      </c>
      <c r="B65" s="3">
        <v>109.53472136323516</v>
      </c>
      <c r="C65" s="3">
        <v>105.46547674964775</v>
      </c>
      <c r="D65" s="3">
        <v>114.67400804055234</v>
      </c>
    </row>
    <row r="66" spans="1:4" x14ac:dyDescent="0.3">
      <c r="A66" s="6">
        <v>45372</v>
      </c>
      <c r="B66" s="3">
        <v>109.88924133564508</v>
      </c>
      <c r="C66" s="3">
        <v>106.41741036480352</v>
      </c>
      <c r="D66" s="3">
        <v>114.08844607586084</v>
      </c>
    </row>
    <row r="67" spans="1:4" x14ac:dyDescent="0.3">
      <c r="A67" s="6">
        <v>45373</v>
      </c>
      <c r="B67" s="3">
        <v>109.73514779352725</v>
      </c>
      <c r="C67" s="3">
        <v>106.39194196545067</v>
      </c>
      <c r="D67" s="3">
        <v>115.16343296626465</v>
      </c>
    </row>
    <row r="68" spans="1:4" x14ac:dyDescent="0.3">
      <c r="A68" s="6">
        <v>45376</v>
      </c>
      <c r="B68" s="3">
        <v>109.39991572026675</v>
      </c>
      <c r="C68" s="3">
        <v>106.43786858723449</v>
      </c>
      <c r="D68" s="3">
        <v>114.66526830973605</v>
      </c>
    </row>
    <row r="69" spans="1:4" x14ac:dyDescent="0.3">
      <c r="A69" s="6">
        <v>45377</v>
      </c>
      <c r="B69" s="3">
        <v>109.09361549573046</v>
      </c>
      <c r="C69" s="3">
        <v>106.69484891185222</v>
      </c>
      <c r="D69" s="3">
        <v>113.82625415137215</v>
      </c>
    </row>
    <row r="70" spans="1:4" x14ac:dyDescent="0.3">
      <c r="A70" s="6">
        <v>45378</v>
      </c>
      <c r="B70" s="3">
        <v>110.03515848573223</v>
      </c>
      <c r="C70" s="3">
        <v>106.83074996085801</v>
      </c>
      <c r="D70" s="3">
        <v>113.92239119035132</v>
      </c>
    </row>
    <row r="71" spans="1:4" x14ac:dyDescent="0.3">
      <c r="A71" s="6">
        <v>45379</v>
      </c>
      <c r="B71" s="3">
        <v>110.15801401727107</v>
      </c>
      <c r="C71" s="3">
        <v>107.02426804446532</v>
      </c>
      <c r="D71" s="3">
        <v>113.42422653382276</v>
      </c>
    </row>
    <row r="72" spans="1:4" x14ac:dyDescent="0.3">
      <c r="A72" s="6">
        <v>45380</v>
      </c>
      <c r="B72" s="3">
        <v>110.15801401727107</v>
      </c>
      <c r="C72" s="3">
        <v>107.02426804446532</v>
      </c>
      <c r="D72" s="3">
        <v>113.42422653382276</v>
      </c>
    </row>
    <row r="73" spans="1:4" x14ac:dyDescent="0.3">
      <c r="A73" s="6">
        <v>45383</v>
      </c>
      <c r="B73" s="3">
        <v>109.93620317705243</v>
      </c>
      <c r="C73" s="3">
        <v>107.02426804446532</v>
      </c>
      <c r="D73" s="3">
        <v>114.10592553749343</v>
      </c>
    </row>
    <row r="74" spans="1:4" x14ac:dyDescent="0.3">
      <c r="A74" s="6">
        <v>45384</v>
      </c>
      <c r="B74" s="3">
        <v>109.14036768606013</v>
      </c>
      <c r="C74" s="3">
        <v>106.16669276133814</v>
      </c>
      <c r="D74" s="3">
        <v>113.33682922565987</v>
      </c>
    </row>
    <row r="75" spans="1:4" x14ac:dyDescent="0.3">
      <c r="A75" s="6">
        <v>45385</v>
      </c>
      <c r="B75" s="3">
        <v>109.25944949820017</v>
      </c>
      <c r="C75" s="3">
        <v>106.47085225197014</v>
      </c>
      <c r="D75" s="3">
        <v>113.66893899667889</v>
      </c>
    </row>
    <row r="76" spans="1:4" x14ac:dyDescent="0.3">
      <c r="A76" s="6">
        <v>45386</v>
      </c>
      <c r="B76" s="3">
        <v>107.91181237067148</v>
      </c>
      <c r="C76" s="3">
        <v>106.64140702468556</v>
      </c>
      <c r="D76" s="3">
        <v>112.24436287362349</v>
      </c>
    </row>
    <row r="77" spans="1:4" x14ac:dyDescent="0.3">
      <c r="A77" s="6">
        <v>45387</v>
      </c>
      <c r="B77" s="3">
        <v>109.10954897763652</v>
      </c>
      <c r="C77" s="3">
        <v>105.74688168675956</v>
      </c>
      <c r="D77" s="3">
        <v>114.08844607586084</v>
      </c>
    </row>
    <row r="78" spans="1:4" x14ac:dyDescent="0.3">
      <c r="A78" s="6">
        <v>45390</v>
      </c>
      <c r="B78" s="3">
        <v>109.06866701748284</v>
      </c>
      <c r="C78" s="3">
        <v>106.24268044465319</v>
      </c>
      <c r="D78" s="3">
        <v>113.96608984443277</v>
      </c>
    </row>
    <row r="79" spans="1:4" x14ac:dyDescent="0.3">
      <c r="A79" s="6">
        <v>45391</v>
      </c>
      <c r="B79" s="3">
        <v>109.22632462792174</v>
      </c>
      <c r="C79" s="3">
        <v>105.59448880538595</v>
      </c>
      <c r="D79" s="3">
        <v>114.10592553749343</v>
      </c>
    </row>
    <row r="80" spans="1:4" x14ac:dyDescent="0.3">
      <c r="A80" s="6">
        <v>45392</v>
      </c>
      <c r="B80" s="3">
        <v>108.19337376803786</v>
      </c>
      <c r="C80" s="3">
        <v>105.75460570951411</v>
      </c>
      <c r="D80" s="3">
        <v>113.93987065198392</v>
      </c>
    </row>
    <row r="81" spans="1:4" x14ac:dyDescent="0.3">
      <c r="A81" s="6">
        <v>45393</v>
      </c>
      <c r="B81" s="3">
        <v>108.99885320860494</v>
      </c>
      <c r="C81" s="3">
        <v>105.32790564166798</v>
      </c>
      <c r="D81" s="3">
        <v>116.68414612829925</v>
      </c>
    </row>
    <row r="82" spans="1:4" x14ac:dyDescent="0.3">
      <c r="A82" s="6">
        <v>45394</v>
      </c>
      <c r="B82" s="3">
        <v>107.41284280571845</v>
      </c>
      <c r="C82" s="3">
        <v>105.475079588748</v>
      </c>
      <c r="D82" s="3">
        <v>115.23335081279495</v>
      </c>
    </row>
    <row r="83" spans="1:4" x14ac:dyDescent="0.3">
      <c r="A83" s="6">
        <v>45397</v>
      </c>
      <c r="B83" s="3">
        <v>106.12160181809413</v>
      </c>
      <c r="C83" s="3">
        <v>105.61745211627786</v>
      </c>
      <c r="D83" s="3">
        <v>112.75126726096836</v>
      </c>
    </row>
    <row r="84" spans="1:4" x14ac:dyDescent="0.3">
      <c r="A84" s="6">
        <v>45398</v>
      </c>
      <c r="B84" s="3">
        <v>105.90335504619661</v>
      </c>
      <c r="C84" s="3">
        <v>104.00501017692187</v>
      </c>
      <c r="D84" s="3">
        <v>112.51529452892852</v>
      </c>
    </row>
    <row r="85" spans="1:4" x14ac:dyDescent="0.3">
      <c r="A85" s="6">
        <v>45399</v>
      </c>
      <c r="B85" s="3">
        <v>105.29117389927943</v>
      </c>
      <c r="C85" s="3">
        <v>104.06951620479099</v>
      </c>
      <c r="D85" s="3">
        <v>111.1868554448523</v>
      </c>
    </row>
    <row r="86" spans="1:4" x14ac:dyDescent="0.3">
      <c r="A86" s="6">
        <v>45400</v>
      </c>
      <c r="B86" s="3">
        <v>105.05867085409753</v>
      </c>
      <c r="C86" s="3">
        <v>104.31626741819322</v>
      </c>
      <c r="D86" s="3">
        <v>110.60129348016081</v>
      </c>
    </row>
    <row r="87" spans="1:4" x14ac:dyDescent="0.3">
      <c r="A87" s="6">
        <v>45401</v>
      </c>
      <c r="B87" s="3">
        <v>104.13851227402236</v>
      </c>
      <c r="C87" s="3">
        <v>104.2298418662909</v>
      </c>
      <c r="D87" s="3">
        <v>107.07918196119559</v>
      </c>
    </row>
    <row r="88" spans="1:4" x14ac:dyDescent="0.3">
      <c r="A88" s="6">
        <v>45404</v>
      </c>
      <c r="B88" s="3">
        <v>105.04776899805657</v>
      </c>
      <c r="C88" s="3">
        <v>104.86070664370337</v>
      </c>
      <c r="D88" s="3">
        <v>108.36392239119034</v>
      </c>
    </row>
    <row r="89" spans="1:4" x14ac:dyDescent="0.3">
      <c r="A89" s="6">
        <v>45405</v>
      </c>
      <c r="B89" s="3">
        <v>106.30462720893617</v>
      </c>
      <c r="C89" s="3">
        <v>106.00386201137728</v>
      </c>
      <c r="D89" s="3">
        <v>110.30414263240691</v>
      </c>
    </row>
    <row r="90" spans="1:4" x14ac:dyDescent="0.3">
      <c r="A90" s="6">
        <v>45406</v>
      </c>
      <c r="B90" s="3">
        <v>106.327269525329</v>
      </c>
      <c r="C90" s="3">
        <v>105.55064975731956</v>
      </c>
      <c r="D90" s="3">
        <v>110.29540290159063</v>
      </c>
    </row>
    <row r="91" spans="1:4" x14ac:dyDescent="0.3">
      <c r="A91" s="6">
        <v>45407</v>
      </c>
      <c r="B91" s="3">
        <v>105.84066937396091</v>
      </c>
      <c r="C91" s="3">
        <v>104.87594593184073</v>
      </c>
      <c r="D91" s="3">
        <v>109.07184058730989</v>
      </c>
    </row>
    <row r="92" spans="1:4" x14ac:dyDescent="0.3">
      <c r="A92" s="6">
        <v>45408</v>
      </c>
      <c r="B92" s="3">
        <v>106.9212110284853</v>
      </c>
      <c r="C92" s="3">
        <v>106.04540472835448</v>
      </c>
      <c r="D92" s="3">
        <v>112.59395210627514</v>
      </c>
    </row>
    <row r="93" spans="1:4" x14ac:dyDescent="0.3">
      <c r="A93" s="6">
        <v>45411</v>
      </c>
      <c r="B93" s="3">
        <v>107.26105542545542</v>
      </c>
      <c r="C93" s="3">
        <v>106.12013986743906</v>
      </c>
      <c r="D93" s="3">
        <v>112.84740429994756</v>
      </c>
    </row>
    <row r="94" spans="1:4" x14ac:dyDescent="0.3">
      <c r="A94" s="6">
        <v>45412</v>
      </c>
      <c r="B94" s="3">
        <v>105.57378355203436</v>
      </c>
      <c r="C94" s="3">
        <v>105.39930066280468</v>
      </c>
      <c r="D94" s="3">
        <v>110.1468274777137</v>
      </c>
    </row>
    <row r="95" spans="1:4" x14ac:dyDescent="0.3">
      <c r="A95" s="6">
        <v>45413</v>
      </c>
      <c r="B95" s="3">
        <v>105.21108718759369</v>
      </c>
      <c r="C95" s="3">
        <v>105.27801262982099</v>
      </c>
      <c r="D95" s="3">
        <v>110.17304667016256</v>
      </c>
    </row>
    <row r="96" spans="1:4" x14ac:dyDescent="0.3">
      <c r="A96" s="6">
        <v>45414</v>
      </c>
      <c r="B96" s="3">
        <v>106.17149877458945</v>
      </c>
      <c r="C96" s="3">
        <v>105.04817076353008</v>
      </c>
      <c r="D96" s="3">
        <v>112.24436287362349</v>
      </c>
    </row>
    <row r="97" spans="1:4" x14ac:dyDescent="0.3">
      <c r="A97" s="6">
        <v>45415</v>
      </c>
      <c r="B97" s="3">
        <v>107.50466997775602</v>
      </c>
      <c r="C97" s="3">
        <v>105.53415792495173</v>
      </c>
      <c r="D97" s="3">
        <v>115.24209054361125</v>
      </c>
    </row>
    <row r="98" spans="1:4" x14ac:dyDescent="0.3">
      <c r="A98" s="6">
        <v>45418</v>
      </c>
      <c r="B98" s="3">
        <v>108.61477243423772</v>
      </c>
      <c r="C98" s="3">
        <v>106.09467146808625</v>
      </c>
      <c r="D98" s="3">
        <v>116.86768047544133</v>
      </c>
    </row>
    <row r="99" spans="1:4" x14ac:dyDescent="0.3">
      <c r="A99" s="6">
        <v>45419</v>
      </c>
      <c r="B99" s="3">
        <v>108.76068958432481</v>
      </c>
      <c r="C99" s="3">
        <v>107.30462919471844</v>
      </c>
      <c r="D99" s="3">
        <v>116.51809124278971</v>
      </c>
    </row>
    <row r="100" spans="1:4" x14ac:dyDescent="0.3">
      <c r="A100" s="6">
        <v>45420</v>
      </c>
      <c r="B100" s="3">
        <v>108.76006063109169</v>
      </c>
      <c r="C100" s="3">
        <v>107.66995459527165</v>
      </c>
      <c r="D100" s="3">
        <v>116.37825554972908</v>
      </c>
    </row>
    <row r="101" spans="1:4" x14ac:dyDescent="0.3">
      <c r="A101" s="6">
        <v>45421</v>
      </c>
      <c r="B101" s="3">
        <v>109.31374912732741</v>
      </c>
      <c r="C101" s="3">
        <v>107.8803820259903</v>
      </c>
      <c r="D101" s="3">
        <v>116.52683097360601</v>
      </c>
    </row>
    <row r="102" spans="1:4" x14ac:dyDescent="0.3">
      <c r="A102" s="6">
        <v>45422</v>
      </c>
      <c r="B102" s="3">
        <v>109.49404905415916</v>
      </c>
      <c r="C102" s="3">
        <v>108.71332393925161</v>
      </c>
      <c r="D102" s="3">
        <v>116.37825554972908</v>
      </c>
    </row>
    <row r="103" spans="1:4" x14ac:dyDescent="0.3">
      <c r="A103" s="6">
        <v>45425</v>
      </c>
      <c r="B103" s="3">
        <v>109.46763301836755</v>
      </c>
      <c r="C103" s="3">
        <v>108.73315588956736</v>
      </c>
      <c r="D103" s="3">
        <v>116.74532424401329</v>
      </c>
    </row>
    <row r="104" spans="1:4" x14ac:dyDescent="0.3">
      <c r="A104" s="6">
        <v>45426</v>
      </c>
      <c r="B104" s="3">
        <v>109.99721164066646</v>
      </c>
      <c r="C104" s="3">
        <v>108.89744794113041</v>
      </c>
      <c r="D104" s="3">
        <v>117.66299597972383</v>
      </c>
    </row>
    <row r="105" spans="1:4" x14ac:dyDescent="0.3">
      <c r="A105" s="6">
        <v>45427</v>
      </c>
      <c r="B105" s="3">
        <v>111.28593681535818</v>
      </c>
      <c r="C105" s="3">
        <v>109.53645425604091</v>
      </c>
      <c r="D105" s="3">
        <v>119.34976402726795</v>
      </c>
    </row>
    <row r="106" spans="1:4" x14ac:dyDescent="0.3">
      <c r="A106" s="6">
        <v>45428</v>
      </c>
      <c r="B106" s="3">
        <v>111.05427237448716</v>
      </c>
      <c r="C106" s="3">
        <v>109.30974375032618</v>
      </c>
      <c r="D106" s="3">
        <v>118.99143506380005</v>
      </c>
    </row>
    <row r="107" spans="1:4" x14ac:dyDescent="0.3">
      <c r="A107" s="6">
        <v>45429</v>
      </c>
      <c r="B107" s="3">
        <v>111.18362708943508</v>
      </c>
      <c r="C107" s="3">
        <v>109.16695370805283</v>
      </c>
      <c r="D107" s="3">
        <v>118.85159937073939</v>
      </c>
    </row>
    <row r="108" spans="1:4" x14ac:dyDescent="0.3">
      <c r="A108" s="6">
        <v>45432</v>
      </c>
      <c r="B108" s="3">
        <v>111.28551751320279</v>
      </c>
      <c r="C108" s="3">
        <v>109.36506445383853</v>
      </c>
      <c r="D108" s="3">
        <v>119.6993532599196</v>
      </c>
    </row>
    <row r="109" spans="1:4" x14ac:dyDescent="0.3">
      <c r="A109" s="6">
        <v>45433</v>
      </c>
      <c r="B109" s="3">
        <v>111.56393414440346</v>
      </c>
      <c r="C109" s="3">
        <v>109.16925003914201</v>
      </c>
      <c r="D109" s="3">
        <v>120.51214822583465</v>
      </c>
    </row>
    <row r="110" spans="1:4" x14ac:dyDescent="0.3">
      <c r="A110" s="6">
        <v>45434</v>
      </c>
      <c r="B110" s="3">
        <v>111.26203659249911</v>
      </c>
      <c r="C110" s="3">
        <v>108.79933197641046</v>
      </c>
      <c r="D110" s="3">
        <v>120.08390141583641</v>
      </c>
    </row>
    <row r="111" spans="1:4" x14ac:dyDescent="0.3">
      <c r="A111" s="6">
        <v>45435</v>
      </c>
      <c r="B111" s="3">
        <v>110.44083332110368</v>
      </c>
      <c r="C111" s="3">
        <v>108.88012107927563</v>
      </c>
      <c r="D111" s="3">
        <v>120.643244188079</v>
      </c>
    </row>
    <row r="112" spans="1:4" x14ac:dyDescent="0.3">
      <c r="A112" s="6">
        <v>45436</v>
      </c>
      <c r="B112" s="3">
        <v>111.21402649570319</v>
      </c>
      <c r="C112" s="3">
        <v>108.67324252387664</v>
      </c>
      <c r="D112" s="3">
        <v>122.33001223562314</v>
      </c>
    </row>
    <row r="113" spans="1:4" x14ac:dyDescent="0.3">
      <c r="A113" s="6">
        <v>45439</v>
      </c>
      <c r="B113" s="3">
        <v>111.21402649570319</v>
      </c>
      <c r="C113" s="3">
        <v>109.01560461353792</v>
      </c>
      <c r="D113" s="3">
        <v>122.33001223562314</v>
      </c>
    </row>
    <row r="114" spans="1:4" x14ac:dyDescent="0.3">
      <c r="A114" s="6">
        <v>45440</v>
      </c>
      <c r="B114" s="3">
        <v>111.24170043796111</v>
      </c>
      <c r="C114" s="3">
        <v>108.36115025311832</v>
      </c>
      <c r="D114" s="3">
        <v>124.24401328439083</v>
      </c>
    </row>
    <row r="115" spans="1:4" x14ac:dyDescent="0.3">
      <c r="A115" s="6">
        <v>45441</v>
      </c>
      <c r="B115" s="3">
        <v>110.42217437518735</v>
      </c>
      <c r="C115" s="3">
        <v>107.18730755179793</v>
      </c>
      <c r="D115" s="3">
        <v>124.20031463030941</v>
      </c>
    </row>
    <row r="116" spans="1:4" x14ac:dyDescent="0.3">
      <c r="A116" s="6">
        <v>45442</v>
      </c>
      <c r="B116" s="3">
        <v>109.76240243362969</v>
      </c>
      <c r="C116" s="3">
        <v>107.82318250613227</v>
      </c>
      <c r="D116" s="3">
        <v>121.74445027093167</v>
      </c>
    </row>
    <row r="117" spans="1:4" x14ac:dyDescent="0.3">
      <c r="A117" s="6">
        <v>45443</v>
      </c>
      <c r="B117" s="3">
        <v>110.64356591325057</v>
      </c>
      <c r="C117" s="3">
        <v>108.17180731694587</v>
      </c>
      <c r="D117" s="3">
        <v>121.49099807725921</v>
      </c>
    </row>
    <row r="118" spans="1:4" x14ac:dyDescent="0.3">
      <c r="A118" s="6">
        <v>45446</v>
      </c>
      <c r="B118" s="3">
        <v>110.76705039802258</v>
      </c>
      <c r="C118" s="3">
        <v>108.52293721622046</v>
      </c>
      <c r="D118" s="3">
        <v>123.18650585561963</v>
      </c>
    </row>
    <row r="119" spans="1:4" x14ac:dyDescent="0.3">
      <c r="A119" s="6">
        <v>45447</v>
      </c>
      <c r="B119" s="3">
        <v>110.93351335372542</v>
      </c>
      <c r="C119" s="3">
        <v>107.93904284745055</v>
      </c>
      <c r="D119" s="3">
        <v>123.80702674357629</v>
      </c>
    </row>
    <row r="120" spans="1:4" x14ac:dyDescent="0.3">
      <c r="A120" s="6">
        <v>45448</v>
      </c>
      <c r="B120" s="3">
        <v>112.24781595989795</v>
      </c>
      <c r="C120" s="3">
        <v>108.80997860236941</v>
      </c>
      <c r="D120" s="3">
        <v>126.53382275825903</v>
      </c>
    </row>
    <row r="121" spans="1:4" x14ac:dyDescent="0.3">
      <c r="A121" s="6">
        <v>45449</v>
      </c>
      <c r="B121" s="3">
        <v>112.22538329458283</v>
      </c>
      <c r="C121" s="3">
        <v>109.52998277751685</v>
      </c>
      <c r="D121" s="3">
        <v>126.55130221989164</v>
      </c>
    </row>
    <row r="122" spans="1:4" x14ac:dyDescent="0.3">
      <c r="A122" s="6">
        <v>45450</v>
      </c>
      <c r="B122" s="3">
        <v>112.10022160118915</v>
      </c>
      <c r="C122" s="3">
        <v>109.29471321956059</v>
      </c>
      <c r="D122" s="3">
        <v>126.49012410417757</v>
      </c>
    </row>
    <row r="123" spans="1:4" x14ac:dyDescent="0.3">
      <c r="A123" s="6">
        <v>45453</v>
      </c>
      <c r="B123" s="3">
        <v>112.38954008843083</v>
      </c>
      <c r="C123" s="3">
        <v>109.00537550232245</v>
      </c>
      <c r="D123" s="3">
        <v>126.83971333682922</v>
      </c>
    </row>
    <row r="124" spans="1:4" x14ac:dyDescent="0.3">
      <c r="A124" s="6">
        <v>45454</v>
      </c>
      <c r="B124" s="3">
        <v>112.69416310434546</v>
      </c>
      <c r="C124" s="3">
        <v>107.9887271019258</v>
      </c>
      <c r="D124" s="3">
        <v>128.9722076560042</v>
      </c>
    </row>
    <row r="125" spans="1:4" x14ac:dyDescent="0.3">
      <c r="A125" s="6">
        <v>45455</v>
      </c>
      <c r="B125" s="3">
        <v>113.65247818056407</v>
      </c>
      <c r="C125" s="3">
        <v>109.15693335420909</v>
      </c>
      <c r="D125" s="3">
        <v>131.52420905436114</v>
      </c>
    </row>
    <row r="126" spans="1:4" x14ac:dyDescent="0.3">
      <c r="A126" s="6">
        <v>45456</v>
      </c>
      <c r="B126" s="3">
        <v>113.91894470033523</v>
      </c>
      <c r="C126" s="3">
        <v>107.72652784301447</v>
      </c>
      <c r="D126" s="3">
        <v>132.21464778884811</v>
      </c>
    </row>
    <row r="127" spans="1:4" x14ac:dyDescent="0.3">
      <c r="A127" s="6">
        <v>45457</v>
      </c>
      <c r="B127" s="3">
        <v>113.87407936970502</v>
      </c>
      <c r="C127" s="3">
        <v>106.68608110223894</v>
      </c>
      <c r="D127" s="3">
        <v>132.59045621394861</v>
      </c>
    </row>
    <row r="128" spans="1:4" x14ac:dyDescent="0.3">
      <c r="A128" s="6">
        <v>45460</v>
      </c>
      <c r="B128" s="3">
        <v>114.74685680621741</v>
      </c>
      <c r="C128" s="3">
        <v>106.77689055894785</v>
      </c>
      <c r="D128" s="3">
        <v>133.682922565985</v>
      </c>
    </row>
    <row r="129" spans="1:4" x14ac:dyDescent="0.3">
      <c r="A129" s="6">
        <v>45461</v>
      </c>
      <c r="B129" s="3">
        <v>115.03617529345911</v>
      </c>
      <c r="C129" s="3">
        <v>107.51234277960442</v>
      </c>
      <c r="D129" s="3">
        <v>133.75284041251527</v>
      </c>
    </row>
    <row r="130" spans="1:4" x14ac:dyDescent="0.3">
      <c r="A130" s="6">
        <v>45462</v>
      </c>
      <c r="B130" s="3">
        <v>115.03617529345911</v>
      </c>
      <c r="C130" s="3">
        <v>107.32780126298212</v>
      </c>
      <c r="D130" s="3">
        <v>133.75284041251527</v>
      </c>
    </row>
    <row r="131" spans="1:4" x14ac:dyDescent="0.3">
      <c r="A131" s="6">
        <v>45463</v>
      </c>
      <c r="B131" s="3">
        <v>114.74559889975116</v>
      </c>
      <c r="C131" s="3">
        <v>108.3269140441522</v>
      </c>
      <c r="D131" s="3">
        <v>132.38070267435762</v>
      </c>
    </row>
    <row r="132" spans="1:4" x14ac:dyDescent="0.3">
      <c r="A132" s="6">
        <v>45464</v>
      </c>
      <c r="B132" s="3">
        <v>114.56634722830792</v>
      </c>
      <c r="C132" s="3">
        <v>107.53384478889414</v>
      </c>
      <c r="D132" s="3">
        <v>131.90875721027791</v>
      </c>
    </row>
    <row r="133" spans="1:4" x14ac:dyDescent="0.3">
      <c r="A133" s="6">
        <v>45467</v>
      </c>
      <c r="B133" s="3">
        <v>114.2151816731414</v>
      </c>
      <c r="C133" s="3">
        <v>108.31898126402588</v>
      </c>
      <c r="D133" s="3">
        <v>129.7238245062052</v>
      </c>
    </row>
    <row r="134" spans="1:4" x14ac:dyDescent="0.3">
      <c r="A134" s="6">
        <v>45468</v>
      </c>
      <c r="B134" s="3">
        <v>114.66446393267684</v>
      </c>
      <c r="C134" s="3">
        <v>108.07285632273891</v>
      </c>
      <c r="D134" s="3">
        <v>132.70407271456037</v>
      </c>
    </row>
    <row r="135" spans="1:4" x14ac:dyDescent="0.3">
      <c r="A135" s="6">
        <v>45469</v>
      </c>
      <c r="B135" s="3">
        <v>114.84476385950862</v>
      </c>
      <c r="C135" s="3">
        <v>107.47080006262722</v>
      </c>
      <c r="D135" s="3">
        <v>134.22478587659501</v>
      </c>
    </row>
    <row r="136" spans="1:4" x14ac:dyDescent="0.3">
      <c r="A136" s="6">
        <v>45470</v>
      </c>
      <c r="B136" s="3">
        <v>114.94896044513116</v>
      </c>
      <c r="C136" s="3">
        <v>107.00756745472574</v>
      </c>
      <c r="D136" s="3">
        <v>134.5131969935326</v>
      </c>
    </row>
    <row r="137" spans="1:4" x14ac:dyDescent="0.3">
      <c r="A137" s="6">
        <v>45471</v>
      </c>
      <c r="B137" s="3">
        <v>114.47955168213542</v>
      </c>
      <c r="C137" s="3">
        <v>106.76269505766925</v>
      </c>
      <c r="D137" s="3">
        <v>132.58171648313231</v>
      </c>
    </row>
    <row r="138" spans="1:4" x14ac:dyDescent="0.3">
      <c r="A138" s="6">
        <v>45474</v>
      </c>
      <c r="B138" s="3">
        <v>114.78585190667172</v>
      </c>
      <c r="C138" s="3">
        <v>107.1017170293826</v>
      </c>
      <c r="D138" s="3">
        <v>134.91522461108195</v>
      </c>
    </row>
    <row r="139" spans="1:4" x14ac:dyDescent="0.3">
      <c r="A139" s="6">
        <v>45475</v>
      </c>
      <c r="B139" s="3">
        <v>115.49698836226871</v>
      </c>
      <c r="C139" s="3">
        <v>106.65602004070772</v>
      </c>
      <c r="D139" s="3">
        <v>136.26114315679075</v>
      </c>
    </row>
    <row r="140" spans="1:4" x14ac:dyDescent="0.3">
      <c r="A140" s="6">
        <v>45476</v>
      </c>
      <c r="B140" s="3">
        <v>116.08422103093825</v>
      </c>
      <c r="C140" s="3">
        <v>107.44157403058297</v>
      </c>
      <c r="D140" s="3">
        <v>138.00034958923263</v>
      </c>
    </row>
    <row r="141" spans="1:4" x14ac:dyDescent="0.3">
      <c r="A141" s="6">
        <v>45477</v>
      </c>
      <c r="B141" s="3">
        <v>116.08422103093825</v>
      </c>
      <c r="C141" s="3">
        <v>108.04049893011849</v>
      </c>
      <c r="D141" s="3">
        <v>138.00034958923263</v>
      </c>
    </row>
    <row r="142" spans="1:4" x14ac:dyDescent="0.3">
      <c r="A142" s="6">
        <v>45478</v>
      </c>
      <c r="B142" s="3">
        <v>116.7167383323934</v>
      </c>
      <c r="C142" s="3">
        <v>107.84405824330672</v>
      </c>
      <c r="D142" s="3">
        <v>139.91435063800037</v>
      </c>
    </row>
    <row r="143" spans="1:4" x14ac:dyDescent="0.3">
      <c r="A143" s="6">
        <v>45481</v>
      </c>
      <c r="B143" s="3">
        <v>116.83540084237805</v>
      </c>
      <c r="C143" s="3">
        <v>107.80961327696883</v>
      </c>
      <c r="D143" s="3">
        <v>140.15032337004024</v>
      </c>
    </row>
    <row r="144" spans="1:4" x14ac:dyDescent="0.3">
      <c r="A144" s="6">
        <v>45482</v>
      </c>
      <c r="B144" s="3">
        <v>116.92198673747282</v>
      </c>
      <c r="C144" s="3">
        <v>106.83325504931894</v>
      </c>
      <c r="D144" s="3">
        <v>140.77084425799683</v>
      </c>
    </row>
    <row r="145" spans="1:4" x14ac:dyDescent="0.3">
      <c r="A145" s="6">
        <v>45483</v>
      </c>
      <c r="B145" s="3">
        <v>118.11553032288361</v>
      </c>
      <c r="C145" s="3">
        <v>107.80710818850791</v>
      </c>
      <c r="D145" s="3">
        <v>142.92081803880441</v>
      </c>
    </row>
    <row r="146" spans="1:4" x14ac:dyDescent="0.3">
      <c r="A146" s="6">
        <v>45484</v>
      </c>
      <c r="B146" s="3">
        <v>117.08048295222262</v>
      </c>
      <c r="C146" s="3">
        <v>108.45049840822504</v>
      </c>
      <c r="D146" s="3">
        <v>137.87799335780457</v>
      </c>
    </row>
    <row r="147" spans="1:4" x14ac:dyDescent="0.3">
      <c r="A147" s="6">
        <v>45485</v>
      </c>
      <c r="B147" s="3">
        <v>117.72641792265135</v>
      </c>
      <c r="C147" s="3">
        <v>109.40660717081573</v>
      </c>
      <c r="D147" s="3">
        <v>138.40237720678203</v>
      </c>
    </row>
    <row r="148" spans="1:4" x14ac:dyDescent="0.3">
      <c r="A148" s="6">
        <v>45488</v>
      </c>
      <c r="B148" s="3">
        <v>118.05913418297929</v>
      </c>
      <c r="C148" s="3">
        <v>108.28850268775119</v>
      </c>
      <c r="D148" s="3">
        <v>138.81314455514772</v>
      </c>
    </row>
    <row r="149" spans="1:4" x14ac:dyDescent="0.3">
      <c r="A149" s="6">
        <v>45489</v>
      </c>
      <c r="B149" s="3">
        <v>118.81345876058478</v>
      </c>
      <c r="C149" s="3">
        <v>107.9906059182715</v>
      </c>
      <c r="D149" s="3">
        <v>137.85177416535569</v>
      </c>
    </row>
    <row r="150" spans="1:4" x14ac:dyDescent="0.3">
      <c r="A150" s="6">
        <v>45490</v>
      </c>
      <c r="B150" s="3">
        <v>117.15868280420898</v>
      </c>
      <c r="C150" s="3">
        <v>107.47393142320338</v>
      </c>
      <c r="D150" s="3">
        <v>133.38577171823107</v>
      </c>
    </row>
    <row r="151" spans="1:4" x14ac:dyDescent="0.3">
      <c r="A151" s="6">
        <v>45491</v>
      </c>
      <c r="B151" s="3">
        <v>116.24292689676572</v>
      </c>
      <c r="C151" s="3">
        <v>107.30358540785971</v>
      </c>
      <c r="D151" s="3">
        <v>132.87886733088621</v>
      </c>
    </row>
    <row r="152" spans="1:4" x14ac:dyDescent="0.3">
      <c r="A152" s="6">
        <v>45492</v>
      </c>
      <c r="B152" s="3">
        <v>115.41291828010642</v>
      </c>
      <c r="C152" s="3">
        <v>106.47147852408538</v>
      </c>
      <c r="D152" s="3">
        <v>131.69900367068695</v>
      </c>
    </row>
    <row r="153" spans="1:4" x14ac:dyDescent="0.3">
      <c r="A153" s="6">
        <v>45495</v>
      </c>
      <c r="B153" s="3">
        <v>116.65845533278963</v>
      </c>
      <c r="C153" s="3">
        <v>107.46662491519233</v>
      </c>
      <c r="D153" s="3">
        <v>134.1373885684321</v>
      </c>
    </row>
    <row r="154" spans="1:4" x14ac:dyDescent="0.3">
      <c r="A154" s="6">
        <v>45496</v>
      </c>
      <c r="B154" s="3">
        <v>116.47668784841387</v>
      </c>
      <c r="C154" s="3">
        <v>107.6085799279787</v>
      </c>
      <c r="D154" s="3">
        <v>134.41705995455342</v>
      </c>
    </row>
    <row r="155" spans="1:4" x14ac:dyDescent="0.3">
      <c r="A155" s="6">
        <v>45497</v>
      </c>
      <c r="B155" s="3">
        <v>113.78036533796802</v>
      </c>
      <c r="C155" s="3">
        <v>106.94723657429152</v>
      </c>
      <c r="D155" s="3">
        <v>128.03705645866106</v>
      </c>
    </row>
    <row r="156" spans="1:4" x14ac:dyDescent="0.3">
      <c r="A156" s="6">
        <v>45498</v>
      </c>
      <c r="B156" s="3">
        <v>113.19522918007563</v>
      </c>
      <c r="C156" s="3">
        <v>106.17942696101457</v>
      </c>
      <c r="D156" s="3">
        <v>126.11431567907709</v>
      </c>
    </row>
    <row r="157" spans="1:4" x14ac:dyDescent="0.3">
      <c r="A157" s="6">
        <v>45499</v>
      </c>
      <c r="B157" s="3">
        <v>114.45061983341127</v>
      </c>
      <c r="C157" s="3">
        <v>107.05704295182925</v>
      </c>
      <c r="D157" s="3">
        <v>127.22426149274601</v>
      </c>
    </row>
    <row r="158" spans="1:4" x14ac:dyDescent="0.3">
      <c r="A158" s="6">
        <v>45502</v>
      </c>
      <c r="B158" s="3">
        <v>114.54370491191513</v>
      </c>
      <c r="C158" s="3">
        <v>106.84014404258653</v>
      </c>
      <c r="D158" s="3">
        <v>127.64376857192798</v>
      </c>
    </row>
    <row r="159" spans="1:4" x14ac:dyDescent="0.3">
      <c r="A159" s="6">
        <v>45503</v>
      </c>
      <c r="B159" s="3">
        <v>113.97555049131729</v>
      </c>
      <c r="C159" s="3">
        <v>107.31861593862533</v>
      </c>
      <c r="D159" s="3">
        <v>125.39765775214123</v>
      </c>
    </row>
    <row r="160" spans="1:4" x14ac:dyDescent="0.3">
      <c r="A160" s="6">
        <v>45504</v>
      </c>
      <c r="B160" s="3">
        <v>115.77561464454709</v>
      </c>
      <c r="C160" s="3">
        <v>108.17389489066332</v>
      </c>
      <c r="D160" s="3">
        <v>129.50533123579797</v>
      </c>
    </row>
    <row r="161" spans="1:4" x14ac:dyDescent="0.3">
      <c r="A161" s="6">
        <v>45505</v>
      </c>
      <c r="B161" s="3">
        <v>114.19023319489376</v>
      </c>
      <c r="C161" s="3">
        <v>106.84870309482805</v>
      </c>
      <c r="D161" s="3">
        <v>126.93585037580841</v>
      </c>
    </row>
    <row r="162" spans="1:4" x14ac:dyDescent="0.3">
      <c r="A162" s="6">
        <v>45506</v>
      </c>
      <c r="B162" s="3">
        <v>112.09120660484757</v>
      </c>
      <c r="C162" s="3">
        <v>103.92923125097855</v>
      </c>
      <c r="D162" s="3">
        <v>123.9993008215347</v>
      </c>
    </row>
    <row r="163" spans="1:4" x14ac:dyDescent="0.3">
      <c r="A163" s="6">
        <v>45509</v>
      </c>
      <c r="B163" s="3">
        <v>108.73196738667836</v>
      </c>
      <c r="C163" s="3">
        <v>101.67465163613592</v>
      </c>
      <c r="D163" s="3">
        <v>118.48453067645515</v>
      </c>
    </row>
    <row r="164" spans="1:4" x14ac:dyDescent="0.3">
      <c r="A164" s="6">
        <v>45510</v>
      </c>
      <c r="B164" s="3">
        <v>109.85779367398838</v>
      </c>
      <c r="C164" s="3">
        <v>101.96461562548929</v>
      </c>
      <c r="D164" s="3">
        <v>119.74305191400103</v>
      </c>
    </row>
    <row r="165" spans="1:4" x14ac:dyDescent="0.3">
      <c r="A165" s="6">
        <v>45511</v>
      </c>
      <c r="B165" s="3">
        <v>109.00807785602422</v>
      </c>
      <c r="C165" s="3">
        <v>103.53509733312458</v>
      </c>
      <c r="D165" s="3">
        <v>118.58940744625063</v>
      </c>
    </row>
    <row r="166" spans="1:4" x14ac:dyDescent="0.3">
      <c r="A166" s="6">
        <v>45512</v>
      </c>
      <c r="B166" s="3">
        <v>111.51990741808409</v>
      </c>
      <c r="C166" s="3">
        <v>103.62173164239866</v>
      </c>
      <c r="D166" s="3">
        <v>121.90176542562487</v>
      </c>
    </row>
    <row r="167" spans="1:4" x14ac:dyDescent="0.3">
      <c r="A167" s="6">
        <v>45513</v>
      </c>
      <c r="B167" s="3">
        <v>112.04089034619685</v>
      </c>
      <c r="C167" s="3">
        <v>104.21000991597518</v>
      </c>
      <c r="D167" s="3">
        <v>122.8281768921517</v>
      </c>
    </row>
    <row r="168" spans="1:4" x14ac:dyDescent="0.3">
      <c r="A168" s="6">
        <v>45516</v>
      </c>
      <c r="B168" s="3">
        <v>112.04571232098419</v>
      </c>
      <c r="C168" s="3">
        <v>104.18725536245499</v>
      </c>
      <c r="D168" s="3">
        <v>123.74584862786229</v>
      </c>
    </row>
    <row r="169" spans="1:4" x14ac:dyDescent="0.3">
      <c r="A169" s="6">
        <v>45517</v>
      </c>
      <c r="B169" s="3">
        <v>113.93341062469733</v>
      </c>
      <c r="C169" s="3">
        <v>104.72605813892804</v>
      </c>
      <c r="D169" s="3">
        <v>127.24174095437859</v>
      </c>
    </row>
    <row r="170" spans="1:4" x14ac:dyDescent="0.3">
      <c r="A170" s="6">
        <v>45518</v>
      </c>
      <c r="B170" s="3">
        <v>114.36906556418154</v>
      </c>
      <c r="C170" s="3">
        <v>105.23354730963939</v>
      </c>
      <c r="D170" s="3">
        <v>127.34661772417411</v>
      </c>
    </row>
    <row r="171" spans="1:4" x14ac:dyDescent="0.3">
      <c r="A171" s="6">
        <v>45519</v>
      </c>
      <c r="B171" s="3">
        <v>116.21420469911928</v>
      </c>
      <c r="C171" s="3">
        <v>106.44162621992592</v>
      </c>
      <c r="D171" s="3">
        <v>130.3006467400804</v>
      </c>
    </row>
    <row r="172" spans="1:4" x14ac:dyDescent="0.3">
      <c r="A172" s="6">
        <v>45520</v>
      </c>
      <c r="B172" s="3">
        <v>116.44544983783489</v>
      </c>
      <c r="C172" s="3">
        <v>106.76895777882159</v>
      </c>
      <c r="D172" s="3">
        <v>130.65023597273202</v>
      </c>
    </row>
    <row r="173" spans="1:4" x14ac:dyDescent="0.3">
      <c r="A173" s="6">
        <v>45523</v>
      </c>
      <c r="B173" s="3">
        <v>117.57756565747628</v>
      </c>
      <c r="C173" s="3">
        <v>107.4248734408434</v>
      </c>
      <c r="D173" s="3">
        <v>132.68659325292779</v>
      </c>
    </row>
    <row r="174" spans="1:4" x14ac:dyDescent="0.3">
      <c r="A174" s="6">
        <v>45524</v>
      </c>
      <c r="B174" s="3">
        <v>117.34422400798353</v>
      </c>
      <c r="C174" s="3">
        <v>106.93930379416523</v>
      </c>
      <c r="D174" s="3">
        <v>132.3894424051739</v>
      </c>
    </row>
    <row r="175" spans="1:4" x14ac:dyDescent="0.3">
      <c r="A175" s="6">
        <v>45525</v>
      </c>
      <c r="B175" s="3">
        <v>117.8417260153926</v>
      </c>
      <c r="C175" s="3">
        <v>107.29126872292679</v>
      </c>
      <c r="D175" s="3">
        <v>132.80020975353958</v>
      </c>
    </row>
    <row r="176" spans="1:4" x14ac:dyDescent="0.3">
      <c r="A176" s="6">
        <v>45526</v>
      </c>
      <c r="B176" s="3">
        <v>116.78906795420383</v>
      </c>
      <c r="C176" s="3">
        <v>107.66390063149105</v>
      </c>
      <c r="D176" s="3">
        <v>130.02971508477538</v>
      </c>
    </row>
    <row r="177" spans="1:4" x14ac:dyDescent="0.3">
      <c r="A177" s="6">
        <v>45527</v>
      </c>
      <c r="B177" s="3">
        <v>118.13020589832344</v>
      </c>
      <c r="C177" s="3">
        <v>108.16262199258912</v>
      </c>
      <c r="D177" s="3">
        <v>132.06607236497118</v>
      </c>
    </row>
    <row r="178" spans="1:4" x14ac:dyDescent="0.3">
      <c r="A178" s="6">
        <v>45530</v>
      </c>
      <c r="B178" s="3">
        <v>117.75765593323032</v>
      </c>
      <c r="C178" s="3">
        <v>108.14592140284955</v>
      </c>
      <c r="D178" s="3">
        <v>130.86872924313931</v>
      </c>
    </row>
    <row r="179" spans="1:4" x14ac:dyDescent="0.3">
      <c r="A179" s="6">
        <v>45531</v>
      </c>
      <c r="B179" s="3">
        <v>117.94550329885971</v>
      </c>
      <c r="C179" s="3">
        <v>108.32106883774333</v>
      </c>
      <c r="D179" s="3">
        <v>130.92116762803707</v>
      </c>
    </row>
    <row r="180" spans="1:4" x14ac:dyDescent="0.3">
      <c r="A180" s="6">
        <v>45532</v>
      </c>
      <c r="B180" s="3">
        <v>117.24065637559411</v>
      </c>
      <c r="C180" s="3">
        <v>108.67992275977247</v>
      </c>
      <c r="D180" s="3">
        <v>129.41793392763506</v>
      </c>
    </row>
    <row r="181" spans="1:4" x14ac:dyDescent="0.3">
      <c r="A181" s="6">
        <v>45533</v>
      </c>
      <c r="B181" s="3">
        <v>117.23604405188446</v>
      </c>
      <c r="C181" s="3">
        <v>109.50722822399668</v>
      </c>
      <c r="D181" s="3">
        <v>128.2905086523335</v>
      </c>
    </row>
    <row r="182" spans="1:4" x14ac:dyDescent="0.3">
      <c r="A182" s="6">
        <v>45534</v>
      </c>
      <c r="B182" s="3">
        <v>118.41931473448741</v>
      </c>
      <c r="C182" s="3">
        <v>109.60847554929285</v>
      </c>
      <c r="D182" s="3">
        <v>129.78500262191923</v>
      </c>
    </row>
    <row r="183" spans="1:4" x14ac:dyDescent="0.3">
      <c r="A183" s="6">
        <v>45537</v>
      </c>
      <c r="B183" s="3">
        <v>118.41931473448741</v>
      </c>
      <c r="C183" s="3">
        <v>109.58467720891394</v>
      </c>
      <c r="D183" s="3">
        <v>129.78500262191923</v>
      </c>
    </row>
    <row r="184" spans="1:4" x14ac:dyDescent="0.3">
      <c r="A184" s="6">
        <v>45538</v>
      </c>
      <c r="B184" s="3">
        <v>115.91461330906974</v>
      </c>
      <c r="C184" s="3">
        <v>108.52043212775952</v>
      </c>
      <c r="D184" s="3">
        <v>124.91697255724526</v>
      </c>
    </row>
    <row r="185" spans="1:4" x14ac:dyDescent="0.3">
      <c r="A185" s="6">
        <v>45539</v>
      </c>
      <c r="B185" s="3">
        <v>115.72886245421745</v>
      </c>
      <c r="C185" s="3">
        <v>107.47205260685769</v>
      </c>
      <c r="D185" s="3">
        <v>124.14787624541164</v>
      </c>
    </row>
    <row r="186" spans="1:4" x14ac:dyDescent="0.3">
      <c r="A186" s="6">
        <v>45540</v>
      </c>
      <c r="B186" s="3">
        <v>115.3795837587503</v>
      </c>
      <c r="C186" s="3">
        <v>106.89504723135535</v>
      </c>
      <c r="D186" s="3">
        <v>125.3277399056109</v>
      </c>
    </row>
    <row r="187" spans="1:4" x14ac:dyDescent="0.3">
      <c r="A187" s="6">
        <v>45541</v>
      </c>
      <c r="B187" s="3">
        <v>113.38810817157005</v>
      </c>
      <c r="C187" s="3">
        <v>105.7483429883618</v>
      </c>
      <c r="D187" s="3">
        <v>121.76192973256423</v>
      </c>
    </row>
    <row r="188" spans="1:4" x14ac:dyDescent="0.3">
      <c r="A188" s="6">
        <v>45544</v>
      </c>
      <c r="B188" s="3">
        <v>114.70115287127636</v>
      </c>
      <c r="C188" s="3">
        <v>106.61343353687178</v>
      </c>
      <c r="D188" s="3">
        <v>123.17776612480336</v>
      </c>
    </row>
    <row r="189" spans="1:4" x14ac:dyDescent="0.3">
      <c r="A189" s="6">
        <v>45545</v>
      </c>
      <c r="B189" s="3">
        <v>115.21416905843607</v>
      </c>
      <c r="C189" s="3">
        <v>106.03914200720213</v>
      </c>
      <c r="D189" s="3">
        <v>124.5848627862262</v>
      </c>
    </row>
    <row r="190" spans="1:4" x14ac:dyDescent="0.3">
      <c r="A190" s="6">
        <v>45546</v>
      </c>
      <c r="B190" s="3">
        <v>116.44293402490236</v>
      </c>
      <c r="C190" s="3">
        <v>106.05291999373728</v>
      </c>
      <c r="D190" s="3">
        <v>128.28176892151723</v>
      </c>
    </row>
    <row r="191" spans="1:4" x14ac:dyDescent="0.3">
      <c r="A191" s="6">
        <v>45547</v>
      </c>
      <c r="B191" s="3">
        <v>117.31571146141478</v>
      </c>
      <c r="C191" s="3">
        <v>106.90026616564896</v>
      </c>
      <c r="D191" s="3">
        <v>129.91609858416362</v>
      </c>
    </row>
    <row r="192" spans="1:4" x14ac:dyDescent="0.3">
      <c r="A192" s="6">
        <v>45548</v>
      </c>
      <c r="B192" s="3">
        <v>117.95011562256938</v>
      </c>
      <c r="C192" s="3">
        <v>107.70857470904443</v>
      </c>
      <c r="D192" s="3">
        <v>130.3268659325293</v>
      </c>
    </row>
    <row r="193" spans="1:4" x14ac:dyDescent="0.3">
      <c r="A193" s="6">
        <v>45551</v>
      </c>
      <c r="B193" s="3">
        <v>118.09833893451132</v>
      </c>
      <c r="C193" s="3">
        <v>107.53238348729188</v>
      </c>
      <c r="D193" s="3">
        <v>129.07708442579968</v>
      </c>
    </row>
    <row r="194" spans="1:4" x14ac:dyDescent="0.3">
      <c r="A194" s="6">
        <v>45552</v>
      </c>
      <c r="B194" s="3">
        <v>118.12957694509029</v>
      </c>
      <c r="C194" s="3">
        <v>107.9672250926361</v>
      </c>
      <c r="D194" s="3">
        <v>129.50533123579797</v>
      </c>
    </row>
    <row r="195" spans="1:4" x14ac:dyDescent="0.3">
      <c r="A195" s="6">
        <v>45553</v>
      </c>
      <c r="B195" s="3">
        <v>117.78742638626537</v>
      </c>
      <c r="C195" s="3">
        <v>107.42529095558689</v>
      </c>
      <c r="D195" s="3">
        <v>129.25187904212547</v>
      </c>
    </row>
    <row r="196" spans="1:4" x14ac:dyDescent="0.3">
      <c r="A196" s="6">
        <v>45554</v>
      </c>
      <c r="B196" s="3">
        <v>119.78707836547638</v>
      </c>
      <c r="C196" s="3">
        <v>108.90204060330882</v>
      </c>
      <c r="D196" s="3">
        <v>133.1585387170075</v>
      </c>
    </row>
    <row r="197" spans="1:4" x14ac:dyDescent="0.3">
      <c r="A197" s="6">
        <v>45555</v>
      </c>
      <c r="B197" s="3">
        <v>119.55457532029443</v>
      </c>
      <c r="C197" s="3">
        <v>107.3549397213089</v>
      </c>
      <c r="D197" s="3">
        <v>132.62541513721376</v>
      </c>
    </row>
    <row r="198" spans="1:4" x14ac:dyDescent="0.3">
      <c r="A198" s="6">
        <v>45558</v>
      </c>
      <c r="B198" s="3">
        <v>119.89043634678805</v>
      </c>
      <c r="C198" s="3">
        <v>107.78539742184645</v>
      </c>
      <c r="D198" s="3">
        <v>132.71281244537667</v>
      </c>
    </row>
    <row r="199" spans="1:4" x14ac:dyDescent="0.3">
      <c r="A199" s="6">
        <v>45559</v>
      </c>
      <c r="B199" s="3">
        <v>120.19149529438158</v>
      </c>
      <c r="C199" s="3">
        <v>108.49204112520223</v>
      </c>
      <c r="D199" s="3">
        <v>133.69166229680127</v>
      </c>
    </row>
    <row r="200" spans="1:4" x14ac:dyDescent="0.3">
      <c r="A200" s="6">
        <v>45560</v>
      </c>
      <c r="B200" s="3">
        <v>119.96779759446355</v>
      </c>
      <c r="C200" s="3">
        <v>108.37388445279477</v>
      </c>
      <c r="D200" s="3">
        <v>134.31218318475791</v>
      </c>
    </row>
    <row r="201" spans="1:4" x14ac:dyDescent="0.3">
      <c r="A201" s="6">
        <v>45561</v>
      </c>
      <c r="B201" s="3">
        <v>120.45230123505448</v>
      </c>
      <c r="C201" s="3">
        <v>109.72558843484164</v>
      </c>
      <c r="D201" s="3">
        <v>134.45201887781855</v>
      </c>
    </row>
    <row r="202" spans="1:4" x14ac:dyDescent="0.3">
      <c r="A202" s="6">
        <v>45562</v>
      </c>
      <c r="B202" s="3">
        <v>120.30135245910233</v>
      </c>
      <c r="C202" s="3">
        <v>110.23996659882054</v>
      </c>
      <c r="D202" s="3">
        <v>133.69166229680127</v>
      </c>
    </row>
    <row r="203" spans="1:4" x14ac:dyDescent="0.3">
      <c r="A203" s="6">
        <v>45565</v>
      </c>
      <c r="B203" s="3">
        <v>120.81101422901865</v>
      </c>
      <c r="C203" s="3">
        <v>109.15609832472208</v>
      </c>
      <c r="D203" s="3">
        <v>134.69673134067472</v>
      </c>
    </row>
    <row r="204" spans="1:4" x14ac:dyDescent="0.3">
      <c r="A204" s="6">
        <v>45566</v>
      </c>
      <c r="B204" s="3">
        <v>119.68455898847547</v>
      </c>
      <c r="C204" s="3">
        <v>108.73816606648923</v>
      </c>
      <c r="D204" s="3">
        <v>132.20590805803181</v>
      </c>
    </row>
    <row r="205" spans="1:4" x14ac:dyDescent="0.3">
      <c r="A205" s="6">
        <v>45567</v>
      </c>
      <c r="B205" s="3">
        <v>119.70112142361469</v>
      </c>
      <c r="C205" s="3">
        <v>108.79139919628413</v>
      </c>
      <c r="D205" s="3">
        <v>132.01363398007342</v>
      </c>
    </row>
    <row r="206" spans="1:4" x14ac:dyDescent="0.3">
      <c r="A206" s="6">
        <v>45568</v>
      </c>
      <c r="B206" s="3">
        <v>119.49985638901177</v>
      </c>
      <c r="C206" s="3">
        <v>107.77850842857887</v>
      </c>
      <c r="D206" s="3">
        <v>132.46809998252053</v>
      </c>
    </row>
    <row r="207" spans="1:4" x14ac:dyDescent="0.3">
      <c r="A207" s="6">
        <v>45569</v>
      </c>
      <c r="B207" s="3">
        <v>120.57180234934999</v>
      </c>
      <c r="C207" s="3">
        <v>108.25364020666981</v>
      </c>
      <c r="D207" s="3">
        <v>134.02377206782032</v>
      </c>
    </row>
    <row r="208" spans="1:4" x14ac:dyDescent="0.3">
      <c r="A208" s="6">
        <v>45572</v>
      </c>
      <c r="B208" s="3">
        <v>119.41599595792725</v>
      </c>
      <c r="C208" s="3">
        <v>108.44423568707271</v>
      </c>
      <c r="D208" s="3">
        <v>132.23212725048069</v>
      </c>
    </row>
    <row r="209" spans="1:4" x14ac:dyDescent="0.3">
      <c r="A209" s="6">
        <v>45573</v>
      </c>
      <c r="B209" s="3">
        <v>120.57306025581624</v>
      </c>
      <c r="C209" s="3">
        <v>107.85303481029176</v>
      </c>
      <c r="D209" s="3">
        <v>134.7928683796539</v>
      </c>
    </row>
    <row r="210" spans="1:4" x14ac:dyDescent="0.3">
      <c r="A210" s="6">
        <v>45574</v>
      </c>
      <c r="B210" s="3">
        <v>121.43074281473345</v>
      </c>
      <c r="C210" s="3">
        <v>108.56447993319765</v>
      </c>
      <c r="D210" s="3">
        <v>135.22985492046843</v>
      </c>
    </row>
    <row r="211" spans="1:4" x14ac:dyDescent="0.3">
      <c r="A211" s="6">
        <v>45575</v>
      </c>
      <c r="B211" s="3">
        <v>121.17937117255752</v>
      </c>
      <c r="C211" s="3">
        <v>108.36741297427066</v>
      </c>
      <c r="D211" s="3">
        <v>135.49204684495717</v>
      </c>
    </row>
    <row r="212" spans="1:4" x14ac:dyDescent="0.3">
      <c r="A212" s="6">
        <v>45576</v>
      </c>
      <c r="B212" s="3">
        <v>121.91273064239185</v>
      </c>
      <c r="C212" s="3">
        <v>108.96696414592142</v>
      </c>
      <c r="D212" s="3">
        <v>135.21237545883588</v>
      </c>
    </row>
    <row r="213" spans="1:4" x14ac:dyDescent="0.3">
      <c r="A213" s="6">
        <v>45579</v>
      </c>
      <c r="B213" s="3">
        <v>122.85238677269422</v>
      </c>
      <c r="C213" s="3">
        <v>109.54668336725642</v>
      </c>
      <c r="D213" s="3">
        <v>136.71560915923791</v>
      </c>
    </row>
    <row r="214" spans="1:4" x14ac:dyDescent="0.3">
      <c r="A214" s="6">
        <v>45580</v>
      </c>
      <c r="B214" s="3">
        <v>121.91755261717925</v>
      </c>
      <c r="C214" s="3">
        <v>108.67282500913316</v>
      </c>
      <c r="D214" s="3">
        <v>135.57944415312008</v>
      </c>
    </row>
    <row r="215" spans="1:4" x14ac:dyDescent="0.3">
      <c r="A215" s="6">
        <v>45581</v>
      </c>
      <c r="B215" s="3">
        <v>122.48801319963188</v>
      </c>
      <c r="C215" s="3">
        <v>108.47074787328428</v>
      </c>
      <c r="D215" s="3">
        <v>135.80667715434362</v>
      </c>
    </row>
    <row r="216" spans="1:4" x14ac:dyDescent="0.3">
      <c r="A216" s="6">
        <v>45582</v>
      </c>
      <c r="B216" s="3">
        <v>122.46704809186073</v>
      </c>
      <c r="C216" s="3">
        <v>109.3700746307604</v>
      </c>
      <c r="D216" s="3">
        <v>135.99021150148576</v>
      </c>
    </row>
    <row r="217" spans="1:4" x14ac:dyDescent="0.3">
      <c r="A217" s="6">
        <v>45583</v>
      </c>
      <c r="B217" s="3">
        <v>122.95343859215109</v>
      </c>
      <c r="C217" s="3">
        <v>109.59615886435992</v>
      </c>
      <c r="D217" s="3">
        <v>136.84670512148227</v>
      </c>
    </row>
    <row r="218" spans="1:4" x14ac:dyDescent="0.3">
      <c r="A218" s="6">
        <v>45586</v>
      </c>
      <c r="B218" s="3">
        <v>122.72932159007766</v>
      </c>
      <c r="C218" s="3">
        <v>108.8715620270341</v>
      </c>
      <c r="D218" s="3">
        <v>138.3324593602517</v>
      </c>
    </row>
    <row r="219" spans="1:4" x14ac:dyDescent="0.3">
      <c r="A219" s="6">
        <v>45587</v>
      </c>
      <c r="B219" s="3">
        <v>122.67103859047388</v>
      </c>
      <c r="C219" s="3">
        <v>108.63754501330827</v>
      </c>
      <c r="D219" s="3">
        <v>139.07533647963641</v>
      </c>
    </row>
    <row r="220" spans="1:4" x14ac:dyDescent="0.3">
      <c r="A220" s="6">
        <v>45588</v>
      </c>
      <c r="B220" s="3">
        <v>121.54353509454216</v>
      </c>
      <c r="C220" s="3">
        <v>108.31125724127133</v>
      </c>
      <c r="D220" s="3">
        <v>136.22618423352563</v>
      </c>
    </row>
    <row r="221" spans="1:4" x14ac:dyDescent="0.3">
      <c r="A221" s="6">
        <v>45589</v>
      </c>
      <c r="B221" s="3">
        <v>121.80434103521512</v>
      </c>
      <c r="C221" s="3">
        <v>108.34027451594386</v>
      </c>
      <c r="D221" s="3">
        <v>137.78185631882539</v>
      </c>
    </row>
    <row r="222" spans="1:4" x14ac:dyDescent="0.3">
      <c r="A222" s="6">
        <v>45590</v>
      </c>
      <c r="B222" s="3">
        <v>121.76786174769332</v>
      </c>
      <c r="C222" s="3">
        <v>108.30520327749073</v>
      </c>
      <c r="D222" s="3">
        <v>139.01415836392238</v>
      </c>
    </row>
    <row r="223" spans="1:4" x14ac:dyDescent="0.3">
      <c r="A223" s="6">
        <v>45593</v>
      </c>
      <c r="B223" s="3">
        <v>122.09072440736884</v>
      </c>
      <c r="C223" s="3">
        <v>108.75277908251135</v>
      </c>
      <c r="D223" s="3">
        <v>139.10155567208531</v>
      </c>
    </row>
    <row r="224" spans="1:4" x14ac:dyDescent="0.3">
      <c r="A224" s="6">
        <v>45594</v>
      </c>
      <c r="B224" s="3">
        <v>122.28779642041749</v>
      </c>
      <c r="C224" s="3">
        <v>108.13423099003184</v>
      </c>
      <c r="D224" s="3">
        <v>140.36007690963118</v>
      </c>
    </row>
    <row r="225" spans="1:4" x14ac:dyDescent="0.3">
      <c r="A225" s="6">
        <v>45595</v>
      </c>
      <c r="B225" s="3">
        <v>121.88421809582313</v>
      </c>
      <c r="C225" s="3">
        <v>106.78043943426754</v>
      </c>
      <c r="D225" s="3">
        <v>140.13284390840761</v>
      </c>
    </row>
    <row r="226" spans="1:4" x14ac:dyDescent="0.3">
      <c r="A226" s="6">
        <v>45596</v>
      </c>
      <c r="B226" s="3">
        <v>119.61537413283072</v>
      </c>
      <c r="C226" s="3">
        <v>105.50430562079225</v>
      </c>
      <c r="D226" s="3">
        <v>134.8016081104702</v>
      </c>
    </row>
    <row r="227" spans="1:4" x14ac:dyDescent="0.3">
      <c r="A227" s="6">
        <v>45597</v>
      </c>
      <c r="B227" s="3">
        <v>120.10490939928677</v>
      </c>
      <c r="C227" s="3">
        <v>106.65455873910548</v>
      </c>
      <c r="D227" s="3">
        <v>136.20870477189305</v>
      </c>
    </row>
    <row r="228" spans="1:4" x14ac:dyDescent="0.3">
      <c r="A228" s="6">
        <v>45600</v>
      </c>
      <c r="B228" s="3">
        <v>119.76716151309377</v>
      </c>
      <c r="C228" s="3">
        <v>106.3005062366265</v>
      </c>
      <c r="D228" s="3">
        <v>135.49204684495717</v>
      </c>
    </row>
    <row r="229" spans="1:4" x14ac:dyDescent="0.3">
      <c r="A229" s="6">
        <v>45601</v>
      </c>
      <c r="B229" s="3">
        <v>121.23618661461731</v>
      </c>
      <c r="C229" s="3">
        <v>106.36897865455875</v>
      </c>
      <c r="D229" s="3">
        <v>137.49344520188779</v>
      </c>
    </row>
    <row r="230" spans="1:4" x14ac:dyDescent="0.3">
      <c r="A230" s="6">
        <v>45602</v>
      </c>
      <c r="B230" s="3">
        <v>124.30296257937914</v>
      </c>
      <c r="C230" s="3">
        <v>105.79468712488911</v>
      </c>
      <c r="D230" s="3">
        <v>141.42632406921868</v>
      </c>
    </row>
    <row r="231" spans="1:4" x14ac:dyDescent="0.3">
      <c r="A231" s="6">
        <v>45603</v>
      </c>
      <c r="B231" s="3">
        <v>125.22668522777542</v>
      </c>
      <c r="C231" s="3">
        <v>106.44893272793696</v>
      </c>
      <c r="D231" s="3">
        <v>144.38909281594127</v>
      </c>
    </row>
    <row r="232" spans="1:4" x14ac:dyDescent="0.3">
      <c r="A232" s="6">
        <v>45604</v>
      </c>
      <c r="B232" s="3">
        <v>125.69714224615971</v>
      </c>
      <c r="C232" s="3">
        <v>105.76191221752518</v>
      </c>
      <c r="D232" s="3">
        <v>143.97832546757562</v>
      </c>
    </row>
    <row r="233" spans="1:4" x14ac:dyDescent="0.3">
      <c r="A233" s="6">
        <v>45607</v>
      </c>
      <c r="B233" s="3">
        <v>125.81894952231004</v>
      </c>
      <c r="C233" s="3">
        <v>106.96080580345495</v>
      </c>
      <c r="D233" s="3">
        <v>143.52385946512845</v>
      </c>
    </row>
    <row r="234" spans="1:4" x14ac:dyDescent="0.3">
      <c r="A234" s="6">
        <v>45608</v>
      </c>
      <c r="B234" s="3">
        <v>125.45499525140309</v>
      </c>
      <c r="C234" s="3">
        <v>104.8431710244768</v>
      </c>
      <c r="D234" s="3">
        <v>144.31917496941094</v>
      </c>
    </row>
    <row r="235" spans="1:4" x14ac:dyDescent="0.3">
      <c r="A235" s="6">
        <v>45609</v>
      </c>
      <c r="B235" s="3">
        <v>125.48413675120497</v>
      </c>
      <c r="C235" s="3">
        <v>104.71165388027765</v>
      </c>
      <c r="D235" s="3">
        <v>144.24051739206431</v>
      </c>
    </row>
    <row r="236" spans="1:4" x14ac:dyDescent="0.3">
      <c r="A236" s="6">
        <v>45610</v>
      </c>
      <c r="B236" s="3">
        <v>124.72499019881211</v>
      </c>
      <c r="C236" s="3">
        <v>105.84625019571004</v>
      </c>
      <c r="D236" s="3">
        <v>143.7773116588009</v>
      </c>
    </row>
    <row r="237" spans="1:4" x14ac:dyDescent="0.3">
      <c r="A237" s="6">
        <v>45611</v>
      </c>
      <c r="B237" s="3">
        <v>123.07818098338936</v>
      </c>
      <c r="C237" s="3">
        <v>105.02938260007309</v>
      </c>
      <c r="D237" s="3">
        <v>140.22898094738679</v>
      </c>
    </row>
    <row r="238" spans="1:4" x14ac:dyDescent="0.3">
      <c r="A238" s="6">
        <v>45614</v>
      </c>
      <c r="B238" s="3">
        <v>123.56037846212548</v>
      </c>
      <c r="C238" s="3">
        <v>104.97093053598456</v>
      </c>
      <c r="D238" s="3">
        <v>140.95437860513897</v>
      </c>
    </row>
    <row r="239" spans="1:4" x14ac:dyDescent="0.3">
      <c r="A239" s="6">
        <v>45615</v>
      </c>
      <c r="B239" s="3">
        <v>124.05012337965924</v>
      </c>
      <c r="C239" s="3">
        <v>104.50435781013519</v>
      </c>
      <c r="D239" s="3">
        <v>143.46268134941442</v>
      </c>
    </row>
    <row r="240" spans="1:4" x14ac:dyDescent="0.3">
      <c r="A240" s="6">
        <v>45616</v>
      </c>
      <c r="B240" s="3">
        <v>124.05284884366949</v>
      </c>
      <c r="C240" s="3">
        <v>104.48181201398677</v>
      </c>
      <c r="D240" s="3">
        <v>142.7984618073763</v>
      </c>
    </row>
    <row r="241" spans="1:4" x14ac:dyDescent="0.3">
      <c r="A241" s="6">
        <v>45617</v>
      </c>
      <c r="B241" s="3">
        <v>124.71534624923741</v>
      </c>
      <c r="C241" s="3">
        <v>104.90830332446114</v>
      </c>
      <c r="D241" s="3">
        <v>141.44380353085126</v>
      </c>
    </row>
    <row r="242" spans="1:4" x14ac:dyDescent="0.3">
      <c r="A242" s="6">
        <v>45618</v>
      </c>
      <c r="B242" s="3">
        <v>125.14785642255598</v>
      </c>
      <c r="C242" s="3">
        <v>106.14769584050936</v>
      </c>
      <c r="D242" s="3">
        <v>140.7096661422828</v>
      </c>
    </row>
    <row r="243" spans="1:4" x14ac:dyDescent="0.3">
      <c r="A243" s="6">
        <v>45621</v>
      </c>
      <c r="B243" s="3">
        <v>125.52585731566953</v>
      </c>
      <c r="C243" s="3">
        <v>106.210949324148</v>
      </c>
      <c r="D243" s="3">
        <v>140.31637825554975</v>
      </c>
    </row>
    <row r="244" spans="1:4" x14ac:dyDescent="0.3">
      <c r="A244" s="6">
        <v>45622</v>
      </c>
      <c r="B244" s="3">
        <v>126.24412190790868</v>
      </c>
      <c r="C244" s="3">
        <v>105.60972809352329</v>
      </c>
      <c r="D244" s="3">
        <v>142.23911903513374</v>
      </c>
    </row>
    <row r="245" spans="1:4" x14ac:dyDescent="0.3">
      <c r="A245" s="6">
        <v>45623</v>
      </c>
      <c r="B245" s="3">
        <v>125.76423059102737</v>
      </c>
      <c r="C245" s="3">
        <v>105.4149574656855</v>
      </c>
      <c r="D245" s="3">
        <v>141.15539241391363</v>
      </c>
    </row>
    <row r="246" spans="1:4" x14ac:dyDescent="0.3">
      <c r="A246" s="6">
        <v>45624</v>
      </c>
      <c r="B246" s="3">
        <v>125.76423059102737</v>
      </c>
      <c r="C246" s="3">
        <v>105.90282344345286</v>
      </c>
      <c r="D246" s="3">
        <v>141.15539241391363</v>
      </c>
    </row>
    <row r="247" spans="1:4" x14ac:dyDescent="0.3">
      <c r="A247" s="6">
        <v>45625</v>
      </c>
      <c r="B247" s="3">
        <v>126.46949681644841</v>
      </c>
      <c r="C247" s="3">
        <v>106.51782266061272</v>
      </c>
      <c r="D247" s="3">
        <v>142.69358503758087</v>
      </c>
    </row>
    <row r="248" spans="1:4" x14ac:dyDescent="0.3">
      <c r="A248" s="6">
        <v>45628</v>
      </c>
      <c r="B248" s="3">
        <v>126.77915145822807</v>
      </c>
      <c r="C248" s="3">
        <v>107.21903867230311</v>
      </c>
      <c r="D248" s="3">
        <v>144.71246285614404</v>
      </c>
    </row>
    <row r="249" spans="1:4" x14ac:dyDescent="0.3">
      <c r="A249" s="6">
        <v>45629</v>
      </c>
      <c r="B249" s="3">
        <v>126.83638620244328</v>
      </c>
      <c r="C249" s="3">
        <v>107.62027034079642</v>
      </c>
      <c r="D249" s="3">
        <v>145.95350463205733</v>
      </c>
    </row>
    <row r="250" spans="1:4" x14ac:dyDescent="0.3">
      <c r="A250" s="6">
        <v>45630</v>
      </c>
      <c r="B250" s="3">
        <v>127.60391879794459</v>
      </c>
      <c r="C250" s="3">
        <v>108.02129325191797</v>
      </c>
      <c r="D250" s="3">
        <v>148.3394511449047</v>
      </c>
    </row>
    <row r="251" spans="1:4" x14ac:dyDescent="0.3">
      <c r="A251" s="6">
        <v>45631</v>
      </c>
      <c r="B251" s="3">
        <v>127.36533587150905</v>
      </c>
      <c r="C251" s="3">
        <v>108.45509107040345</v>
      </c>
      <c r="D251" s="3">
        <v>148.89879391714734</v>
      </c>
    </row>
    <row r="252" spans="1:4" x14ac:dyDescent="0.3">
      <c r="A252" s="6">
        <v>45632</v>
      </c>
      <c r="B252" s="3">
        <v>127.6831669053195</v>
      </c>
      <c r="C252" s="3">
        <v>108.65153175721518</v>
      </c>
      <c r="D252" s="3">
        <v>149.86890403775564</v>
      </c>
    </row>
    <row r="253" spans="1:4" x14ac:dyDescent="0.3">
      <c r="A253" s="6">
        <v>45635</v>
      </c>
      <c r="B253" s="3">
        <v>126.89865257252357</v>
      </c>
      <c r="C253" s="3">
        <v>108.80809978602369</v>
      </c>
      <c r="D253" s="3">
        <v>149.53679426673659</v>
      </c>
    </row>
    <row r="254" spans="1:4" x14ac:dyDescent="0.3">
      <c r="A254" s="6">
        <v>45636</v>
      </c>
      <c r="B254" s="3">
        <v>126.52253853910935</v>
      </c>
      <c r="C254" s="3">
        <v>108.23840091853245</v>
      </c>
      <c r="D254" s="3">
        <v>149.92134242265337</v>
      </c>
    </row>
    <row r="255" spans="1:4" x14ac:dyDescent="0.3">
      <c r="A255" s="6">
        <v>45637</v>
      </c>
      <c r="B255" s="3">
        <v>127.55569905007096</v>
      </c>
      <c r="C255" s="3">
        <v>108.54443922551016</v>
      </c>
      <c r="D255" s="3">
        <v>153.34731690263942</v>
      </c>
    </row>
    <row r="256" spans="1:4" x14ac:dyDescent="0.3">
      <c r="A256" s="6">
        <v>45638</v>
      </c>
      <c r="B256" s="3">
        <v>126.86510840008974</v>
      </c>
      <c r="C256" s="3">
        <v>108.38661865247114</v>
      </c>
      <c r="D256" s="3">
        <v>152.49956301345918</v>
      </c>
    </row>
    <row r="257" spans="1:4" x14ac:dyDescent="0.3">
      <c r="A257" s="6">
        <v>45639</v>
      </c>
      <c r="B257" s="3">
        <v>126.86175398284635</v>
      </c>
      <c r="C257" s="3">
        <v>107.81337090966024</v>
      </c>
      <c r="D257" s="3">
        <v>151.57315154693237</v>
      </c>
    </row>
    <row r="258" spans="1:4" x14ac:dyDescent="0.3">
      <c r="A258" s="6">
        <v>45642</v>
      </c>
      <c r="B258" s="3">
        <v>127.34374181050478</v>
      </c>
      <c r="C258" s="3">
        <v>107.68268879494806</v>
      </c>
      <c r="D258" s="3">
        <v>153.61824855794444</v>
      </c>
    </row>
    <row r="259" spans="1:4" x14ac:dyDescent="0.3">
      <c r="A259" s="6">
        <v>45643</v>
      </c>
      <c r="B259" s="3">
        <v>126.85169073111619</v>
      </c>
      <c r="C259" s="3">
        <v>107.23031157037732</v>
      </c>
      <c r="D259" s="3">
        <v>153.8192623667191</v>
      </c>
    </row>
    <row r="260" spans="1:4" x14ac:dyDescent="0.3">
      <c r="A260" s="6">
        <v>45644</v>
      </c>
      <c r="B260" s="3">
        <v>123.1104672493569</v>
      </c>
      <c r="C260" s="3">
        <v>107.39168101873598</v>
      </c>
      <c r="D260" s="3">
        <v>148.68904037755635</v>
      </c>
    </row>
    <row r="261" spans="1:4" x14ac:dyDescent="0.3">
      <c r="A261" s="6">
        <v>45645</v>
      </c>
      <c r="B261" s="3">
        <v>123.00396450187954</v>
      </c>
      <c r="C261" s="3">
        <v>105.76796618130579</v>
      </c>
      <c r="D261" s="3">
        <v>149.38821884285966</v>
      </c>
    </row>
    <row r="262" spans="1:4" x14ac:dyDescent="0.3">
      <c r="A262" s="6">
        <v>45646</v>
      </c>
      <c r="B262" s="3">
        <v>124.34090942444492</v>
      </c>
      <c r="C262" s="3">
        <v>104.83565575909401</v>
      </c>
      <c r="D262" s="3">
        <v>150.69043873448697</v>
      </c>
    </row>
    <row r="263" spans="1:4" x14ac:dyDescent="0.3">
      <c r="A263" s="6">
        <v>45649</v>
      </c>
      <c r="B263" s="3">
        <v>125.24702138231343</v>
      </c>
      <c r="C263" s="3">
        <v>104.98679609623719</v>
      </c>
      <c r="D263" s="3">
        <v>152.64813843733612</v>
      </c>
    </row>
    <row r="264" spans="1:4" x14ac:dyDescent="0.3">
      <c r="A264" s="6">
        <v>45650</v>
      </c>
      <c r="B264" s="3">
        <v>126.63008954197529</v>
      </c>
      <c r="C264" s="3">
        <v>105.17426021606389</v>
      </c>
      <c r="D264" s="3">
        <v>154.82433141059252</v>
      </c>
    </row>
    <row r="265" spans="1:4" x14ac:dyDescent="0.3">
      <c r="A265" s="6">
        <v>45651</v>
      </c>
      <c r="B265" s="3">
        <v>126.63008954197529</v>
      </c>
      <c r="C265" s="3">
        <v>105.17426021606389</v>
      </c>
      <c r="D265" s="3">
        <v>154.82433141059252</v>
      </c>
    </row>
    <row r="266" spans="1:4" x14ac:dyDescent="0.3">
      <c r="A266" s="6">
        <v>45652</v>
      </c>
      <c r="B266" s="3">
        <v>126.57872502793603</v>
      </c>
      <c r="C266" s="3">
        <v>105.17426021606389</v>
      </c>
      <c r="D266" s="3">
        <v>154.28246809998254</v>
      </c>
    </row>
    <row r="267" spans="1:4" x14ac:dyDescent="0.3">
      <c r="A267" s="6">
        <v>45653</v>
      </c>
      <c r="B267" s="3">
        <v>125.17930408421265</v>
      </c>
      <c r="C267" s="3">
        <v>105.87672877198474</v>
      </c>
      <c r="D267" s="3">
        <v>151.52945289285091</v>
      </c>
    </row>
    <row r="268" spans="1:4" x14ac:dyDescent="0.3">
      <c r="A268" s="6">
        <v>45656</v>
      </c>
      <c r="B268" s="3">
        <v>123.83963369763703</v>
      </c>
      <c r="C268" s="3">
        <v>105.39074161056314</v>
      </c>
      <c r="D268" s="3">
        <v>149.93882188428597</v>
      </c>
    </row>
    <row r="269" spans="1:4" x14ac:dyDescent="0.3">
      <c r="A269" s="6">
        <v>45657</v>
      </c>
      <c r="B269" s="3">
        <v>123.30900681994956</v>
      </c>
      <c r="C269" s="3">
        <v>105.9702520745264</v>
      </c>
      <c r="D269" s="3">
        <v>147.9811221814368</v>
      </c>
    </row>
    <row r="270" spans="1:4" x14ac:dyDescent="0.3">
      <c r="A270" s="6">
        <v>45658</v>
      </c>
      <c r="B270" s="3">
        <v>123.30900681994956</v>
      </c>
      <c r="C270" s="3">
        <v>105.9702520745264</v>
      </c>
      <c r="D270" s="3">
        <v>147.9811221814368</v>
      </c>
    </row>
    <row r="271" spans="1:4" x14ac:dyDescent="0.3">
      <c r="A271" s="6">
        <v>45659</v>
      </c>
      <c r="B271" s="3">
        <v>123.0347832103031</v>
      </c>
      <c r="C271" s="3">
        <v>106.6069620583477</v>
      </c>
      <c r="D271" s="3">
        <v>147.56161510225488</v>
      </c>
    </row>
    <row r="272" spans="1:4" x14ac:dyDescent="0.3">
      <c r="A272" s="6">
        <v>45660</v>
      </c>
      <c r="B272" s="3">
        <v>124.58452397674553</v>
      </c>
      <c r="C272" s="3">
        <v>106.08819998956216</v>
      </c>
      <c r="D272" s="3">
        <v>150.62052088795664</v>
      </c>
    </row>
    <row r="273" spans="1:4" x14ac:dyDescent="0.3">
      <c r="A273" s="6">
        <v>45663</v>
      </c>
      <c r="B273" s="3">
        <v>125.27448567349361</v>
      </c>
      <c r="C273" s="3">
        <v>107.09587182297375</v>
      </c>
      <c r="D273" s="3">
        <v>153.51337178814896</v>
      </c>
    </row>
    <row r="274" spans="1:4" x14ac:dyDescent="0.3">
      <c r="A274" s="6">
        <v>45664</v>
      </c>
      <c r="B274" s="3">
        <v>123.8834507728787</v>
      </c>
      <c r="C274" s="3">
        <v>107.44136527321122</v>
      </c>
      <c r="D274" s="3">
        <v>149.49309561265514</v>
      </c>
    </row>
    <row r="275" spans="1:4" x14ac:dyDescent="0.3">
      <c r="A275" s="6">
        <v>45665</v>
      </c>
      <c r="B275" s="3">
        <v>124.07674906652859</v>
      </c>
      <c r="C275" s="3">
        <v>107.23219038672302</v>
      </c>
      <c r="D275" s="3">
        <v>149.39695857367593</v>
      </c>
    </row>
    <row r="276" spans="1:4" x14ac:dyDescent="0.3">
      <c r="A276" s="6">
        <v>45666</v>
      </c>
      <c r="B276" s="3">
        <v>124.07674906652859</v>
      </c>
      <c r="C276" s="3">
        <v>107.68561139815252</v>
      </c>
      <c r="D276" s="3">
        <v>149.39695857367593</v>
      </c>
    </row>
    <row r="277" spans="1:4" x14ac:dyDescent="0.3">
      <c r="A277" s="6">
        <v>45667</v>
      </c>
      <c r="B277" s="3">
        <v>122.16452158672323</v>
      </c>
      <c r="C277" s="3">
        <v>106.77897813266533</v>
      </c>
      <c r="D277" s="3">
        <v>147.01975179164481</v>
      </c>
    </row>
    <row r="278" spans="1:4" x14ac:dyDescent="0.3">
      <c r="A278" s="6">
        <v>45670</v>
      </c>
      <c r="B278" s="3">
        <v>122.35698127606227</v>
      </c>
      <c r="C278" s="3">
        <v>106.19028234434529</v>
      </c>
      <c r="D278" s="3">
        <v>145.91854570879218</v>
      </c>
    </row>
    <row r="279" spans="1:4" x14ac:dyDescent="0.3">
      <c r="A279" s="6">
        <v>45671</v>
      </c>
      <c r="B279" s="3">
        <v>122.49723784705115</v>
      </c>
      <c r="C279" s="3">
        <v>106.10782318250615</v>
      </c>
      <c r="D279" s="3">
        <v>144.71246285614404</v>
      </c>
    </row>
    <row r="280" spans="1:4" x14ac:dyDescent="0.3">
      <c r="A280" s="6">
        <v>45672</v>
      </c>
      <c r="B280" s="3">
        <v>124.74050437856276</v>
      </c>
      <c r="C280" s="3">
        <v>107.51463911069361</v>
      </c>
      <c r="D280" s="3">
        <v>149.27460234224785</v>
      </c>
    </row>
    <row r="281" spans="1:4" x14ac:dyDescent="0.3">
      <c r="A281" s="6">
        <v>45673</v>
      </c>
      <c r="B281" s="3">
        <v>124.47697297387958</v>
      </c>
      <c r="C281" s="3">
        <v>108.56510620531287</v>
      </c>
      <c r="D281" s="3">
        <v>146.37301171123926</v>
      </c>
    </row>
    <row r="282" spans="1:4" x14ac:dyDescent="0.3">
      <c r="A282" s="6">
        <v>45674</v>
      </c>
      <c r="B282" s="3">
        <v>125.72062316686339</v>
      </c>
      <c r="C282" s="3">
        <v>109.30974375032618</v>
      </c>
      <c r="D282" s="3">
        <v>148.88131445551477</v>
      </c>
    </row>
    <row r="283" spans="1:4" x14ac:dyDescent="0.3">
      <c r="A283" s="6">
        <v>45677</v>
      </c>
      <c r="B283" s="3">
        <v>125.72062316686339</v>
      </c>
      <c r="C283" s="3">
        <v>109.36151557851888</v>
      </c>
      <c r="D283" s="3">
        <v>148.88131445551477</v>
      </c>
    </row>
    <row r="284" spans="1:4" x14ac:dyDescent="0.3">
      <c r="A284" s="6">
        <v>45678</v>
      </c>
      <c r="B284" s="3">
        <v>126.82296853346978</v>
      </c>
      <c r="C284" s="3">
        <v>109.80303741975889</v>
      </c>
      <c r="D284" s="3">
        <v>149.19594476490124</v>
      </c>
    </row>
    <row r="285" spans="1:4" x14ac:dyDescent="0.3">
      <c r="A285" s="6">
        <v>45679</v>
      </c>
      <c r="B285" s="3">
        <v>127.60140298501206</v>
      </c>
      <c r="C285" s="3">
        <v>110.23307760555295</v>
      </c>
      <c r="D285" s="3">
        <v>152.20241216570531</v>
      </c>
    </row>
    <row r="286" spans="1:4" x14ac:dyDescent="0.3">
      <c r="A286" s="6">
        <v>45680</v>
      </c>
      <c r="B286" s="3">
        <v>128.2794145703306</v>
      </c>
      <c r="C286" s="3">
        <v>110.71196701633525</v>
      </c>
      <c r="D286" s="3">
        <v>152.42964516692885</v>
      </c>
    </row>
    <row r="287" spans="1:4" x14ac:dyDescent="0.3">
      <c r="A287" s="6">
        <v>45681</v>
      </c>
      <c r="B287" s="3">
        <v>127.91315413756882</v>
      </c>
      <c r="C287" s="3">
        <v>110.65602004070772</v>
      </c>
      <c r="D287" s="3">
        <v>151.36339800734137</v>
      </c>
    </row>
    <row r="288" spans="1:4" x14ac:dyDescent="0.3">
      <c r="A288" s="6">
        <v>45684</v>
      </c>
      <c r="B288" s="3">
        <v>126.04809815024853</v>
      </c>
      <c r="C288" s="3">
        <v>110.57564845258598</v>
      </c>
      <c r="D288" s="3">
        <v>145.55147701450795</v>
      </c>
    </row>
    <row r="289" spans="1:4" x14ac:dyDescent="0.3">
      <c r="A289" s="6">
        <v>45685</v>
      </c>
      <c r="B289" s="3">
        <v>127.20998442292493</v>
      </c>
      <c r="C289" s="3">
        <v>110.97541881947708</v>
      </c>
      <c r="D289" s="3">
        <v>150.68169900367067</v>
      </c>
    </row>
    <row r="290" spans="1:4" x14ac:dyDescent="0.3">
      <c r="A290" s="6">
        <v>45686</v>
      </c>
      <c r="B290" s="3">
        <v>126.6147850133024</v>
      </c>
      <c r="C290" s="3">
        <v>111.5305046709462</v>
      </c>
      <c r="D290" s="3">
        <v>149.01241041775916</v>
      </c>
    </row>
    <row r="291" spans="1:4" x14ac:dyDescent="0.3">
      <c r="A291" s="6">
        <v>45687</v>
      </c>
      <c r="B291" s="3">
        <v>127.28273334689078</v>
      </c>
      <c r="C291" s="3">
        <v>112.48619591879338</v>
      </c>
      <c r="D291" s="3">
        <v>148.04230029715083</v>
      </c>
    </row>
    <row r="292" spans="1:4" x14ac:dyDescent="0.3">
      <c r="A292" s="6">
        <v>45688</v>
      </c>
      <c r="B292" s="3">
        <v>126.64036244478314</v>
      </c>
      <c r="C292" s="3">
        <v>112.63086477741247</v>
      </c>
      <c r="D292" s="3">
        <v>147.54413564062224</v>
      </c>
    </row>
    <row r="293" spans="1:4" x14ac:dyDescent="0.3">
      <c r="A293" s="6">
        <v>45691</v>
      </c>
      <c r="B293" s="3">
        <v>125.67680609162173</v>
      </c>
      <c r="C293" s="3">
        <v>111.65346276290381</v>
      </c>
      <c r="D293" s="3">
        <v>144.8348190875721</v>
      </c>
    </row>
    <row r="294" spans="1:4" x14ac:dyDescent="0.3">
      <c r="A294" s="6">
        <v>45692</v>
      </c>
      <c r="B294" s="3">
        <v>126.58480490918964</v>
      </c>
      <c r="C294" s="3">
        <v>111.90313657951047</v>
      </c>
      <c r="D294" s="3">
        <v>147.21202586960322</v>
      </c>
    </row>
    <row r="295" spans="1:4" x14ac:dyDescent="0.3">
      <c r="A295" s="6">
        <v>45693</v>
      </c>
      <c r="B295" s="3">
        <v>127.07958145258846</v>
      </c>
      <c r="C295" s="3">
        <v>112.42857888419184</v>
      </c>
      <c r="D295" s="3">
        <v>146.31183359552523</v>
      </c>
    </row>
    <row r="296" spans="1:4" x14ac:dyDescent="0.3">
      <c r="A296" s="6">
        <v>45694</v>
      </c>
      <c r="B296" s="3">
        <v>127.54270068325286</v>
      </c>
      <c r="C296" s="3">
        <v>113.73957517874854</v>
      </c>
      <c r="D296" s="3">
        <v>147.71893025694811</v>
      </c>
    </row>
    <row r="297" spans="1:4" x14ac:dyDescent="0.3">
      <c r="A297" s="6">
        <v>45695</v>
      </c>
      <c r="B297" s="3">
        <v>126.33552977779084</v>
      </c>
      <c r="C297" s="3">
        <v>113.30368978654562</v>
      </c>
      <c r="D297" s="3">
        <v>145.17566858940745</v>
      </c>
    </row>
    <row r="298" spans="1:4" x14ac:dyDescent="0.3">
      <c r="A298" s="6">
        <v>45698</v>
      </c>
      <c r="B298" s="3">
        <v>127.18356838713328</v>
      </c>
      <c r="C298" s="3">
        <v>113.9646156254893</v>
      </c>
      <c r="D298" s="3">
        <v>146.39049117287189</v>
      </c>
    </row>
    <row r="299" spans="1:4" x14ac:dyDescent="0.3">
      <c r="A299" s="6">
        <v>45699</v>
      </c>
      <c r="B299" s="3">
        <v>127.22675650914184</v>
      </c>
      <c r="C299" s="3">
        <v>114.22702364177238</v>
      </c>
      <c r="D299" s="3">
        <v>146.16325817164832</v>
      </c>
    </row>
    <row r="300" spans="1:4" x14ac:dyDescent="0.3">
      <c r="A300" s="6">
        <v>45700</v>
      </c>
      <c r="B300" s="3">
        <v>126.88020327768497</v>
      </c>
      <c r="C300" s="3">
        <v>114.35394812379312</v>
      </c>
      <c r="D300" s="3">
        <v>146.00594301695509</v>
      </c>
    </row>
    <row r="301" spans="1:4" x14ac:dyDescent="0.3">
      <c r="A301" s="6">
        <v>45701</v>
      </c>
      <c r="B301" s="3">
        <v>128.20310157804366</v>
      </c>
      <c r="C301" s="3">
        <v>115.59939460362196</v>
      </c>
      <c r="D301" s="3">
        <v>148.54046495367942</v>
      </c>
    </row>
    <row r="302" spans="1:4" x14ac:dyDescent="0.3">
      <c r="A302" s="6">
        <v>45702</v>
      </c>
      <c r="B302" s="3">
        <v>128.19387693062438</v>
      </c>
      <c r="C302" s="3">
        <v>115.31945096811231</v>
      </c>
      <c r="D302" s="3">
        <v>149.51057507428769</v>
      </c>
    </row>
    <row r="303" spans="1:4" x14ac:dyDescent="0.3">
      <c r="A303" s="6">
        <v>45705</v>
      </c>
      <c r="B303" s="3">
        <v>128.19387693062438</v>
      </c>
      <c r="C303" s="3">
        <v>115.94885444392256</v>
      </c>
      <c r="D303" s="3">
        <v>149.51057507428769</v>
      </c>
    </row>
    <row r="304" spans="1:4" x14ac:dyDescent="0.3">
      <c r="A304" s="6">
        <v>45706</v>
      </c>
      <c r="B304" s="3">
        <v>128.50730529180285</v>
      </c>
      <c r="C304" s="3">
        <v>116.31334481498877</v>
      </c>
      <c r="D304" s="3">
        <v>148.9424925712288</v>
      </c>
    </row>
    <row r="305" spans="1:4" x14ac:dyDescent="0.3">
      <c r="A305" s="6">
        <v>45707</v>
      </c>
      <c r="B305" s="3">
        <v>128.81276691202831</v>
      </c>
      <c r="C305" s="3">
        <v>115.2557799697302</v>
      </c>
      <c r="D305" s="3">
        <v>149.36199965041075</v>
      </c>
    </row>
    <row r="306" spans="1:4" x14ac:dyDescent="0.3">
      <c r="A306" s="6">
        <v>45708</v>
      </c>
      <c r="B306" s="3">
        <v>128.25446609208296</v>
      </c>
      <c r="C306" s="3">
        <v>115.02719064766976</v>
      </c>
      <c r="D306" s="3">
        <v>149.05610907184061</v>
      </c>
    </row>
    <row r="307" spans="1:4" x14ac:dyDescent="0.3">
      <c r="A307" s="6">
        <v>45709</v>
      </c>
      <c r="B307" s="3">
        <v>126.06591849185402</v>
      </c>
      <c r="C307" s="3">
        <v>115.61943531130945</v>
      </c>
      <c r="D307" s="3">
        <v>145.61265513022201</v>
      </c>
    </row>
    <row r="308" spans="1:4" x14ac:dyDescent="0.3">
      <c r="A308" s="6">
        <v>45712</v>
      </c>
      <c r="B308" s="3">
        <v>125.43948107165247</v>
      </c>
      <c r="C308" s="3">
        <v>115.52361567767859</v>
      </c>
      <c r="D308" s="3">
        <v>143.7773116588009</v>
      </c>
    </row>
    <row r="309" spans="1:4" x14ac:dyDescent="0.3">
      <c r="A309" s="6">
        <v>45713</v>
      </c>
      <c r="B309" s="3">
        <v>124.85245805406065</v>
      </c>
      <c r="C309" s="3">
        <v>115.69396169302229</v>
      </c>
      <c r="D309" s="3">
        <v>141.33018703023947</v>
      </c>
    </row>
    <row r="310" spans="1:4" x14ac:dyDescent="0.3">
      <c r="A310" s="6">
        <v>45714</v>
      </c>
      <c r="B310" s="3">
        <v>124.86943979135525</v>
      </c>
      <c r="C310" s="3">
        <v>116.83461197223528</v>
      </c>
      <c r="D310" s="3">
        <v>141.45254326166753</v>
      </c>
    </row>
    <row r="311" spans="1:4" x14ac:dyDescent="0.3">
      <c r="A311" s="6">
        <v>45715</v>
      </c>
      <c r="B311" s="3">
        <v>122.88844675806057</v>
      </c>
      <c r="C311" s="3">
        <v>116.3004018579406</v>
      </c>
      <c r="D311" s="3">
        <v>136.76804754413564</v>
      </c>
    </row>
    <row r="312" spans="1:4" x14ac:dyDescent="0.3">
      <c r="A312" s="6">
        <v>45716</v>
      </c>
      <c r="B312" s="3">
        <v>124.8367342232323</v>
      </c>
      <c r="C312" s="3">
        <v>116.31689369030845</v>
      </c>
      <c r="D312" s="3">
        <v>139.63467925187905</v>
      </c>
    </row>
    <row r="313" spans="1:4" x14ac:dyDescent="0.3">
      <c r="A313" s="6">
        <v>45719</v>
      </c>
      <c r="B313" s="3">
        <v>122.64001023097259</v>
      </c>
      <c r="C313" s="3">
        <v>117.55649496372843</v>
      </c>
      <c r="D313" s="3">
        <v>134.81908757210275</v>
      </c>
    </row>
    <row r="314" spans="1:4" x14ac:dyDescent="0.3">
      <c r="A314" s="6">
        <v>45720</v>
      </c>
      <c r="B314" s="3">
        <v>121.13953746779234</v>
      </c>
      <c r="C314" s="3">
        <v>115.03929857523092</v>
      </c>
      <c r="D314" s="3">
        <v>134.63555322496069</v>
      </c>
    </row>
    <row r="315" spans="1:4" x14ac:dyDescent="0.3">
      <c r="A315" s="6">
        <v>45721</v>
      </c>
      <c r="B315" s="3">
        <v>122.49136761687525</v>
      </c>
      <c r="C315" s="3">
        <v>116.08788685350453</v>
      </c>
      <c r="D315" s="3">
        <v>136.79426673658452</v>
      </c>
    </row>
    <row r="316" spans="1:4" x14ac:dyDescent="0.3">
      <c r="A316" s="6">
        <v>45722</v>
      </c>
      <c r="B316" s="3">
        <v>120.30869024682222</v>
      </c>
      <c r="C316" s="3">
        <v>116.04780543812953</v>
      </c>
      <c r="D316" s="3">
        <v>133.36829225659849</v>
      </c>
    </row>
    <row r="317" spans="1:4" x14ac:dyDescent="0.3">
      <c r="A317" s="6">
        <v>45723</v>
      </c>
      <c r="B317" s="3">
        <v>120.97286486101181</v>
      </c>
      <c r="C317" s="3">
        <v>115.51568289755234</v>
      </c>
      <c r="D317" s="3">
        <v>134.03251179863662</v>
      </c>
    </row>
    <row r="318" spans="1:4" x14ac:dyDescent="0.3">
      <c r="A318" s="6">
        <v>45726</v>
      </c>
      <c r="B318" s="3">
        <v>117.70985548751214</v>
      </c>
      <c r="C318" s="3">
        <v>114.0230676895778</v>
      </c>
      <c r="D318" s="3">
        <v>127.69620695682573</v>
      </c>
    </row>
    <row r="319" spans="1:4" x14ac:dyDescent="0.3">
      <c r="A319" s="6">
        <v>45727</v>
      </c>
      <c r="B319" s="3">
        <v>116.81904805831655</v>
      </c>
      <c r="C319" s="3">
        <v>112.07911904389123</v>
      </c>
      <c r="D319" s="3">
        <v>127.56511099458136</v>
      </c>
    </row>
    <row r="320" spans="1:4" x14ac:dyDescent="0.3">
      <c r="A320" s="6">
        <v>45728</v>
      </c>
      <c r="B320" s="3">
        <v>117.38992794292457</v>
      </c>
      <c r="C320" s="3">
        <v>112.98930118469808</v>
      </c>
      <c r="D320" s="3">
        <v>129.93357804579617</v>
      </c>
    </row>
    <row r="321" spans="1:4" x14ac:dyDescent="0.3">
      <c r="A321" s="6">
        <v>45729</v>
      </c>
      <c r="B321" s="3">
        <v>115.75926186048562</v>
      </c>
      <c r="C321" s="3">
        <v>112.82125150044364</v>
      </c>
      <c r="D321" s="3">
        <v>127.05820660723649</v>
      </c>
    </row>
    <row r="322" spans="1:4" x14ac:dyDescent="0.3">
      <c r="A322" s="6">
        <v>45730</v>
      </c>
      <c r="B322" s="3">
        <v>118.22098481497245</v>
      </c>
      <c r="C322" s="3">
        <v>114.10594436616044</v>
      </c>
      <c r="D322" s="3">
        <v>130.6939346268135</v>
      </c>
    </row>
    <row r="323" spans="1:4" x14ac:dyDescent="0.3">
      <c r="A323" s="6">
        <v>45733</v>
      </c>
      <c r="B323" s="3">
        <v>118.97950241413217</v>
      </c>
      <c r="C323" s="3">
        <v>115.01195135953239</v>
      </c>
      <c r="D323" s="3">
        <v>129.66264639049118</v>
      </c>
    </row>
    <row r="324" spans="1:4" x14ac:dyDescent="0.3">
      <c r="A324" s="6">
        <v>45734</v>
      </c>
      <c r="B324" s="3">
        <v>117.71195199828928</v>
      </c>
      <c r="C324" s="3">
        <v>115.71400240070979</v>
      </c>
      <c r="D324" s="3">
        <v>126.92711064499211</v>
      </c>
    </row>
    <row r="325" spans="1:4" x14ac:dyDescent="0.3">
      <c r="A325" s="6">
        <v>45735</v>
      </c>
      <c r="B325" s="3">
        <v>118.98306648245327</v>
      </c>
      <c r="C325" s="3">
        <v>115.93653775898964</v>
      </c>
      <c r="D325" s="3">
        <v>128.82363223212724</v>
      </c>
    </row>
    <row r="326" spans="1:4" x14ac:dyDescent="0.3">
      <c r="A326" s="6">
        <v>45736</v>
      </c>
      <c r="B326" s="3">
        <v>118.72309914609116</v>
      </c>
      <c r="C326" s="3">
        <v>115.43823391263506</v>
      </c>
      <c r="D326" s="3">
        <v>128.71875546233179</v>
      </c>
    </row>
    <row r="327" spans="1:4" x14ac:dyDescent="0.3">
      <c r="A327" s="6">
        <v>45737</v>
      </c>
      <c r="B327" s="3">
        <v>118.82100619938238</v>
      </c>
      <c r="C327" s="3">
        <v>114.74662074004489</v>
      </c>
      <c r="D327" s="3">
        <v>130.10837266212201</v>
      </c>
    </row>
    <row r="328" spans="1:4" x14ac:dyDescent="0.3">
      <c r="A328" s="6">
        <v>45740</v>
      </c>
      <c r="B328" s="3">
        <v>120.91772662757371</v>
      </c>
      <c r="C328" s="3">
        <v>114.59401910129952</v>
      </c>
      <c r="D328" s="3">
        <v>133.4644292955777</v>
      </c>
    </row>
    <row r="329" spans="1:4" x14ac:dyDescent="0.3">
      <c r="A329" s="6">
        <v>45741</v>
      </c>
      <c r="B329" s="3">
        <v>121.10808980613565</v>
      </c>
      <c r="C329" s="3">
        <v>115.3568185376546</v>
      </c>
      <c r="D329" s="3">
        <v>134.71421080230726</v>
      </c>
    </row>
    <row r="330" spans="1:4" x14ac:dyDescent="0.3">
      <c r="A330" s="6">
        <v>45742</v>
      </c>
      <c r="B330" s="3">
        <v>119.75688861028593</v>
      </c>
      <c r="C330" s="3">
        <v>114.5522676269506</v>
      </c>
      <c r="D330" s="3">
        <v>130.97360601293479</v>
      </c>
    </row>
    <row r="331" spans="1:4" x14ac:dyDescent="0.3">
      <c r="A331" s="6">
        <v>45743</v>
      </c>
      <c r="B331" s="3">
        <v>119.36085772448915</v>
      </c>
      <c r="C331" s="3">
        <v>114.0451959709827</v>
      </c>
      <c r="D331" s="3">
        <v>130.44048243314106</v>
      </c>
    </row>
    <row r="332" spans="1:4" x14ac:dyDescent="0.3">
      <c r="A332" s="6">
        <v>45744</v>
      </c>
      <c r="B332" s="3">
        <v>117.00500856424654</v>
      </c>
      <c r="C332" s="3">
        <v>113.16778873753978</v>
      </c>
      <c r="D332" s="3">
        <v>126.27163083377033</v>
      </c>
    </row>
    <row r="333" spans="1:4" x14ac:dyDescent="0.3">
      <c r="A333" s="6">
        <v>45747</v>
      </c>
      <c r="B333" s="3">
        <v>117.65304004545236</v>
      </c>
      <c r="C333" s="3">
        <v>111.46077970878348</v>
      </c>
      <c r="D333" s="3">
        <v>126.03565810173048</v>
      </c>
    </row>
    <row r="334" spans="1:4" x14ac:dyDescent="0.3">
      <c r="A334" s="6">
        <v>45748</v>
      </c>
      <c r="B334" s="3">
        <v>118.09791963235587</v>
      </c>
      <c r="C334" s="3">
        <v>112.65445436041961</v>
      </c>
      <c r="D334" s="3">
        <v>127.82730291907008</v>
      </c>
    </row>
    <row r="335" spans="1:4" x14ac:dyDescent="0.3">
      <c r="A335" s="6">
        <v>45749</v>
      </c>
      <c r="B335" s="3">
        <v>118.89249721688198</v>
      </c>
      <c r="C335" s="3">
        <v>112.08621679453057</v>
      </c>
      <c r="D335" s="3">
        <v>128.60513896172</v>
      </c>
    </row>
    <row r="336" spans="1:4" x14ac:dyDescent="0.3">
      <c r="A336" s="6">
        <v>45750</v>
      </c>
      <c r="B336" s="3">
        <v>113.13862338909355</v>
      </c>
      <c r="C336" s="3">
        <v>109.07155158916551</v>
      </c>
      <c r="D336" s="3">
        <v>119.91784653032688</v>
      </c>
    </row>
    <row r="337" spans="1:4" x14ac:dyDescent="0.3">
      <c r="A337" s="6">
        <v>45751</v>
      </c>
      <c r="B337" s="3">
        <v>106.37863403936827</v>
      </c>
      <c r="C337" s="3">
        <v>103.61317259015709</v>
      </c>
      <c r="D337" s="3">
        <v>113.10959622443629</v>
      </c>
    </row>
    <row r="338" spans="1:4" x14ac:dyDescent="0.3">
      <c r="A338" s="6">
        <v>45754</v>
      </c>
      <c r="B338" s="3">
        <v>106.13061681443574</v>
      </c>
      <c r="C338" s="3">
        <v>98.953916810187366</v>
      </c>
      <c r="D338" s="3">
        <v>113.31061003321099</v>
      </c>
    </row>
    <row r="339" spans="1:4" x14ac:dyDescent="0.3">
      <c r="A339" s="6">
        <v>45755</v>
      </c>
      <c r="B339" s="3">
        <v>104.46431004878582</v>
      </c>
      <c r="C339" s="3">
        <v>101.64563436146339</v>
      </c>
      <c r="D339" s="3">
        <v>110.67995105750742</v>
      </c>
    </row>
    <row r="340" spans="1:4" x14ac:dyDescent="0.3">
      <c r="A340" s="6">
        <v>45756</v>
      </c>
      <c r="B340" s="3">
        <v>114.40449659631476</v>
      </c>
      <c r="C340" s="3">
        <v>98.093418923855751</v>
      </c>
      <c r="D340" s="3">
        <v>126.18423352560741</v>
      </c>
    </row>
    <row r="341" spans="1:4" x14ac:dyDescent="0.3">
      <c r="A341" s="6">
        <v>45757</v>
      </c>
      <c r="B341" s="3">
        <v>110.44523599373564</v>
      </c>
      <c r="C341" s="3">
        <v>101.72245707426544</v>
      </c>
      <c r="D341" s="3">
        <v>120.34609334032508</v>
      </c>
    </row>
    <row r="342" spans="1:4" x14ac:dyDescent="0.3">
      <c r="A342" s="6">
        <v>45758</v>
      </c>
      <c r="B342" s="3">
        <v>112.44342041540263</v>
      </c>
      <c r="C342" s="3">
        <v>101.62392359480195</v>
      </c>
      <c r="D342" s="3">
        <v>123.23894424051736</v>
      </c>
    </row>
    <row r="343" spans="1:4" x14ac:dyDescent="0.3">
      <c r="A343" s="6">
        <v>45761</v>
      </c>
      <c r="B343" s="3">
        <v>113.33674365753079</v>
      </c>
      <c r="C343" s="3">
        <v>104.35593131882473</v>
      </c>
      <c r="D343" s="3">
        <v>123.45743751092466</v>
      </c>
    </row>
    <row r="344" spans="1:4" x14ac:dyDescent="0.3">
      <c r="A344" s="6">
        <v>45762</v>
      </c>
      <c r="B344" s="3">
        <v>113.14092955094839</v>
      </c>
      <c r="C344" s="3">
        <v>106.06064401649185</v>
      </c>
      <c r="D344" s="3">
        <v>122.96801258521238</v>
      </c>
    </row>
    <row r="345" spans="1:4" x14ac:dyDescent="0.3">
      <c r="A345" s="6">
        <v>45763</v>
      </c>
      <c r="B345" s="3">
        <v>110.60561906818482</v>
      </c>
      <c r="C345" s="3">
        <v>105.85835812327124</v>
      </c>
      <c r="D345" s="3">
        <v>117.91644817339623</v>
      </c>
    </row>
    <row r="346" spans="1:4" x14ac:dyDescent="0.3">
      <c r="A346" s="6">
        <v>45764</v>
      </c>
      <c r="B346" s="3">
        <v>110.75237482258278</v>
      </c>
      <c r="C346" s="3">
        <v>105.7193257136893</v>
      </c>
      <c r="D346" s="3">
        <v>116.99877643768571</v>
      </c>
    </row>
    <row r="347" spans="1:4" x14ac:dyDescent="0.3">
      <c r="A347" s="6">
        <v>45765</v>
      </c>
      <c r="B347" s="3">
        <v>110.75237482258278</v>
      </c>
      <c r="C347" s="3">
        <v>105.7193257136893</v>
      </c>
      <c r="D347" s="3">
        <v>116.99877643768571</v>
      </c>
    </row>
    <row r="348" spans="1:4" x14ac:dyDescent="0.3">
      <c r="A348" s="6">
        <v>45768</v>
      </c>
      <c r="B348" s="3">
        <v>108.14221890507629</v>
      </c>
      <c r="C348" s="3">
        <v>105.7193257136893</v>
      </c>
      <c r="D348" s="3">
        <v>113.4854046495368</v>
      </c>
    </row>
    <row r="349" spans="1:4" x14ac:dyDescent="0.3">
      <c r="A349" s="6">
        <v>45769</v>
      </c>
      <c r="B349" s="3">
        <v>110.85845826790472</v>
      </c>
      <c r="C349" s="3">
        <v>105.98904023798342</v>
      </c>
      <c r="D349" s="3">
        <v>116.71036532074812</v>
      </c>
    </row>
    <row r="350" spans="1:4" x14ac:dyDescent="0.3">
      <c r="A350" s="6">
        <v>45770</v>
      </c>
      <c r="B350" s="3">
        <v>112.70548426254186</v>
      </c>
      <c r="C350" s="3">
        <v>107.87871196701634</v>
      </c>
      <c r="D350" s="3">
        <v>120.37231253277399</v>
      </c>
    </row>
    <row r="351" spans="1:4" x14ac:dyDescent="0.3">
      <c r="A351" s="6">
        <v>45771</v>
      </c>
      <c r="B351" s="3">
        <v>114.98879414989635</v>
      </c>
      <c r="C351" s="3">
        <v>108.26366056051356</v>
      </c>
      <c r="D351" s="3">
        <v>123.86820485929033</v>
      </c>
    </row>
    <row r="352" spans="1:4" x14ac:dyDescent="0.3">
      <c r="A352" s="6">
        <v>45772</v>
      </c>
      <c r="B352" s="3">
        <v>115.83662310816112</v>
      </c>
      <c r="C352" s="3">
        <v>108.64714785240854</v>
      </c>
      <c r="D352" s="3">
        <v>126.64743925887083</v>
      </c>
    </row>
    <row r="353" spans="1:4" x14ac:dyDescent="0.3">
      <c r="A353" s="6">
        <v>45775</v>
      </c>
      <c r="B353" s="3">
        <v>115.91083958967093</v>
      </c>
      <c r="C353" s="3">
        <v>109.21997808047598</v>
      </c>
      <c r="D353" s="3">
        <v>126.06187729417935</v>
      </c>
    </row>
    <row r="354" spans="1:4" x14ac:dyDescent="0.3">
      <c r="A354" s="6">
        <v>45776</v>
      </c>
      <c r="B354" s="3">
        <v>116.58340024696896</v>
      </c>
      <c r="C354" s="3">
        <v>109.6166170867909</v>
      </c>
      <c r="D354" s="3">
        <v>126.62995979723823</v>
      </c>
    </row>
    <row r="355" spans="1:4" x14ac:dyDescent="0.3">
      <c r="A355" s="6">
        <v>45777</v>
      </c>
      <c r="B355" s="3">
        <v>116.75594308392544</v>
      </c>
      <c r="C355" s="3">
        <v>110.11533844788894</v>
      </c>
      <c r="D355" s="3">
        <v>126.14053487152594</v>
      </c>
    </row>
    <row r="356" spans="1:4" x14ac:dyDescent="0.3">
      <c r="A356" s="6">
        <v>45778</v>
      </c>
      <c r="B356" s="3">
        <v>117.49139906453692</v>
      </c>
      <c r="C356" s="3">
        <v>110.14080684724179</v>
      </c>
      <c r="D356" s="3">
        <v>129.94231777661247</v>
      </c>
    </row>
    <row r="357" spans="1:4" x14ac:dyDescent="0.3">
      <c r="A357" s="6">
        <v>45779</v>
      </c>
      <c r="B357" s="3">
        <v>119.22164940888879</v>
      </c>
      <c r="C357" s="3">
        <v>111.98288189551695</v>
      </c>
      <c r="D357" s="3">
        <v>131.04352385946513</v>
      </c>
    </row>
    <row r="358" spans="1:4" x14ac:dyDescent="0.3">
      <c r="A358" s="6">
        <v>45782</v>
      </c>
      <c r="B358" s="3">
        <v>118.46082564787423</v>
      </c>
      <c r="C358" s="3">
        <v>112.16679714002402</v>
      </c>
      <c r="D358" s="3">
        <v>129.66264639049118</v>
      </c>
    </row>
    <row r="359" spans="1:4" x14ac:dyDescent="0.3">
      <c r="A359" s="6">
        <v>45783</v>
      </c>
      <c r="B359" s="3">
        <v>117.54947241306294</v>
      </c>
      <c r="C359" s="3">
        <v>111.96806012212308</v>
      </c>
      <c r="D359" s="3">
        <v>128.81489250131096</v>
      </c>
    </row>
    <row r="360" spans="1:4" x14ac:dyDescent="0.3">
      <c r="A360" s="6">
        <v>45784</v>
      </c>
      <c r="B360" s="3">
        <v>118.06039208944554</v>
      </c>
      <c r="C360" s="3">
        <v>111.36642137675486</v>
      </c>
      <c r="D360" s="3">
        <v>128.67505680825028</v>
      </c>
    </row>
    <row r="361" spans="1:4" x14ac:dyDescent="0.3">
      <c r="A361" s="6">
        <v>45785</v>
      </c>
      <c r="B361" s="3">
        <v>118.74511250925084</v>
      </c>
      <c r="C361" s="3">
        <v>111.81671102760819</v>
      </c>
      <c r="D361" s="3">
        <v>130.0122356231428</v>
      </c>
    </row>
    <row r="362" spans="1:4" x14ac:dyDescent="0.3">
      <c r="A362" s="6">
        <v>45786</v>
      </c>
      <c r="B362" s="3">
        <v>118.66062312493317</v>
      </c>
      <c r="C362" s="3">
        <v>112.30395073326029</v>
      </c>
      <c r="D362" s="3">
        <v>130.19576997028491</v>
      </c>
    </row>
    <row r="363" spans="1:4" x14ac:dyDescent="0.3">
      <c r="A363" s="6">
        <v>45789</v>
      </c>
      <c r="B363" s="3">
        <v>122.52407318499819</v>
      </c>
      <c r="C363" s="3">
        <v>113.6671363707531</v>
      </c>
      <c r="D363" s="3">
        <v>137.16133543086872</v>
      </c>
    </row>
    <row r="364" spans="1:4" x14ac:dyDescent="0.3">
      <c r="A364" s="6">
        <v>45790</v>
      </c>
      <c r="B364" s="3">
        <v>123.41215515018355</v>
      </c>
      <c r="C364" s="3">
        <v>113.8076300819373</v>
      </c>
      <c r="D364" s="3">
        <v>139.98426848453065</v>
      </c>
    </row>
    <row r="365" spans="1:4" x14ac:dyDescent="0.3">
      <c r="A365" s="6">
        <v>45791</v>
      </c>
      <c r="B365" s="3">
        <v>123.53857475004351</v>
      </c>
      <c r="C365" s="3">
        <v>113.53833307238664</v>
      </c>
      <c r="D365" s="3">
        <v>142.18668065023596</v>
      </c>
    </row>
    <row r="366" spans="1:4" x14ac:dyDescent="0.3">
      <c r="A366" s="6">
        <v>45792</v>
      </c>
      <c r="B366" s="3">
        <v>124.0490751242707</v>
      </c>
      <c r="C366" s="3">
        <v>114.18005323312981</v>
      </c>
      <c r="D366" s="3">
        <v>140.98059779758785</v>
      </c>
    </row>
    <row r="367" spans="1:4" x14ac:dyDescent="0.3">
      <c r="A367" s="6">
        <v>45793</v>
      </c>
      <c r="B367" s="3">
        <v>124.91807884138429</v>
      </c>
      <c r="C367" s="3">
        <v>114.66207400448829</v>
      </c>
      <c r="D367" s="3">
        <v>141.52246110819786</v>
      </c>
    </row>
    <row r="368" spans="1:4" x14ac:dyDescent="0.3">
      <c r="A368" s="6">
        <v>45796</v>
      </c>
      <c r="B368" s="3">
        <v>125.02751670394964</v>
      </c>
      <c r="C368" s="3">
        <v>114.81342309900317</v>
      </c>
      <c r="D368" s="3">
        <v>141.41758433840238</v>
      </c>
    </row>
    <row r="369" spans="1:4" x14ac:dyDescent="0.3">
      <c r="A369" s="6">
        <v>45797</v>
      </c>
      <c r="B369" s="3">
        <v>124.54238411012552</v>
      </c>
      <c r="C369" s="3">
        <v>115.6551328218778</v>
      </c>
      <c r="D369" s="3">
        <v>140.41251529452893</v>
      </c>
    </row>
    <row r="370" spans="1:4" x14ac:dyDescent="0.3">
      <c r="A370" s="6">
        <v>45798</v>
      </c>
      <c r="B370" s="3">
        <v>122.5328785302621</v>
      </c>
      <c r="C370" s="3">
        <v>115.61421637701584</v>
      </c>
      <c r="D370" s="3">
        <v>138.77818563188254</v>
      </c>
    </row>
    <row r="371" spans="1:4" x14ac:dyDescent="0.3">
      <c r="A371" s="6">
        <v>45799</v>
      </c>
      <c r="B371" s="3">
        <v>122.47836925005716</v>
      </c>
      <c r="C371" s="3">
        <v>114.87271019257869</v>
      </c>
      <c r="D371" s="3">
        <v>139.61719979024647</v>
      </c>
    </row>
    <row r="372" spans="1:4" x14ac:dyDescent="0.3">
      <c r="A372" s="6">
        <v>45800</v>
      </c>
      <c r="B372" s="3">
        <v>121.6567466765063</v>
      </c>
      <c r="C372" s="3">
        <v>113.80011481655445</v>
      </c>
      <c r="D372" s="3">
        <v>137.52840412515295</v>
      </c>
    </row>
    <row r="373" spans="1:4" x14ac:dyDescent="0.3">
      <c r="A373" s="6">
        <v>45803</v>
      </c>
      <c r="B373" s="3">
        <v>121.6567466765063</v>
      </c>
      <c r="C373" s="3">
        <v>114.92114190282345</v>
      </c>
      <c r="D373" s="3">
        <v>137.52840412515295</v>
      </c>
    </row>
    <row r="374" spans="1:4" x14ac:dyDescent="0.3">
      <c r="A374" s="6">
        <v>45804</v>
      </c>
      <c r="B374" s="3">
        <v>124.14572427109565</v>
      </c>
      <c r="C374" s="3">
        <v>115.30003653254009</v>
      </c>
      <c r="D374" s="3">
        <v>141.51372137738153</v>
      </c>
    </row>
    <row r="375" spans="1:4" x14ac:dyDescent="0.3">
      <c r="A375" s="6">
        <v>45805</v>
      </c>
      <c r="B375" s="3">
        <v>123.45408536572585</v>
      </c>
      <c r="C375" s="3">
        <v>114.59276655706904</v>
      </c>
      <c r="D375" s="3">
        <v>140.88446075860864</v>
      </c>
    </row>
    <row r="376" spans="1:4" x14ac:dyDescent="0.3">
      <c r="A376" s="6">
        <v>45806</v>
      </c>
      <c r="B376" s="3">
        <v>123.94928121128008</v>
      </c>
      <c r="C376" s="3">
        <v>114.37357131673716</v>
      </c>
      <c r="D376" s="3">
        <v>141.95944764901242</v>
      </c>
    </row>
    <row r="377" spans="1:4" x14ac:dyDescent="0.3">
      <c r="A377" s="6">
        <v>45807</v>
      </c>
      <c r="B377" s="3">
        <v>123.93921795954992</v>
      </c>
      <c r="C377" s="3">
        <v>114.53995094201765</v>
      </c>
      <c r="D377" s="3">
        <v>140.99807725922042</v>
      </c>
    </row>
    <row r="378" spans="1:4" x14ac:dyDescent="0.3">
      <c r="A378" s="6">
        <v>45810</v>
      </c>
      <c r="B378" s="3">
        <v>124.44762182299998</v>
      </c>
      <c r="C378" s="3">
        <v>114.38338291320913</v>
      </c>
      <c r="D378" s="3">
        <v>141.94196818737984</v>
      </c>
    </row>
    <row r="379" spans="1:4" x14ac:dyDescent="0.3">
      <c r="A379" s="6">
        <v>45811</v>
      </c>
      <c r="B379" s="3">
        <v>125.16945048356021</v>
      </c>
      <c r="C379" s="3">
        <v>114.4913104744011</v>
      </c>
      <c r="D379" s="3">
        <v>142.66736584513197</v>
      </c>
    </row>
    <row r="380" spans="1:4" x14ac:dyDescent="0.3">
      <c r="A380" s="6">
        <v>45812</v>
      </c>
      <c r="B380" s="3">
        <v>125.17867513097953</v>
      </c>
      <c r="C380" s="3">
        <v>115.0292782213872</v>
      </c>
      <c r="D380" s="3">
        <v>143.22670861737456</v>
      </c>
    </row>
    <row r="381" spans="1:4" x14ac:dyDescent="0.3">
      <c r="A381" s="6">
        <v>45813</v>
      </c>
      <c r="B381" s="3">
        <v>124.51806458511101</v>
      </c>
      <c r="C381" s="3">
        <v>115.20818328897242</v>
      </c>
      <c r="D381" s="3">
        <v>141.60111868554449</v>
      </c>
    </row>
    <row r="382" spans="1:4" x14ac:dyDescent="0.3">
      <c r="A382" s="6">
        <v>45814</v>
      </c>
      <c r="B382" s="3">
        <v>125.79819406561661</v>
      </c>
      <c r="C382" s="3">
        <v>115.57559626324306</v>
      </c>
      <c r="D382" s="3">
        <v>144.10068169900367</v>
      </c>
    </row>
    <row r="383" spans="1:4" x14ac:dyDescent="0.3">
      <c r="A383" s="6">
        <v>45817</v>
      </c>
      <c r="B383" s="3">
        <v>125.91392146051328</v>
      </c>
      <c r="C383" s="3">
        <v>115.49355461614741</v>
      </c>
      <c r="D383" s="3">
        <v>144.88725747246986</v>
      </c>
    </row>
    <row r="384" spans="1:4" x14ac:dyDescent="0.3">
      <c r="A384" s="6">
        <v>45818</v>
      </c>
      <c r="B384" s="3">
        <v>126.6043024594168</v>
      </c>
      <c r="C384" s="3">
        <v>115.46683367256408</v>
      </c>
      <c r="D384" s="3">
        <v>146.11955951756684</v>
      </c>
    </row>
    <row r="385" spans="1:4" x14ac:dyDescent="0.3">
      <c r="A385" s="6">
        <v>45819</v>
      </c>
      <c r="B385" s="3">
        <v>126.25691062364905</v>
      </c>
      <c r="C385" s="3">
        <v>115.15808151975367</v>
      </c>
      <c r="D385" s="3">
        <v>144.82607935675583</v>
      </c>
    </row>
    <row r="386" spans="1:4" x14ac:dyDescent="0.3">
      <c r="A386" s="6">
        <v>45820</v>
      </c>
      <c r="B386" s="3">
        <v>126.73952740454064</v>
      </c>
      <c r="C386" s="3">
        <v>114.78377955221544</v>
      </c>
      <c r="D386" s="3">
        <v>145.41164132144729</v>
      </c>
    </row>
    <row r="387" spans="1:4" x14ac:dyDescent="0.3">
      <c r="A387" s="6">
        <v>45821</v>
      </c>
      <c r="B387" s="3">
        <v>125.30782019484971</v>
      </c>
      <c r="C387" s="3">
        <v>113.76024215855125</v>
      </c>
      <c r="D387" s="3">
        <v>143.88218842859638</v>
      </c>
    </row>
    <row r="388" spans="1:4" x14ac:dyDescent="0.3">
      <c r="A388" s="6">
        <v>45824</v>
      </c>
      <c r="B388" s="3">
        <v>126.48480134512133</v>
      </c>
      <c r="C388" s="3">
        <v>114.1706591514013</v>
      </c>
      <c r="D388" s="3">
        <v>146.00594301695509</v>
      </c>
    </row>
    <row r="389" spans="1:4" x14ac:dyDescent="0.3">
      <c r="A389" s="6">
        <v>45825</v>
      </c>
      <c r="B389" s="3">
        <v>125.42836956453375</v>
      </c>
      <c r="C389" s="3">
        <v>113.20035488753197</v>
      </c>
      <c r="D389" s="3">
        <v>144.82607935675583</v>
      </c>
    </row>
    <row r="390" spans="1:4" x14ac:dyDescent="0.3">
      <c r="A390" s="6">
        <v>45826</v>
      </c>
      <c r="B390" s="3">
        <v>125.38958411515715</v>
      </c>
      <c r="C390" s="3">
        <v>112.79870570429517</v>
      </c>
      <c r="D390" s="3">
        <v>145.03583289634679</v>
      </c>
    </row>
    <row r="391" spans="1:4" x14ac:dyDescent="0.3">
      <c r="A391" s="6">
        <v>45827</v>
      </c>
      <c r="B391" s="3">
        <v>125.38958411515715</v>
      </c>
      <c r="C391" s="3">
        <v>111.86514273785293</v>
      </c>
      <c r="D391" s="3">
        <v>145.03583289634679</v>
      </c>
    </row>
    <row r="392" spans="1:4" x14ac:dyDescent="0.3">
      <c r="A392" s="6">
        <v>45828</v>
      </c>
      <c r="B392" s="3">
        <v>125.11640876089925</v>
      </c>
      <c r="C392" s="3">
        <v>112.00521893429362</v>
      </c>
      <c r="D392" s="3">
        <v>143.99580492920819</v>
      </c>
    </row>
    <row r="393" spans="1:4" x14ac:dyDescent="0.3">
      <c r="A393" s="6">
        <v>45831</v>
      </c>
      <c r="B393" s="3">
        <v>126.3183383894185</v>
      </c>
      <c r="C393" s="3">
        <v>111.69124784718963</v>
      </c>
      <c r="D393" s="3">
        <v>145.45533997552874</v>
      </c>
    </row>
    <row r="394" spans="1:4" x14ac:dyDescent="0.3">
      <c r="A394" s="6">
        <v>45832</v>
      </c>
      <c r="B394" s="3">
        <v>127.72321026116235</v>
      </c>
      <c r="C394" s="3">
        <v>112.93418923855747</v>
      </c>
      <c r="D394" s="3">
        <v>146.94109421429818</v>
      </c>
    </row>
    <row r="395" spans="1:4" x14ac:dyDescent="0.3">
      <c r="A395" s="6">
        <v>45833</v>
      </c>
      <c r="B395" s="3">
        <v>127.72279095900694</v>
      </c>
      <c r="C395" s="3">
        <v>112.09790720734827</v>
      </c>
      <c r="D395" s="3">
        <v>148.5666841461283</v>
      </c>
    </row>
    <row r="396" spans="1:4" x14ac:dyDescent="0.3">
      <c r="A396" s="6">
        <v>45834</v>
      </c>
      <c r="B396" s="3">
        <v>128.74714612470467</v>
      </c>
      <c r="C396" s="3">
        <v>112.20270340796409</v>
      </c>
      <c r="D396" s="3">
        <v>149.96504107673482</v>
      </c>
    </row>
    <row r="397" spans="1:4" x14ac:dyDescent="0.3">
      <c r="A397" s="6">
        <v>45835</v>
      </c>
      <c r="B397" s="3">
        <v>129.41907782876959</v>
      </c>
      <c r="C397" s="3">
        <v>113.48635248682221</v>
      </c>
      <c r="D397" s="3">
        <v>151.55567208529976</v>
      </c>
    </row>
    <row r="398" spans="1:4" x14ac:dyDescent="0.3">
      <c r="A398" s="6">
        <v>45838</v>
      </c>
      <c r="B398" s="3">
        <v>130.08744546451339</v>
      </c>
      <c r="C398" s="3">
        <v>113.01435206930744</v>
      </c>
      <c r="D398" s="3">
        <v>151.64306939346267</v>
      </c>
    </row>
    <row r="399" spans="1:4" x14ac:dyDescent="0.3">
      <c r="A399" s="6">
        <v>45839</v>
      </c>
      <c r="B399" s="3">
        <v>129.94194761658173</v>
      </c>
      <c r="C399" s="3">
        <v>112.7820051145556</v>
      </c>
      <c r="D399" s="3">
        <v>149.89512323020449</v>
      </c>
    </row>
    <row r="400" spans="1:4" x14ac:dyDescent="0.3">
      <c r="A400" s="6">
        <v>45840</v>
      </c>
      <c r="B400" s="3">
        <v>130.55853143613086</v>
      </c>
      <c r="C400" s="3">
        <v>112.98136840457178</v>
      </c>
      <c r="D400" s="3">
        <v>151.79164481733963</v>
      </c>
    </row>
    <row r="401" spans="1:4" x14ac:dyDescent="0.3">
      <c r="A401" s="6">
        <v>45841</v>
      </c>
      <c r="B401" s="3">
        <v>131.64724948268599</v>
      </c>
      <c r="C401" s="3">
        <v>113.51453473200772</v>
      </c>
      <c r="D401" s="3">
        <v>153.364796364272</v>
      </c>
    </row>
    <row r="402" spans="1:4" x14ac:dyDescent="0.3">
      <c r="A402" s="6">
        <v>45842</v>
      </c>
      <c r="B402" s="3">
        <v>131.64724948268599</v>
      </c>
      <c r="C402" s="3">
        <v>112.96571160169096</v>
      </c>
      <c r="D402" s="3">
        <v>153.364796364272</v>
      </c>
    </row>
    <row r="403" spans="1:4" x14ac:dyDescent="0.3">
      <c r="A403" s="6">
        <v>45845</v>
      </c>
      <c r="B403" s="3">
        <v>130.61220211202496</v>
      </c>
      <c r="C403" s="3">
        <v>113.46004905798237</v>
      </c>
      <c r="D403" s="3">
        <v>151.78290508652333</v>
      </c>
    </row>
    <row r="404" spans="1:4" x14ac:dyDescent="0.3">
      <c r="A404" s="6">
        <v>45846</v>
      </c>
      <c r="B404" s="3">
        <v>130.51869773136571</v>
      </c>
      <c r="C404" s="3">
        <v>113.92182036428164</v>
      </c>
      <c r="D404" s="3">
        <v>151.67802831672785</v>
      </c>
    </row>
    <row r="405" spans="1:4" x14ac:dyDescent="0.3">
      <c r="A405" s="6">
        <v>45847</v>
      </c>
      <c r="B405" s="3">
        <v>131.30992089864841</v>
      </c>
      <c r="C405" s="3">
        <v>114.80716037785086</v>
      </c>
      <c r="D405" s="3">
        <v>153.56581017304669</v>
      </c>
    </row>
    <row r="406" spans="1:4" x14ac:dyDescent="0.3">
      <c r="A406" s="6">
        <v>45848</v>
      </c>
      <c r="B406" s="3">
        <v>131.67052075231194</v>
      </c>
      <c r="C406" s="3">
        <v>115.42758728667609</v>
      </c>
      <c r="D406" s="3">
        <v>154.17759133018703</v>
      </c>
    </row>
    <row r="407" spans="1:4" x14ac:dyDescent="0.3">
      <c r="A407" s="6">
        <v>45849</v>
      </c>
      <c r="B407" s="3">
        <v>131.23633337037171</v>
      </c>
      <c r="C407" s="3">
        <v>114.26021606387977</v>
      </c>
      <c r="D407" s="3">
        <v>154.68449571753189</v>
      </c>
    </row>
    <row r="408" spans="1:4" x14ac:dyDescent="0.3">
      <c r="A408" s="6">
        <v>45852</v>
      </c>
      <c r="B408" s="3">
        <v>131.4210359698354</v>
      </c>
      <c r="C408" s="3">
        <v>114.18923855748655</v>
      </c>
      <c r="D408" s="3">
        <v>154.48348190875717</v>
      </c>
    </row>
    <row r="409" spans="1:4" x14ac:dyDescent="0.3">
      <c r="A409" s="6">
        <v>45853</v>
      </c>
      <c r="B409" s="3">
        <v>130.90110129711124</v>
      </c>
      <c r="C409" s="3">
        <v>113.76274724701216</v>
      </c>
      <c r="D409" s="3">
        <v>155.9080580318126</v>
      </c>
    </row>
    <row r="410" spans="1:4" x14ac:dyDescent="0.3">
      <c r="A410" s="6">
        <v>45854</v>
      </c>
      <c r="B410" s="3">
        <v>131.31914554606766</v>
      </c>
      <c r="C410" s="3">
        <v>113.11205051928397</v>
      </c>
      <c r="D410" s="3">
        <v>156.1352910330362</v>
      </c>
    </row>
    <row r="411" spans="1:4" x14ac:dyDescent="0.3">
      <c r="A411" s="6">
        <v>45855</v>
      </c>
      <c r="B411" s="3">
        <v>132.02483107364412</v>
      </c>
      <c r="C411" s="3">
        <v>114.19717133761287</v>
      </c>
      <c r="D411" s="3">
        <v>156.90438734486975</v>
      </c>
    </row>
    <row r="412" spans="1:4" x14ac:dyDescent="0.3">
      <c r="A412" s="6">
        <v>45856</v>
      </c>
      <c r="B412" s="3">
        <v>132.01288096221461</v>
      </c>
      <c r="C412" s="3">
        <v>114.19007358697357</v>
      </c>
      <c r="D412" s="3">
        <v>157.45499038629609</v>
      </c>
    </row>
    <row r="413" spans="1:4" x14ac:dyDescent="0.3">
      <c r="A413" s="6">
        <v>45859</v>
      </c>
      <c r="B413" s="3">
        <v>132.1975835616783</v>
      </c>
      <c r="C413" s="3">
        <v>114.10239549084078</v>
      </c>
      <c r="D413" s="3">
        <v>158.28526481384372</v>
      </c>
    </row>
    <row r="414" spans="1:4" x14ac:dyDescent="0.3">
      <c r="A414" s="6">
        <v>45860</v>
      </c>
      <c r="B414" s="3">
        <v>132.28186329491828</v>
      </c>
      <c r="C414" s="3">
        <v>113.63519649287616</v>
      </c>
      <c r="D414" s="3">
        <v>157.18405873099107</v>
      </c>
    </row>
    <row r="415" spans="1:4" x14ac:dyDescent="0.3">
      <c r="A415" s="6">
        <v>45861</v>
      </c>
      <c r="B415" s="3">
        <v>133.3152334569576</v>
      </c>
      <c r="C415" s="3">
        <v>114.86227232399145</v>
      </c>
      <c r="D415" s="3">
        <v>158.14542912078304</v>
      </c>
    </row>
    <row r="416" spans="1:4" x14ac:dyDescent="0.3">
      <c r="A416" s="6">
        <v>45862</v>
      </c>
      <c r="B416" s="3">
        <v>133.40831853546143</v>
      </c>
      <c r="C416" s="3">
        <v>115.14054590052712</v>
      </c>
      <c r="D416" s="3">
        <v>158.93200489424925</v>
      </c>
    </row>
    <row r="417" spans="1:4" x14ac:dyDescent="0.3">
      <c r="A417" s="6">
        <v>45863</v>
      </c>
      <c r="B417" s="3">
        <v>133.93852611099348</v>
      </c>
      <c r="C417" s="3">
        <v>114.80590783362037</v>
      </c>
      <c r="D417" s="3">
        <v>159.32529278098232</v>
      </c>
    </row>
    <row r="418" spans="1:4" x14ac:dyDescent="0.3">
      <c r="A418" s="6">
        <v>45866</v>
      </c>
      <c r="B418" s="3">
        <v>133.96221668277485</v>
      </c>
      <c r="C418" s="3">
        <v>114.55769531861593</v>
      </c>
      <c r="D418" s="3">
        <v>160.36532074812095</v>
      </c>
    </row>
    <row r="419" spans="1:4" x14ac:dyDescent="0.3">
      <c r="A419" s="6">
        <v>45867</v>
      </c>
      <c r="B419" s="3">
        <v>133.56576649482267</v>
      </c>
      <c r="C419" s="3">
        <v>114.89108084129222</v>
      </c>
      <c r="D419" s="3">
        <v>159.43016955077783</v>
      </c>
    </row>
    <row r="420" spans="1:4" x14ac:dyDescent="0.3">
      <c r="A420" s="6">
        <v>45868</v>
      </c>
      <c r="B420" s="3">
        <v>133.39888423696445</v>
      </c>
      <c r="C420" s="3">
        <v>114.86623871405462</v>
      </c>
      <c r="D420" s="3">
        <v>159.85841636077606</v>
      </c>
    </row>
    <row r="421" spans="1:4" x14ac:dyDescent="0.3">
      <c r="A421" s="6">
        <v>45869</v>
      </c>
      <c r="B421" s="3">
        <v>132.905994553265</v>
      </c>
      <c r="C421" s="3">
        <v>114.00469704086424</v>
      </c>
      <c r="D421" s="3">
        <v>161.83359552525781</v>
      </c>
    </row>
    <row r="422" spans="1:4" x14ac:dyDescent="0.3">
      <c r="A422" s="6">
        <v>45870</v>
      </c>
      <c r="B422" s="3">
        <v>130.78055192742718</v>
      </c>
      <c r="C422" s="3">
        <v>111.84927717760034</v>
      </c>
      <c r="D422" s="3">
        <v>157.14036007690962</v>
      </c>
    </row>
    <row r="423" spans="1:4" x14ac:dyDescent="0.3">
      <c r="A423" s="6">
        <v>45873</v>
      </c>
      <c r="B423" s="3">
        <v>132.70787428482777</v>
      </c>
      <c r="C423" s="3">
        <v>112.85465267992276</v>
      </c>
      <c r="D423" s="3">
        <v>160.36532074812095</v>
      </c>
    </row>
    <row r="424" spans="1:4" x14ac:dyDescent="0.3">
      <c r="A424" s="6">
        <v>45874</v>
      </c>
      <c r="B424" s="3">
        <v>132.06319722086531</v>
      </c>
      <c r="C424" s="3">
        <v>113.02040603308805</v>
      </c>
      <c r="D424" s="3">
        <v>159.28159412690087</v>
      </c>
    </row>
    <row r="425" spans="1:4" x14ac:dyDescent="0.3">
      <c r="A425" s="6">
        <v>45875</v>
      </c>
      <c r="B425" s="3">
        <v>133.02486671432737</v>
      </c>
      <c r="C425" s="3">
        <v>112.9523511298993</v>
      </c>
      <c r="D425" s="3">
        <v>162.00839014158365</v>
      </c>
    </row>
    <row r="426" spans="1:4" x14ac:dyDescent="0.3">
      <c r="A426" s="6">
        <v>45876</v>
      </c>
      <c r="B426" s="3">
        <v>132.91878326900539</v>
      </c>
      <c r="C426" s="3">
        <v>113.99133656907259</v>
      </c>
      <c r="D426" s="3">
        <v>162.91732214647789</v>
      </c>
    </row>
    <row r="427" spans="1:4" x14ac:dyDescent="0.3">
      <c r="A427" s="6">
        <v>45877</v>
      </c>
      <c r="B427" s="3">
        <v>133.95550784828808</v>
      </c>
      <c r="C427" s="3">
        <v>114.20698293408486</v>
      </c>
      <c r="D427" s="3">
        <v>165.39940569830449</v>
      </c>
    </row>
    <row r="428" spans="1:4" x14ac:dyDescent="0.3">
      <c r="A428" s="6">
        <v>45880</v>
      </c>
      <c r="B428" s="3">
        <v>133.62006612394993</v>
      </c>
      <c r="C428" s="3">
        <v>114.14101560461354</v>
      </c>
      <c r="D428" s="3">
        <v>164.97115888830623</v>
      </c>
    </row>
    <row r="429" spans="1:4" x14ac:dyDescent="0.3">
      <c r="A429" s="6">
        <v>45881</v>
      </c>
      <c r="B429" s="3">
        <v>135.13605306688081</v>
      </c>
      <c r="C429" s="3">
        <v>114.37565889045457</v>
      </c>
      <c r="D429" s="3">
        <v>166.77154343646214</v>
      </c>
    </row>
    <row r="430" spans="1:4" x14ac:dyDescent="0.3">
      <c r="A430" s="6">
        <v>45882</v>
      </c>
      <c r="B430" s="3">
        <v>135.57254661067586</v>
      </c>
      <c r="C430" s="3">
        <v>114.99378946819061</v>
      </c>
      <c r="D430" s="3">
        <v>166.2471595874847</v>
      </c>
    </row>
    <row r="431" spans="1:4" x14ac:dyDescent="0.3">
      <c r="A431" s="6">
        <v>45883</v>
      </c>
      <c r="B431" s="3">
        <v>135.61363822190728</v>
      </c>
      <c r="C431" s="3">
        <v>115.62528051771829</v>
      </c>
      <c r="D431" s="3">
        <v>166.98129697605316</v>
      </c>
    </row>
    <row r="432" spans="1:4" x14ac:dyDescent="0.3">
      <c r="A432" s="6">
        <v>45884</v>
      </c>
      <c r="B432" s="3">
        <v>135.22075210227621</v>
      </c>
      <c r="C432" s="3">
        <v>115.56077448984921</v>
      </c>
      <c r="D432" s="3">
        <v>166.35203635728018</v>
      </c>
    </row>
    <row r="433" spans="1:4" x14ac:dyDescent="0.3">
      <c r="A433" s="6">
        <v>45887</v>
      </c>
      <c r="B433" s="3">
        <v>135.20712478222495</v>
      </c>
      <c r="C433" s="3">
        <v>115.65283649078857</v>
      </c>
      <c r="D433" s="3">
        <v>166.1685020101381</v>
      </c>
    </row>
    <row r="434" spans="1:4" x14ac:dyDescent="0.3">
      <c r="A434" s="6">
        <v>45888</v>
      </c>
      <c r="B434" s="3">
        <v>134.41506301063143</v>
      </c>
      <c r="C434" s="3">
        <v>116.44632326079017</v>
      </c>
      <c r="D434" s="3">
        <v>163.32808949484354</v>
      </c>
    </row>
    <row r="435" spans="1:4" x14ac:dyDescent="0.3">
      <c r="A435" s="6">
        <v>45889</v>
      </c>
      <c r="B435" s="3">
        <v>134.08821698047942</v>
      </c>
      <c r="C435" s="3">
        <v>116.71478524085384</v>
      </c>
      <c r="D435" s="3">
        <v>161.63258171648314</v>
      </c>
    </row>
    <row r="436" spans="1:4" x14ac:dyDescent="0.3">
      <c r="A436" s="6">
        <v>45890</v>
      </c>
      <c r="B436" s="3">
        <v>133.5513005704606</v>
      </c>
      <c r="C436" s="3">
        <v>116.71061009341895</v>
      </c>
      <c r="D436" s="3">
        <v>160.91592378954726</v>
      </c>
    </row>
    <row r="437" spans="1:4" x14ac:dyDescent="0.3">
      <c r="A437" s="6">
        <v>45891</v>
      </c>
      <c r="B437" s="3">
        <v>135.57946509624031</v>
      </c>
      <c r="C437" s="3">
        <v>117.17655654715308</v>
      </c>
      <c r="D437" s="3">
        <v>164.12340499912602</v>
      </c>
    </row>
    <row r="438" spans="1:4" x14ac:dyDescent="0.3">
      <c r="A438" s="6">
        <v>45894</v>
      </c>
      <c r="B438" s="3">
        <v>135.00103777283465</v>
      </c>
      <c r="C438" s="3">
        <v>116.65842075048276</v>
      </c>
      <c r="D438" s="3">
        <v>164.53417234749165</v>
      </c>
    </row>
    <row r="439" spans="1:4" x14ac:dyDescent="0.3">
      <c r="A439" s="6">
        <v>45895</v>
      </c>
      <c r="B439" s="3">
        <v>135.55912894170231</v>
      </c>
      <c r="C439" s="3">
        <v>115.69312666353532</v>
      </c>
      <c r="D439" s="3">
        <v>165.17217269708095</v>
      </c>
    </row>
    <row r="440" spans="1:4" x14ac:dyDescent="0.3">
      <c r="A440" s="6">
        <v>45896</v>
      </c>
      <c r="B440" s="3">
        <v>135.88324950784408</v>
      </c>
      <c r="C440" s="3">
        <v>115.81003079171236</v>
      </c>
      <c r="D440" s="3">
        <v>165.4868030064674</v>
      </c>
    </row>
    <row r="441" spans="1:4" x14ac:dyDescent="0.3">
      <c r="A441" s="6">
        <v>45897</v>
      </c>
      <c r="B441" s="3">
        <v>136.31219561284155</v>
      </c>
      <c r="C441" s="3">
        <v>115.58248525651061</v>
      </c>
      <c r="D441" s="3">
        <v>166.20346093340322</v>
      </c>
    </row>
    <row r="442" spans="1:4" x14ac:dyDescent="0.3">
      <c r="A442" s="6">
        <v>45898</v>
      </c>
      <c r="B442" s="3">
        <v>135.44004712956229</v>
      </c>
      <c r="C442" s="3">
        <v>114.84619800636713</v>
      </c>
      <c r="D442" s="3">
        <v>164.03600769096312</v>
      </c>
    </row>
    <row r="443" spans="1:4" x14ac:dyDescent="0.3">
      <c r="A443" s="6">
        <v>45901</v>
      </c>
      <c r="B443" s="3">
        <v>135.44004712956229</v>
      </c>
      <c r="C443" s="3">
        <v>115.11465998643079</v>
      </c>
      <c r="D443" s="3">
        <v>164.03600769096312</v>
      </c>
    </row>
    <row r="444" spans="1:4" x14ac:dyDescent="0.3">
      <c r="A444" s="6">
        <v>45902</v>
      </c>
      <c r="B444" s="3">
        <v>134.50248751003707</v>
      </c>
      <c r="C444" s="3">
        <v>113.39136788267837</v>
      </c>
      <c r="D444" s="3">
        <v>162.23562314280719</v>
      </c>
    </row>
    <row r="445" spans="1:4" x14ac:dyDescent="0.3">
      <c r="A445" s="6">
        <v>45903</v>
      </c>
      <c r="B445" s="3">
        <v>135.18846583630867</v>
      </c>
      <c r="C445" s="3">
        <v>114.14372945044622</v>
      </c>
      <c r="D445" s="3">
        <v>165.39940569830449</v>
      </c>
    </row>
    <row r="446" spans="1:4" x14ac:dyDescent="0.3">
      <c r="A446" s="6">
        <v>45904</v>
      </c>
      <c r="B446" s="3">
        <v>136.31680793655121</v>
      </c>
      <c r="C446" s="3">
        <v>114.83638640989511</v>
      </c>
      <c r="D446" s="3">
        <v>167.27844782380703</v>
      </c>
    </row>
    <row r="447" spans="1:4" x14ac:dyDescent="0.3">
      <c r="A447" s="6">
        <v>45905</v>
      </c>
      <c r="B447" s="3">
        <v>135.88534601862122</v>
      </c>
      <c r="C447" s="3">
        <v>114.65184489327281</v>
      </c>
      <c r="D447" s="3">
        <v>165.74899493095614</v>
      </c>
    </row>
    <row r="448" spans="1:4" x14ac:dyDescent="0.3">
      <c r="A448" s="6">
        <v>45908</v>
      </c>
      <c r="B448" s="3">
        <v>136.17151973969723</v>
      </c>
      <c r="C448" s="3">
        <v>115.24221074056678</v>
      </c>
      <c r="D448" s="3">
        <v>166.08984443279149</v>
      </c>
    </row>
    <row r="449" spans="1:4" x14ac:dyDescent="0.3">
      <c r="A449" s="6">
        <v>45909</v>
      </c>
      <c r="B449" s="3">
        <v>136.53757052138127</v>
      </c>
      <c r="C449" s="3">
        <v>115.31611085016439</v>
      </c>
      <c r="D449" s="3">
        <v>167.16483132319524</v>
      </c>
    </row>
    <row r="450" spans="1:4" x14ac:dyDescent="0.3">
      <c r="A450" s="6">
        <v>45910</v>
      </c>
      <c r="B450" s="3">
        <v>136.94492256537444</v>
      </c>
      <c r="C450" s="3">
        <v>115.29440008350295</v>
      </c>
      <c r="D450" s="3">
        <v>166.76280370564589</v>
      </c>
    </row>
    <row r="451" spans="1:4" x14ac:dyDescent="0.3">
      <c r="A451" s="6">
        <v>45911</v>
      </c>
      <c r="B451" s="3">
        <v>138.10701848912856</v>
      </c>
      <c r="C451" s="3">
        <v>115.92881373623507</v>
      </c>
      <c r="D451" s="3">
        <v>167.78535221115186</v>
      </c>
    </row>
    <row r="452" spans="1:4" x14ac:dyDescent="0.3">
      <c r="A452" s="6">
        <v>45912</v>
      </c>
      <c r="B452" s="3">
        <v>138.04034944641631</v>
      </c>
      <c r="C452" s="3">
        <v>115.82777516831064</v>
      </c>
      <c r="D452" s="3">
        <v>169.70809299073591</v>
      </c>
    </row>
    <row r="453" spans="1:4" x14ac:dyDescent="0.3">
      <c r="A453" s="6">
        <v>45915</v>
      </c>
      <c r="B453" s="3">
        <v>138.69005813624386</v>
      </c>
      <c r="C453" s="3">
        <v>116.31021345441259</v>
      </c>
      <c r="D453" s="3">
        <v>172.22513546582766</v>
      </c>
    </row>
    <row r="454" spans="1:4" x14ac:dyDescent="0.3">
      <c r="A454" s="6">
        <v>45916</v>
      </c>
      <c r="B454" s="3">
        <v>138.51143541803376</v>
      </c>
      <c r="C454" s="3">
        <v>114.98105526851418</v>
      </c>
      <c r="D454" s="3">
        <v>172.12025869603212</v>
      </c>
    </row>
    <row r="455" spans="1:4" x14ac:dyDescent="0.3">
      <c r="A455" s="6">
        <v>45917</v>
      </c>
      <c r="B455" s="3">
        <v>138.37704907722082</v>
      </c>
      <c r="C455" s="3">
        <v>114.94890663326551</v>
      </c>
      <c r="D455" s="3">
        <v>170.98409368991435</v>
      </c>
    </row>
    <row r="456" spans="1:4" x14ac:dyDescent="0.3">
      <c r="A456" s="6">
        <v>45918</v>
      </c>
      <c r="B456" s="3">
        <v>139.0397561338664</v>
      </c>
      <c r="C456" s="3">
        <v>115.86326392150723</v>
      </c>
      <c r="D456" s="3">
        <v>172.09403950358328</v>
      </c>
    </row>
    <row r="457" spans="1:4" x14ac:dyDescent="0.3">
      <c r="A457" s="6">
        <v>45919</v>
      </c>
      <c r="B457" s="3">
        <v>139.71902562565123</v>
      </c>
      <c r="C457" s="3">
        <v>115.67726110328273</v>
      </c>
      <c r="D457" s="3">
        <v>174.28771193847231</v>
      </c>
    </row>
    <row r="458" spans="1:4" x14ac:dyDescent="0.3">
      <c r="A458" s="6">
        <v>45922</v>
      </c>
      <c r="B458" s="3">
        <v>140.33519014304494</v>
      </c>
      <c r="C458" s="3">
        <v>115.52570325139608</v>
      </c>
      <c r="D458" s="3">
        <v>176.39398706519842</v>
      </c>
    </row>
    <row r="459" spans="1:4" x14ac:dyDescent="0.3">
      <c r="A459" s="6">
        <v>45923</v>
      </c>
      <c r="B459" s="3">
        <v>139.56304522383397</v>
      </c>
      <c r="C459" s="3">
        <v>115.84885966285687</v>
      </c>
      <c r="D459" s="3">
        <v>173.64097185806676</v>
      </c>
    </row>
    <row r="460" spans="1:4" x14ac:dyDescent="0.3">
      <c r="A460" s="6">
        <v>45924</v>
      </c>
      <c r="B460" s="3">
        <v>139.16575643157097</v>
      </c>
      <c r="C460" s="3">
        <v>115.626324304577</v>
      </c>
      <c r="D460" s="3">
        <v>173.16028666317075</v>
      </c>
    </row>
    <row r="461" spans="1:4" x14ac:dyDescent="0.3">
      <c r="A461" s="6">
        <v>45925</v>
      </c>
      <c r="B461" s="3">
        <v>138.46866659818068</v>
      </c>
      <c r="C461" s="3">
        <v>114.86331611085019</v>
      </c>
      <c r="D461" s="3">
        <v>172.70582066072367</v>
      </c>
    </row>
    <row r="462" spans="1:4" x14ac:dyDescent="0.3">
      <c r="A462" s="6">
        <v>45926</v>
      </c>
      <c r="B462" s="3">
        <v>139.28588649909955</v>
      </c>
      <c r="C462" s="3">
        <v>115.76034653723708</v>
      </c>
      <c r="D462" s="3">
        <v>173.45743751092465</v>
      </c>
    </row>
    <row r="463" spans="1:4" x14ac:dyDescent="0.3">
      <c r="A463" s="6">
        <v>45929</v>
      </c>
      <c r="B463" s="3">
        <v>139.65298553617217</v>
      </c>
      <c r="C463" s="3">
        <v>115.97035645321228</v>
      </c>
      <c r="D463" s="3">
        <v>174.34889005418634</v>
      </c>
    </row>
    <row r="464" spans="1:4" x14ac:dyDescent="0.3">
      <c r="A464" s="6">
        <v>45930</v>
      </c>
      <c r="B464" s="3">
        <v>140.22428472293564</v>
      </c>
      <c r="C464" s="3">
        <v>116.52314597359219</v>
      </c>
      <c r="D464" s="3">
        <v>175.17916448173395</v>
      </c>
    </row>
    <row r="465" spans="1:4" x14ac:dyDescent="0.3">
      <c r="A465" s="6">
        <v>45931</v>
      </c>
      <c r="B465" s="3">
        <v>140.70103127365127</v>
      </c>
      <c r="C465" s="3">
        <v>117.86900474923021</v>
      </c>
      <c r="D465" s="3">
        <v>175.84338402377205</v>
      </c>
    </row>
    <row r="466" spans="1:4" x14ac:dyDescent="0.3">
      <c r="A466" s="6">
        <v>45932</v>
      </c>
      <c r="B466" s="3">
        <v>140.78803647090149</v>
      </c>
      <c r="C466" s="3">
        <v>118.49005793017066</v>
      </c>
      <c r="D466" s="3">
        <v>175.99195944764898</v>
      </c>
    </row>
    <row r="467" spans="1:4" x14ac:dyDescent="0.3">
      <c r="A467" s="6">
        <v>45933</v>
      </c>
      <c r="B467" s="3">
        <v>140.79726111832079</v>
      </c>
      <c r="C467" s="3">
        <v>119.08543395438652</v>
      </c>
      <c r="D467" s="3">
        <v>175.18790421255025</v>
      </c>
    </row>
    <row r="468" spans="1:4" x14ac:dyDescent="0.3">
      <c r="A468" s="6">
        <v>45936</v>
      </c>
      <c r="B468" s="3">
        <v>141.31069660763589</v>
      </c>
      <c r="C468" s="3">
        <v>119.04138614894842</v>
      </c>
      <c r="D468" s="3">
        <v>176.57752141234047</v>
      </c>
    </row>
    <row r="469" spans="1:4" x14ac:dyDescent="0.3">
      <c r="A469" s="6">
        <v>45937</v>
      </c>
      <c r="B469" s="3">
        <v>140.77210298899544</v>
      </c>
      <c r="C469" s="3">
        <v>118.83972652784303</v>
      </c>
      <c r="D469" s="3">
        <v>175.22286313581543</v>
      </c>
    </row>
    <row r="470" spans="1:4" x14ac:dyDescent="0.3">
      <c r="A470" s="6">
        <v>45938</v>
      </c>
      <c r="B470" s="3">
        <v>141.59246765608</v>
      </c>
      <c r="C470" s="3">
        <v>119.78247481864206</v>
      </c>
      <c r="D470" s="3">
        <v>176.78727495193147</v>
      </c>
    </row>
    <row r="471" spans="1:4" x14ac:dyDescent="0.3">
      <c r="A471" s="6">
        <v>45939</v>
      </c>
      <c r="B471" s="3">
        <v>141.20230700045914</v>
      </c>
      <c r="C471" s="3">
        <v>119.26496529408696</v>
      </c>
      <c r="D471" s="3">
        <v>176.98828876070615</v>
      </c>
    </row>
    <row r="472" spans="1:4" x14ac:dyDescent="0.3">
      <c r="A472" s="6">
        <v>45940</v>
      </c>
      <c r="B472" s="3">
        <v>137.37407832144962</v>
      </c>
      <c r="C472" s="3">
        <v>117.77151505662545</v>
      </c>
      <c r="D472" s="3">
        <v>170.50340849501836</v>
      </c>
    </row>
    <row r="473" spans="1:4" x14ac:dyDescent="0.3">
      <c r="A473" s="6">
        <v>45943</v>
      </c>
      <c r="B473" s="3">
        <v>139.51692198673749</v>
      </c>
      <c r="C473" s="3">
        <v>118.28735452220658</v>
      </c>
      <c r="D473" s="3">
        <v>173.92938297500436</v>
      </c>
    </row>
    <row r="474" spans="1:4" x14ac:dyDescent="0.3">
      <c r="A474" s="6">
        <v>45944</v>
      </c>
      <c r="B474" s="3">
        <v>139.29867521483996</v>
      </c>
      <c r="C474" s="3">
        <v>117.85188664474715</v>
      </c>
      <c r="D474" s="3">
        <v>171.62209403950359</v>
      </c>
    </row>
    <row r="475" spans="1:4" x14ac:dyDescent="0.3">
      <c r="A475" s="6">
        <v>45945</v>
      </c>
      <c r="B475" s="3">
        <v>139.85949184771786</v>
      </c>
      <c r="C475" s="3">
        <v>118.52700798496947</v>
      </c>
      <c r="D475" s="3">
        <v>172.55724523684668</v>
      </c>
    </row>
    <row r="476" spans="1:4" x14ac:dyDescent="0.3">
      <c r="A476" s="6">
        <v>45946</v>
      </c>
      <c r="B476" s="3">
        <v>138.97916697240785</v>
      </c>
      <c r="C476" s="3">
        <v>119.33823913156934</v>
      </c>
      <c r="D476" s="3">
        <v>172.29505331235794</v>
      </c>
    </row>
    <row r="477" spans="1:4" x14ac:dyDescent="0.3">
      <c r="A477" s="6">
        <v>45947</v>
      </c>
      <c r="B477" s="3">
        <v>139.71168783793135</v>
      </c>
      <c r="C477" s="3">
        <v>118.20698293408486</v>
      </c>
      <c r="D477" s="3">
        <v>173.7895472819437</v>
      </c>
    </row>
    <row r="478" spans="1:4" x14ac:dyDescent="0.3">
      <c r="A478" s="6">
        <v>45950</v>
      </c>
      <c r="B478" s="3">
        <v>141.20272630261456</v>
      </c>
      <c r="C478" s="3">
        <v>119.43030113250875</v>
      </c>
      <c r="D478" s="3">
        <v>176.28911029540288</v>
      </c>
    </row>
    <row r="479" spans="1:4" x14ac:dyDescent="0.3">
      <c r="A479" s="6">
        <v>45951</v>
      </c>
      <c r="B479" s="3">
        <v>141.20733862632423</v>
      </c>
      <c r="C479" s="3">
        <v>119.6808099786024</v>
      </c>
      <c r="D479" s="3">
        <v>175.8870826778535</v>
      </c>
    </row>
    <row r="480" spans="1:4" x14ac:dyDescent="0.3">
      <c r="A480" s="6">
        <v>45952</v>
      </c>
      <c r="B480" s="3">
        <v>140.45364300195183</v>
      </c>
      <c r="C480" s="3">
        <v>119.46913000365325</v>
      </c>
      <c r="D480" s="3">
        <v>174.99563013459183</v>
      </c>
    </row>
    <row r="481" spans="1:4" x14ac:dyDescent="0.3">
      <c r="A481" s="6">
        <v>45953</v>
      </c>
      <c r="B481" s="3">
        <v>141.27212080933705</v>
      </c>
      <c r="C481" s="3">
        <v>119.91754083816085</v>
      </c>
      <c r="D481" s="3">
        <v>176.21045271805627</v>
      </c>
    </row>
    <row r="482" spans="1:4" x14ac:dyDescent="0.3">
      <c r="A482" s="6">
        <v>45954</v>
      </c>
      <c r="B482" s="3">
        <v>142.38851279815006</v>
      </c>
      <c r="C482" s="3">
        <v>120.19330932623559</v>
      </c>
      <c r="D482" s="3">
        <v>178.34294703723123</v>
      </c>
    </row>
    <row r="483" spans="1:4" x14ac:dyDescent="0.3">
      <c r="A483" s="6">
        <v>45957</v>
      </c>
      <c r="B483" s="3">
        <v>144.1384703438068</v>
      </c>
      <c r="C483" s="3">
        <v>120.45905746046657</v>
      </c>
      <c r="D483" s="3">
        <v>182.61667540639746</v>
      </c>
    </row>
    <row r="484" spans="1:4" x14ac:dyDescent="0.3">
      <c r="A484" s="6">
        <v>45958</v>
      </c>
      <c r="B484" s="3">
        <v>144.46825148904679</v>
      </c>
      <c r="C484" s="3">
        <v>120.19477062783781</v>
      </c>
      <c r="D484" s="3">
        <v>185.64936199965041</v>
      </c>
    </row>
    <row r="485" spans="1:4" x14ac:dyDescent="0.3">
      <c r="A485" s="6">
        <v>45959</v>
      </c>
      <c r="B485" s="3">
        <v>144.46196195671547</v>
      </c>
      <c r="C485" s="3">
        <v>120.11940921663798</v>
      </c>
      <c r="D485" s="3">
        <v>187.79059604964166</v>
      </c>
    </row>
    <row r="486" spans="1:4" x14ac:dyDescent="0.3">
      <c r="A486" s="6">
        <v>45960</v>
      </c>
      <c r="B486" s="3">
        <v>143.03109335133539</v>
      </c>
      <c r="C486" s="3">
        <v>119.99916497051302</v>
      </c>
      <c r="D486" s="3">
        <v>183.91889529802478</v>
      </c>
    </row>
    <row r="487" spans="1:4" x14ac:dyDescent="0.3">
      <c r="A487" s="6">
        <v>45961</v>
      </c>
      <c r="B487" s="3">
        <v>143.40553017612785</v>
      </c>
      <c r="C487" s="3">
        <v>119.38583581232713</v>
      </c>
      <c r="D487" s="3">
        <v>184.99388218842859</v>
      </c>
    </row>
    <row r="488" spans="1:4" x14ac:dyDescent="0.3">
      <c r="A488" s="6">
        <v>45964</v>
      </c>
      <c r="B488" s="3">
        <v>143.65228949459416</v>
      </c>
      <c r="C488" s="3">
        <v>119.46683367256405</v>
      </c>
      <c r="D488" s="3">
        <v>184.99388218842859</v>
      </c>
    </row>
    <row r="489" spans="1:4" x14ac:dyDescent="0.3">
      <c r="B489" s="3"/>
    </row>
    <row r="490" spans="1:4" x14ac:dyDescent="0.3">
      <c r="B490" s="3"/>
    </row>
    <row r="491" spans="1:4" x14ac:dyDescent="0.3">
      <c r="B491" s="3"/>
    </row>
    <row r="492" spans="1:4" x14ac:dyDescent="0.3">
      <c r="B492" s="3"/>
    </row>
    <row r="493" spans="1:4" x14ac:dyDescent="0.3">
      <c r="B493" s="3"/>
    </row>
    <row r="494" spans="1:4" x14ac:dyDescent="0.3">
      <c r="B494" s="3"/>
    </row>
    <row r="495" spans="1:4" x14ac:dyDescent="0.3">
      <c r="B495" s="3"/>
    </row>
    <row r="496" spans="1:4" x14ac:dyDescent="0.3">
      <c r="B496" s="3"/>
    </row>
    <row r="497" spans="2:2" x14ac:dyDescent="0.3">
      <c r="B497" s="3"/>
    </row>
    <row r="498" spans="2:2" x14ac:dyDescent="0.3">
      <c r="B498" s="3"/>
    </row>
    <row r="499" spans="2:2" x14ac:dyDescent="0.3">
      <c r="B499" s="3"/>
    </row>
    <row r="500" spans="2:2" x14ac:dyDescent="0.3">
      <c r="B500" s="3"/>
    </row>
    <row r="501" spans="2:2" x14ac:dyDescent="0.3">
      <c r="B501" s="3"/>
    </row>
    <row r="502" spans="2:2" x14ac:dyDescent="0.3">
      <c r="B502" s="3"/>
    </row>
    <row r="503" spans="2:2" x14ac:dyDescent="0.3">
      <c r="B503" s="3"/>
    </row>
    <row r="504" spans="2:2" x14ac:dyDescent="0.3">
      <c r="B504" s="3"/>
    </row>
    <row r="505" spans="2:2" x14ac:dyDescent="0.3">
      <c r="B505" s="3"/>
    </row>
    <row r="506" spans="2:2" x14ac:dyDescent="0.3">
      <c r="B506" s="3"/>
    </row>
    <row r="507" spans="2:2" x14ac:dyDescent="0.3">
      <c r="B507" s="3"/>
    </row>
    <row r="508" spans="2:2" x14ac:dyDescent="0.3">
      <c r="B508" s="3"/>
    </row>
    <row r="509" spans="2:2" x14ac:dyDescent="0.3">
      <c r="B509" s="3"/>
    </row>
    <row r="510" spans="2:2" x14ac:dyDescent="0.3">
      <c r="B510" s="3"/>
    </row>
    <row r="511" spans="2:2" x14ac:dyDescent="0.3">
      <c r="B511" s="3"/>
    </row>
    <row r="512" spans="2:2" x14ac:dyDescent="0.3">
      <c r="B512" s="3"/>
    </row>
    <row r="513" spans="2:2" x14ac:dyDescent="0.3">
      <c r="B513" s="3"/>
    </row>
    <row r="514" spans="2:2" x14ac:dyDescent="0.3">
      <c r="B514" s="3"/>
    </row>
    <row r="515" spans="2:2" x14ac:dyDescent="0.3">
      <c r="B515" s="3"/>
    </row>
    <row r="516" spans="2:2" x14ac:dyDescent="0.3">
      <c r="B516" s="3"/>
    </row>
    <row r="517" spans="2:2" x14ac:dyDescent="0.3">
      <c r="B517" s="3"/>
    </row>
    <row r="518" spans="2:2" x14ac:dyDescent="0.3">
      <c r="B518" s="3"/>
    </row>
    <row r="519" spans="2:2" x14ac:dyDescent="0.3">
      <c r="B519" s="3"/>
    </row>
    <row r="520" spans="2:2" x14ac:dyDescent="0.3">
      <c r="B520" s="3"/>
    </row>
    <row r="521" spans="2:2" x14ac:dyDescent="0.3">
      <c r="B521" s="3"/>
    </row>
    <row r="522" spans="2:2" x14ac:dyDescent="0.3">
      <c r="B522" s="3"/>
    </row>
    <row r="523" spans="2:2" x14ac:dyDescent="0.3">
      <c r="B523" s="3"/>
    </row>
    <row r="524" spans="2:2" x14ac:dyDescent="0.3">
      <c r="B524" s="3"/>
    </row>
    <row r="525" spans="2:2" x14ac:dyDescent="0.3">
      <c r="B525" s="3"/>
    </row>
    <row r="526" spans="2:2" x14ac:dyDescent="0.3">
      <c r="B526" s="3"/>
    </row>
    <row r="527" spans="2:2" x14ac:dyDescent="0.3">
      <c r="B527" s="3"/>
    </row>
    <row r="528" spans="2:2" x14ac:dyDescent="0.3">
      <c r="B528" s="3"/>
    </row>
    <row r="529" spans="2:2" x14ac:dyDescent="0.3">
      <c r="B529" s="3"/>
    </row>
    <row r="530" spans="2:2" x14ac:dyDescent="0.3">
      <c r="B530" s="3"/>
    </row>
    <row r="531" spans="2:2" x14ac:dyDescent="0.3">
      <c r="B531" s="3"/>
    </row>
    <row r="532" spans="2:2" x14ac:dyDescent="0.3">
      <c r="B532" s="3"/>
    </row>
    <row r="533" spans="2:2" x14ac:dyDescent="0.3">
      <c r="B533" s="3"/>
    </row>
    <row r="534" spans="2:2" x14ac:dyDescent="0.3">
      <c r="B534" s="3"/>
    </row>
    <row r="535" spans="2:2" x14ac:dyDescent="0.3">
      <c r="B535" s="3"/>
    </row>
    <row r="536" spans="2:2" x14ac:dyDescent="0.3">
      <c r="B536" s="3"/>
    </row>
    <row r="537" spans="2:2" x14ac:dyDescent="0.3">
      <c r="B537" s="3"/>
    </row>
    <row r="538" spans="2:2" x14ac:dyDescent="0.3">
      <c r="B538" s="3"/>
    </row>
    <row r="539" spans="2:2" x14ac:dyDescent="0.3">
      <c r="B539" s="3"/>
    </row>
    <row r="540" spans="2:2" x14ac:dyDescent="0.3">
      <c r="B540" s="3"/>
    </row>
    <row r="541" spans="2:2" x14ac:dyDescent="0.3">
      <c r="B541" s="3"/>
    </row>
    <row r="542" spans="2:2" x14ac:dyDescent="0.3">
      <c r="B542" s="3"/>
    </row>
    <row r="543" spans="2:2" x14ac:dyDescent="0.3">
      <c r="B543" s="3"/>
    </row>
    <row r="544" spans="2:2" x14ac:dyDescent="0.3">
      <c r="B544" s="3"/>
    </row>
    <row r="545" spans="2:2" x14ac:dyDescent="0.3">
      <c r="B545" s="3"/>
    </row>
    <row r="546" spans="2:2" x14ac:dyDescent="0.3">
      <c r="B546" s="3"/>
    </row>
    <row r="547" spans="2:2" x14ac:dyDescent="0.3">
      <c r="B547" s="3"/>
    </row>
    <row r="548" spans="2:2" x14ac:dyDescent="0.3">
      <c r="B548" s="3"/>
    </row>
    <row r="549" spans="2:2" x14ac:dyDescent="0.3">
      <c r="B549" s="3"/>
    </row>
    <row r="550" spans="2:2" x14ac:dyDescent="0.3">
      <c r="B550" s="3"/>
    </row>
    <row r="551" spans="2:2" x14ac:dyDescent="0.3">
      <c r="B551" s="3"/>
    </row>
    <row r="552" spans="2:2" x14ac:dyDescent="0.3">
      <c r="B552" s="3"/>
    </row>
    <row r="553" spans="2:2" x14ac:dyDescent="0.3">
      <c r="B553" s="3"/>
    </row>
    <row r="554" spans="2:2" x14ac:dyDescent="0.3">
      <c r="B554" s="3"/>
    </row>
    <row r="555" spans="2:2" x14ac:dyDescent="0.3">
      <c r="B555" s="3"/>
    </row>
    <row r="556" spans="2:2" x14ac:dyDescent="0.3">
      <c r="B556" s="3"/>
    </row>
    <row r="557" spans="2:2" x14ac:dyDescent="0.3">
      <c r="B557" s="3"/>
    </row>
    <row r="558" spans="2:2" x14ac:dyDescent="0.3">
      <c r="B558" s="3"/>
    </row>
    <row r="559" spans="2:2" x14ac:dyDescent="0.3">
      <c r="B559" s="3"/>
    </row>
    <row r="560" spans="2:2" x14ac:dyDescent="0.3">
      <c r="B560" s="3"/>
    </row>
    <row r="561" spans="2:2" x14ac:dyDescent="0.3">
      <c r="B561" s="3"/>
    </row>
    <row r="562" spans="2:2" x14ac:dyDescent="0.3">
      <c r="B562" s="3"/>
    </row>
    <row r="563" spans="2:2" x14ac:dyDescent="0.3">
      <c r="B563" s="3"/>
    </row>
    <row r="564" spans="2:2" x14ac:dyDescent="0.3">
      <c r="B564" s="3"/>
    </row>
    <row r="565" spans="2:2" x14ac:dyDescent="0.3">
      <c r="B565" s="3"/>
    </row>
    <row r="566" spans="2:2" x14ac:dyDescent="0.3">
      <c r="B566" s="3"/>
    </row>
    <row r="567" spans="2:2" x14ac:dyDescent="0.3">
      <c r="B567" s="3"/>
    </row>
    <row r="568" spans="2:2" x14ac:dyDescent="0.3">
      <c r="B568" s="3"/>
    </row>
    <row r="569" spans="2:2" x14ac:dyDescent="0.3">
      <c r="B569" s="3"/>
    </row>
    <row r="570" spans="2:2" x14ac:dyDescent="0.3">
      <c r="B570" s="3"/>
    </row>
    <row r="571" spans="2:2" x14ac:dyDescent="0.3">
      <c r="B571" s="3"/>
    </row>
    <row r="572" spans="2:2" x14ac:dyDescent="0.3">
      <c r="B572" s="3"/>
    </row>
    <row r="573" spans="2:2" x14ac:dyDescent="0.3">
      <c r="B573" s="3"/>
    </row>
    <row r="574" spans="2:2" x14ac:dyDescent="0.3">
      <c r="B574" s="3"/>
    </row>
    <row r="575" spans="2:2" x14ac:dyDescent="0.3">
      <c r="B575" s="3"/>
    </row>
    <row r="576" spans="2:2" x14ac:dyDescent="0.3">
      <c r="B576" s="3"/>
    </row>
    <row r="577" spans="2:2" x14ac:dyDescent="0.3">
      <c r="B577" s="3"/>
    </row>
    <row r="578" spans="2:2" x14ac:dyDescent="0.3">
      <c r="B578" s="3"/>
    </row>
    <row r="579" spans="2:2" x14ac:dyDescent="0.3">
      <c r="B579" s="3"/>
    </row>
    <row r="580" spans="2:2" x14ac:dyDescent="0.3">
      <c r="B580" s="3"/>
    </row>
    <row r="581" spans="2:2" x14ac:dyDescent="0.3">
      <c r="B581" s="3"/>
    </row>
    <row r="582" spans="2:2" x14ac:dyDescent="0.3">
      <c r="B582" s="3"/>
    </row>
    <row r="583" spans="2:2" x14ac:dyDescent="0.3">
      <c r="B583" s="3"/>
    </row>
    <row r="584" spans="2:2" x14ac:dyDescent="0.3">
      <c r="B584" s="3"/>
    </row>
    <row r="585" spans="2:2" x14ac:dyDescent="0.3">
      <c r="B585" s="3"/>
    </row>
    <row r="586" spans="2:2" x14ac:dyDescent="0.3">
      <c r="B586" s="3"/>
    </row>
    <row r="587" spans="2:2" x14ac:dyDescent="0.3">
      <c r="B587" s="3"/>
    </row>
    <row r="588" spans="2:2" x14ac:dyDescent="0.3">
      <c r="B588" s="3"/>
    </row>
    <row r="589" spans="2:2" x14ac:dyDescent="0.3">
      <c r="B589" s="3"/>
    </row>
    <row r="590" spans="2:2" x14ac:dyDescent="0.3">
      <c r="B590" s="3"/>
    </row>
    <row r="591" spans="2:2" x14ac:dyDescent="0.3">
      <c r="B591" s="3"/>
    </row>
    <row r="592" spans="2:2" x14ac:dyDescent="0.3">
      <c r="B592" s="3"/>
    </row>
    <row r="593" spans="2:2" x14ac:dyDescent="0.3">
      <c r="B593" s="3"/>
    </row>
    <row r="594" spans="2:2" x14ac:dyDescent="0.3">
      <c r="B594" s="3"/>
    </row>
    <row r="595" spans="2:2" x14ac:dyDescent="0.3">
      <c r="B595" s="3"/>
    </row>
    <row r="596" spans="2:2" x14ac:dyDescent="0.3">
      <c r="B596" s="3"/>
    </row>
    <row r="597" spans="2:2" x14ac:dyDescent="0.3">
      <c r="B597" s="3"/>
    </row>
    <row r="598" spans="2:2" x14ac:dyDescent="0.3">
      <c r="B598" s="3"/>
    </row>
    <row r="599" spans="2:2" x14ac:dyDescent="0.3">
      <c r="B599" s="3"/>
    </row>
    <row r="600" spans="2:2" x14ac:dyDescent="0.3">
      <c r="B600" s="3"/>
    </row>
    <row r="601" spans="2:2" x14ac:dyDescent="0.3">
      <c r="B601" s="3"/>
    </row>
    <row r="602" spans="2:2" x14ac:dyDescent="0.3">
      <c r="B602" s="3"/>
    </row>
    <row r="603" spans="2:2" x14ac:dyDescent="0.3">
      <c r="B603" s="3"/>
    </row>
    <row r="604" spans="2:2" x14ac:dyDescent="0.3">
      <c r="B604" s="3"/>
    </row>
    <row r="605" spans="2:2" x14ac:dyDescent="0.3">
      <c r="B605" s="3"/>
    </row>
    <row r="606" spans="2:2" x14ac:dyDescent="0.3">
      <c r="B606" s="3"/>
    </row>
    <row r="607" spans="2:2" x14ac:dyDescent="0.3">
      <c r="B607" s="3"/>
    </row>
    <row r="608" spans="2:2" x14ac:dyDescent="0.3">
      <c r="B608" s="3"/>
    </row>
    <row r="609" spans="2:2" x14ac:dyDescent="0.3">
      <c r="B609" s="3"/>
    </row>
    <row r="610" spans="2:2" x14ac:dyDescent="0.3">
      <c r="B610" s="3"/>
    </row>
    <row r="611" spans="2:2" x14ac:dyDescent="0.3">
      <c r="B611" s="3"/>
    </row>
    <row r="612" spans="2:2" x14ac:dyDescent="0.3">
      <c r="B612" s="3"/>
    </row>
    <row r="613" spans="2:2" x14ac:dyDescent="0.3">
      <c r="B613" s="3"/>
    </row>
    <row r="614" spans="2:2" x14ac:dyDescent="0.3">
      <c r="B614" s="3"/>
    </row>
    <row r="615" spans="2:2" x14ac:dyDescent="0.3">
      <c r="B615" s="3"/>
    </row>
    <row r="616" spans="2:2" x14ac:dyDescent="0.3">
      <c r="B616" s="3"/>
    </row>
    <row r="617" spans="2:2" x14ac:dyDescent="0.3">
      <c r="B617" s="3"/>
    </row>
    <row r="618" spans="2:2" x14ac:dyDescent="0.3">
      <c r="B618" s="3"/>
    </row>
    <row r="619" spans="2:2" x14ac:dyDescent="0.3">
      <c r="B619" s="3"/>
    </row>
    <row r="620" spans="2:2" x14ac:dyDescent="0.3">
      <c r="B620" s="3"/>
    </row>
    <row r="621" spans="2:2" x14ac:dyDescent="0.3">
      <c r="B621" s="3"/>
    </row>
    <row r="622" spans="2:2" x14ac:dyDescent="0.3">
      <c r="B622" s="3"/>
    </row>
    <row r="623" spans="2:2" x14ac:dyDescent="0.3">
      <c r="B623" s="3"/>
    </row>
    <row r="624" spans="2:2" x14ac:dyDescent="0.3">
      <c r="B624" s="3"/>
    </row>
    <row r="625" spans="2:2" x14ac:dyDescent="0.3">
      <c r="B625" s="3"/>
    </row>
    <row r="626" spans="2:2" x14ac:dyDescent="0.3">
      <c r="B626" s="3"/>
    </row>
    <row r="627" spans="2:2" x14ac:dyDescent="0.3">
      <c r="B627" s="3"/>
    </row>
    <row r="628" spans="2:2" x14ac:dyDescent="0.3">
      <c r="B628" s="3"/>
    </row>
    <row r="629" spans="2:2" x14ac:dyDescent="0.3">
      <c r="B629" s="3"/>
    </row>
    <row r="630" spans="2:2" x14ac:dyDescent="0.3">
      <c r="B630" s="3"/>
    </row>
    <row r="631" spans="2:2" x14ac:dyDescent="0.3">
      <c r="B631" s="3"/>
    </row>
    <row r="632" spans="2:2" x14ac:dyDescent="0.3">
      <c r="B632" s="3"/>
    </row>
    <row r="633" spans="2:2" x14ac:dyDescent="0.3">
      <c r="B633" s="3"/>
    </row>
    <row r="634" spans="2:2" x14ac:dyDescent="0.3">
      <c r="B634" s="3"/>
    </row>
    <row r="635" spans="2:2" x14ac:dyDescent="0.3">
      <c r="B635" s="3"/>
    </row>
    <row r="636" spans="2:2" x14ac:dyDescent="0.3">
      <c r="B636" s="3"/>
    </row>
    <row r="637" spans="2:2" x14ac:dyDescent="0.3">
      <c r="B637" s="3"/>
    </row>
    <row r="638" spans="2:2" x14ac:dyDescent="0.3">
      <c r="B638" s="3"/>
    </row>
    <row r="639" spans="2:2" x14ac:dyDescent="0.3">
      <c r="B639" s="3"/>
    </row>
    <row r="640" spans="2:2" x14ac:dyDescent="0.3">
      <c r="B640" s="3"/>
    </row>
    <row r="641" spans="2:2" x14ac:dyDescent="0.3">
      <c r="B641" s="3"/>
    </row>
    <row r="642" spans="2:2" x14ac:dyDescent="0.3">
      <c r="B642" s="3"/>
    </row>
    <row r="643" spans="2:2" x14ac:dyDescent="0.3">
      <c r="B643" s="3"/>
    </row>
    <row r="644" spans="2:2" x14ac:dyDescent="0.3">
      <c r="B644" s="3"/>
    </row>
    <row r="645" spans="2:2" x14ac:dyDescent="0.3">
      <c r="B645" s="3"/>
    </row>
    <row r="646" spans="2:2" x14ac:dyDescent="0.3">
      <c r="B646" s="3"/>
    </row>
    <row r="647" spans="2:2" x14ac:dyDescent="0.3">
      <c r="B647" s="3"/>
    </row>
    <row r="648" spans="2:2" x14ac:dyDescent="0.3">
      <c r="B648" s="3"/>
    </row>
    <row r="649" spans="2:2" x14ac:dyDescent="0.3">
      <c r="B649" s="3"/>
    </row>
    <row r="650" spans="2:2" x14ac:dyDescent="0.3">
      <c r="B650" s="3"/>
    </row>
    <row r="651" spans="2:2" x14ac:dyDescent="0.3">
      <c r="B651" s="3"/>
    </row>
    <row r="652" spans="2:2" x14ac:dyDescent="0.3">
      <c r="B652" s="3"/>
    </row>
    <row r="653" spans="2:2" x14ac:dyDescent="0.3">
      <c r="B653" s="3"/>
    </row>
    <row r="654" spans="2:2" x14ac:dyDescent="0.3">
      <c r="B654" s="3"/>
    </row>
    <row r="655" spans="2:2" x14ac:dyDescent="0.3">
      <c r="B655" s="3"/>
    </row>
    <row r="656" spans="2:2" x14ac:dyDescent="0.3">
      <c r="B656" s="3"/>
    </row>
    <row r="657" spans="2:2" x14ac:dyDescent="0.3">
      <c r="B657" s="3"/>
    </row>
    <row r="658" spans="2:2" x14ac:dyDescent="0.3">
      <c r="B658" s="3"/>
    </row>
    <row r="659" spans="2:2" x14ac:dyDescent="0.3">
      <c r="B659" s="3"/>
    </row>
    <row r="660" spans="2:2" x14ac:dyDescent="0.3">
      <c r="B660" s="3"/>
    </row>
    <row r="661" spans="2:2" x14ac:dyDescent="0.3">
      <c r="B661" s="3"/>
    </row>
    <row r="662" spans="2:2" x14ac:dyDescent="0.3">
      <c r="B662" s="3"/>
    </row>
    <row r="663" spans="2:2" x14ac:dyDescent="0.3">
      <c r="B663" s="3"/>
    </row>
    <row r="664" spans="2:2" x14ac:dyDescent="0.3">
      <c r="B664" s="3"/>
    </row>
    <row r="665" spans="2:2" x14ac:dyDescent="0.3">
      <c r="B665" s="3"/>
    </row>
    <row r="666" spans="2:2" x14ac:dyDescent="0.3">
      <c r="B666" s="3"/>
    </row>
    <row r="667" spans="2:2" x14ac:dyDescent="0.3">
      <c r="B667" s="3"/>
    </row>
    <row r="668" spans="2:2" x14ac:dyDescent="0.3">
      <c r="B668" s="3"/>
    </row>
    <row r="669" spans="2:2" x14ac:dyDescent="0.3">
      <c r="B669" s="3"/>
    </row>
    <row r="670" spans="2:2" x14ac:dyDescent="0.3">
      <c r="B670" s="3"/>
    </row>
    <row r="671" spans="2:2" x14ac:dyDescent="0.3">
      <c r="B671" s="3"/>
    </row>
    <row r="672" spans="2:2" x14ac:dyDescent="0.3">
      <c r="B672" s="3"/>
    </row>
    <row r="673" spans="2:2" x14ac:dyDescent="0.3">
      <c r="B673" s="3"/>
    </row>
    <row r="674" spans="2:2" x14ac:dyDescent="0.3">
      <c r="B674" s="3"/>
    </row>
    <row r="675" spans="2:2" x14ac:dyDescent="0.3">
      <c r="B675" s="3"/>
    </row>
    <row r="676" spans="2:2" x14ac:dyDescent="0.3">
      <c r="B676" s="3"/>
    </row>
    <row r="677" spans="2:2" x14ac:dyDescent="0.3">
      <c r="B677" s="3"/>
    </row>
    <row r="678" spans="2:2" x14ac:dyDescent="0.3">
      <c r="B678" s="3"/>
    </row>
    <row r="679" spans="2:2" x14ac:dyDescent="0.3">
      <c r="B679" s="3"/>
    </row>
    <row r="680" spans="2:2" x14ac:dyDescent="0.3">
      <c r="B680" s="3"/>
    </row>
    <row r="681" spans="2:2" x14ac:dyDescent="0.3">
      <c r="B681" s="3"/>
    </row>
    <row r="682" spans="2:2" x14ac:dyDescent="0.3">
      <c r="B682" s="3"/>
    </row>
    <row r="683" spans="2:2" x14ac:dyDescent="0.3">
      <c r="B683" s="3"/>
    </row>
    <row r="684" spans="2:2" x14ac:dyDescent="0.3">
      <c r="B684" s="3"/>
    </row>
    <row r="685" spans="2:2" x14ac:dyDescent="0.3">
      <c r="B685" s="3"/>
    </row>
    <row r="686" spans="2:2" x14ac:dyDescent="0.3">
      <c r="B686" s="3"/>
    </row>
    <row r="687" spans="2:2" x14ac:dyDescent="0.3">
      <c r="B687" s="3"/>
    </row>
    <row r="688" spans="2:2" x14ac:dyDescent="0.3">
      <c r="B688" s="3"/>
    </row>
    <row r="689" spans="2:2" x14ac:dyDescent="0.3">
      <c r="B689" s="3"/>
    </row>
    <row r="690" spans="2:2" x14ac:dyDescent="0.3">
      <c r="B690" s="3"/>
    </row>
    <row r="691" spans="2:2" x14ac:dyDescent="0.3">
      <c r="B691" s="3"/>
    </row>
    <row r="692" spans="2:2" x14ac:dyDescent="0.3">
      <c r="B692" s="3"/>
    </row>
    <row r="693" spans="2:2" x14ac:dyDescent="0.3">
      <c r="B693" s="3"/>
    </row>
    <row r="694" spans="2:2" x14ac:dyDescent="0.3">
      <c r="B694" s="3"/>
    </row>
    <row r="695" spans="2:2" x14ac:dyDescent="0.3">
      <c r="B695" s="3"/>
    </row>
    <row r="696" spans="2:2" x14ac:dyDescent="0.3">
      <c r="B696" s="3"/>
    </row>
    <row r="697" spans="2:2" x14ac:dyDescent="0.3">
      <c r="B697" s="3"/>
    </row>
    <row r="698" spans="2:2" x14ac:dyDescent="0.3">
      <c r="B698" s="3"/>
    </row>
    <row r="699" spans="2:2" x14ac:dyDescent="0.3">
      <c r="B699" s="3"/>
    </row>
    <row r="700" spans="2:2" x14ac:dyDescent="0.3">
      <c r="B700" s="3"/>
    </row>
    <row r="701" spans="2:2" x14ac:dyDescent="0.3">
      <c r="B701" s="3"/>
    </row>
    <row r="702" spans="2:2" x14ac:dyDescent="0.3">
      <c r="B702" s="3"/>
    </row>
    <row r="703" spans="2:2" x14ac:dyDescent="0.3">
      <c r="B703" s="3"/>
    </row>
    <row r="704" spans="2:2" x14ac:dyDescent="0.3">
      <c r="B704" s="3"/>
    </row>
    <row r="705" spans="2:2" x14ac:dyDescent="0.3">
      <c r="B705" s="3"/>
    </row>
    <row r="706" spans="2:2" x14ac:dyDescent="0.3">
      <c r="B706" s="3"/>
    </row>
    <row r="707" spans="2:2" x14ac:dyDescent="0.3">
      <c r="B707" s="3"/>
    </row>
    <row r="708" spans="2:2" x14ac:dyDescent="0.3">
      <c r="B708" s="3"/>
    </row>
    <row r="709" spans="2:2" x14ac:dyDescent="0.3">
      <c r="B709" s="3"/>
    </row>
    <row r="710" spans="2:2" x14ac:dyDescent="0.3">
      <c r="B710" s="3"/>
    </row>
    <row r="711" spans="2:2" x14ac:dyDescent="0.3">
      <c r="B711" s="3"/>
    </row>
    <row r="712" spans="2:2" x14ac:dyDescent="0.3">
      <c r="B712" s="3"/>
    </row>
    <row r="713" spans="2:2" x14ac:dyDescent="0.3">
      <c r="B713" s="3"/>
    </row>
    <row r="714" spans="2:2" x14ac:dyDescent="0.3">
      <c r="B714" s="3"/>
    </row>
    <row r="715" spans="2:2" x14ac:dyDescent="0.3">
      <c r="B715" s="3"/>
    </row>
    <row r="716" spans="2:2" x14ac:dyDescent="0.3">
      <c r="B716" s="3"/>
    </row>
    <row r="717" spans="2:2" x14ac:dyDescent="0.3">
      <c r="B717" s="3"/>
    </row>
    <row r="718" spans="2:2" x14ac:dyDescent="0.3">
      <c r="B718" s="3"/>
    </row>
    <row r="719" spans="2:2" x14ac:dyDescent="0.3">
      <c r="B719" s="3"/>
    </row>
    <row r="720" spans="2:2" x14ac:dyDescent="0.3">
      <c r="B720" s="3"/>
    </row>
    <row r="721" spans="2:2" x14ac:dyDescent="0.3">
      <c r="B721" s="3"/>
    </row>
    <row r="722" spans="2:2" x14ac:dyDescent="0.3">
      <c r="B722" s="3"/>
    </row>
    <row r="723" spans="2:2" x14ac:dyDescent="0.3">
      <c r="B723" s="3"/>
    </row>
    <row r="724" spans="2:2" x14ac:dyDescent="0.3">
      <c r="B724" s="3"/>
    </row>
    <row r="725" spans="2:2" x14ac:dyDescent="0.3">
      <c r="B725" s="3"/>
    </row>
    <row r="726" spans="2:2" x14ac:dyDescent="0.3">
      <c r="B726" s="3"/>
    </row>
    <row r="727" spans="2:2" x14ac:dyDescent="0.3">
      <c r="B727" s="3"/>
    </row>
    <row r="728" spans="2:2" x14ac:dyDescent="0.3">
      <c r="B728" s="3"/>
    </row>
    <row r="729" spans="2:2" x14ac:dyDescent="0.3">
      <c r="B729" s="3"/>
    </row>
    <row r="730" spans="2:2" x14ac:dyDescent="0.3">
      <c r="B730" s="3"/>
    </row>
    <row r="731" spans="2:2" x14ac:dyDescent="0.3">
      <c r="B731" s="3"/>
    </row>
    <row r="732" spans="2:2" x14ac:dyDescent="0.3">
      <c r="B732" s="3"/>
    </row>
    <row r="733" spans="2:2" x14ac:dyDescent="0.3">
      <c r="B733" s="3"/>
    </row>
    <row r="734" spans="2:2" x14ac:dyDescent="0.3">
      <c r="B734" s="3"/>
    </row>
    <row r="735" spans="2:2" x14ac:dyDescent="0.3">
      <c r="B735" s="3"/>
    </row>
    <row r="736" spans="2:2" x14ac:dyDescent="0.3">
      <c r="B736" s="3"/>
    </row>
    <row r="737" spans="2:2" x14ac:dyDescent="0.3">
      <c r="B737" s="3"/>
    </row>
    <row r="738" spans="2:2" x14ac:dyDescent="0.3">
      <c r="B738" s="3"/>
    </row>
    <row r="739" spans="2:2" x14ac:dyDescent="0.3">
      <c r="B739" s="3"/>
    </row>
    <row r="740" spans="2:2" x14ac:dyDescent="0.3">
      <c r="B740" s="3"/>
    </row>
    <row r="741" spans="2:2" x14ac:dyDescent="0.3">
      <c r="B741" s="3"/>
    </row>
    <row r="742" spans="2:2" x14ac:dyDescent="0.3">
      <c r="B742" s="3"/>
    </row>
    <row r="743" spans="2:2" x14ac:dyDescent="0.3">
      <c r="B743" s="3"/>
    </row>
    <row r="744" spans="2:2" x14ac:dyDescent="0.3">
      <c r="B744" s="3"/>
    </row>
    <row r="745" spans="2:2" x14ac:dyDescent="0.3">
      <c r="B745" s="3"/>
    </row>
    <row r="746" spans="2:2" x14ac:dyDescent="0.3">
      <c r="B746" s="3"/>
    </row>
    <row r="747" spans="2:2" x14ac:dyDescent="0.3">
      <c r="B747" s="3"/>
    </row>
    <row r="748" spans="2:2" x14ac:dyDescent="0.3">
      <c r="B748" s="3"/>
    </row>
    <row r="749" spans="2:2" x14ac:dyDescent="0.3">
      <c r="B749" s="3"/>
    </row>
    <row r="750" spans="2:2" x14ac:dyDescent="0.3">
      <c r="B750" s="3"/>
    </row>
    <row r="751" spans="2:2" x14ac:dyDescent="0.3">
      <c r="B751" s="3"/>
    </row>
    <row r="752" spans="2:2" x14ac:dyDescent="0.3">
      <c r="B752" s="3"/>
    </row>
    <row r="753" spans="2:2" x14ac:dyDescent="0.3">
      <c r="B753" s="3"/>
    </row>
    <row r="754" spans="2:2" x14ac:dyDescent="0.3">
      <c r="B754" s="3"/>
    </row>
    <row r="755" spans="2:2" x14ac:dyDescent="0.3">
      <c r="B755" s="3"/>
    </row>
    <row r="756" spans="2:2" x14ac:dyDescent="0.3">
      <c r="B756" s="3"/>
    </row>
    <row r="757" spans="2:2" x14ac:dyDescent="0.3">
      <c r="B757" s="3"/>
    </row>
    <row r="758" spans="2:2" x14ac:dyDescent="0.3">
      <c r="B758" s="3"/>
    </row>
    <row r="759" spans="2:2" x14ac:dyDescent="0.3">
      <c r="B759" s="3"/>
    </row>
    <row r="760" spans="2:2" x14ac:dyDescent="0.3">
      <c r="B760" s="3"/>
    </row>
    <row r="761" spans="2:2" x14ac:dyDescent="0.3">
      <c r="B761" s="3"/>
    </row>
    <row r="762" spans="2:2" x14ac:dyDescent="0.3">
      <c r="B762" s="3"/>
    </row>
    <row r="763" spans="2:2" x14ac:dyDescent="0.3">
      <c r="B763" s="3"/>
    </row>
    <row r="764" spans="2:2" x14ac:dyDescent="0.3">
      <c r="B764" s="3"/>
    </row>
    <row r="765" spans="2:2" x14ac:dyDescent="0.3">
      <c r="B765" s="3"/>
    </row>
    <row r="766" spans="2:2" x14ac:dyDescent="0.3">
      <c r="B766" s="3"/>
    </row>
    <row r="767" spans="2:2" x14ac:dyDescent="0.3">
      <c r="B767" s="3"/>
    </row>
    <row r="768" spans="2:2" x14ac:dyDescent="0.3">
      <c r="B768" s="3"/>
    </row>
    <row r="769" spans="2:2" x14ac:dyDescent="0.3">
      <c r="B769" s="3"/>
    </row>
    <row r="770" spans="2:2" x14ac:dyDescent="0.3">
      <c r="B770" s="3"/>
    </row>
    <row r="771" spans="2:2" x14ac:dyDescent="0.3">
      <c r="B771" s="3"/>
    </row>
    <row r="772" spans="2:2" x14ac:dyDescent="0.3">
      <c r="B772" s="3"/>
    </row>
    <row r="773" spans="2:2" x14ac:dyDescent="0.3">
      <c r="B773" s="3"/>
    </row>
    <row r="774" spans="2:2" x14ac:dyDescent="0.3">
      <c r="B774" s="3"/>
    </row>
    <row r="775" spans="2:2" x14ac:dyDescent="0.3">
      <c r="B775" s="3"/>
    </row>
    <row r="776" spans="2:2" x14ac:dyDescent="0.3">
      <c r="B776" s="3"/>
    </row>
    <row r="777" spans="2:2" x14ac:dyDescent="0.3">
      <c r="B777" s="3"/>
    </row>
    <row r="778" spans="2:2" x14ac:dyDescent="0.3">
      <c r="B778" s="3"/>
    </row>
    <row r="779" spans="2:2" x14ac:dyDescent="0.3">
      <c r="B779" s="3"/>
    </row>
    <row r="780" spans="2:2" x14ac:dyDescent="0.3">
      <c r="B780" s="3"/>
    </row>
    <row r="781" spans="2:2" x14ac:dyDescent="0.3">
      <c r="B781" s="3"/>
    </row>
    <row r="782" spans="2:2" x14ac:dyDescent="0.3">
      <c r="B782" s="3"/>
    </row>
    <row r="783" spans="2:2" x14ac:dyDescent="0.3">
      <c r="B783" s="3"/>
    </row>
    <row r="784" spans="2:2" x14ac:dyDescent="0.3">
      <c r="B784" s="3"/>
    </row>
    <row r="785" spans="2:2" x14ac:dyDescent="0.3">
      <c r="B785" s="3"/>
    </row>
    <row r="786" spans="2:2" x14ac:dyDescent="0.3">
      <c r="B786" s="3"/>
    </row>
    <row r="787" spans="2:2" x14ac:dyDescent="0.3">
      <c r="B787" s="3"/>
    </row>
    <row r="788" spans="2:2" x14ac:dyDescent="0.3">
      <c r="B788" s="3"/>
    </row>
    <row r="789" spans="2:2" x14ac:dyDescent="0.3">
      <c r="B789" s="3"/>
    </row>
    <row r="790" spans="2:2" x14ac:dyDescent="0.3">
      <c r="B790" s="3"/>
    </row>
    <row r="791" spans="2:2" x14ac:dyDescent="0.3">
      <c r="B791" s="3"/>
    </row>
    <row r="792" spans="2:2" x14ac:dyDescent="0.3">
      <c r="B792" s="3"/>
    </row>
    <row r="793" spans="2:2" x14ac:dyDescent="0.3">
      <c r="B793" s="3"/>
    </row>
    <row r="794" spans="2:2" x14ac:dyDescent="0.3">
      <c r="B794" s="3"/>
    </row>
    <row r="795" spans="2:2" x14ac:dyDescent="0.3">
      <c r="B795" s="3"/>
    </row>
    <row r="796" spans="2:2" x14ac:dyDescent="0.3">
      <c r="B796" s="3"/>
    </row>
    <row r="797" spans="2:2" x14ac:dyDescent="0.3">
      <c r="B797" s="3"/>
    </row>
    <row r="798" spans="2:2" x14ac:dyDescent="0.3">
      <c r="B798" s="3"/>
    </row>
    <row r="799" spans="2:2" x14ac:dyDescent="0.3">
      <c r="B799" s="3"/>
    </row>
    <row r="800" spans="2:2" x14ac:dyDescent="0.3">
      <c r="B800" s="3"/>
    </row>
    <row r="801" spans="2:2" x14ac:dyDescent="0.3">
      <c r="B801" s="3"/>
    </row>
    <row r="802" spans="2:2" x14ac:dyDescent="0.3">
      <c r="B802" s="3"/>
    </row>
    <row r="803" spans="2:2" x14ac:dyDescent="0.3">
      <c r="B803" s="3"/>
    </row>
    <row r="804" spans="2:2" x14ac:dyDescent="0.3">
      <c r="B804" s="3"/>
    </row>
    <row r="805" spans="2:2" x14ac:dyDescent="0.3">
      <c r="B805" s="3"/>
    </row>
    <row r="806" spans="2:2" x14ac:dyDescent="0.3">
      <c r="B806" s="3"/>
    </row>
    <row r="807" spans="2:2" x14ac:dyDescent="0.3">
      <c r="B807" s="3"/>
    </row>
    <row r="808" spans="2:2" x14ac:dyDescent="0.3">
      <c r="B808" s="3"/>
    </row>
    <row r="809" spans="2:2" x14ac:dyDescent="0.3">
      <c r="B809" s="3"/>
    </row>
    <row r="810" spans="2:2" x14ac:dyDescent="0.3">
      <c r="B810" s="3"/>
    </row>
    <row r="811" spans="2:2" x14ac:dyDescent="0.3">
      <c r="B811" s="3"/>
    </row>
    <row r="812" spans="2:2" x14ac:dyDescent="0.3">
      <c r="B812" s="3"/>
    </row>
    <row r="813" spans="2:2" x14ac:dyDescent="0.3">
      <c r="B813" s="3"/>
    </row>
    <row r="814" spans="2:2" x14ac:dyDescent="0.3">
      <c r="B814" s="3"/>
    </row>
    <row r="815" spans="2:2" x14ac:dyDescent="0.3">
      <c r="B815" s="3"/>
    </row>
    <row r="816" spans="2:2" x14ac:dyDescent="0.3">
      <c r="B816" s="3"/>
    </row>
    <row r="817" spans="2:2" x14ac:dyDescent="0.3">
      <c r="B817" s="3"/>
    </row>
    <row r="818" spans="2:2" x14ac:dyDescent="0.3">
      <c r="B818" s="3"/>
    </row>
    <row r="819" spans="2:2" x14ac:dyDescent="0.3">
      <c r="B819" s="3"/>
    </row>
    <row r="820" spans="2:2" x14ac:dyDescent="0.3">
      <c r="B820" s="3"/>
    </row>
    <row r="821" spans="2:2" x14ac:dyDescent="0.3">
      <c r="B821" s="3"/>
    </row>
    <row r="822" spans="2:2" x14ac:dyDescent="0.3">
      <c r="B822" s="3"/>
    </row>
    <row r="823" spans="2:2" x14ac:dyDescent="0.3">
      <c r="B823" s="3"/>
    </row>
    <row r="824" spans="2:2" x14ac:dyDescent="0.3">
      <c r="B824" s="3"/>
    </row>
    <row r="825" spans="2:2" x14ac:dyDescent="0.3">
      <c r="B825" s="3"/>
    </row>
    <row r="826" spans="2:2" x14ac:dyDescent="0.3">
      <c r="B826" s="3"/>
    </row>
    <row r="827" spans="2:2" x14ac:dyDescent="0.3">
      <c r="B827" s="3"/>
    </row>
    <row r="828" spans="2:2" x14ac:dyDescent="0.3">
      <c r="B828" s="3"/>
    </row>
    <row r="829" spans="2:2" x14ac:dyDescent="0.3">
      <c r="B829" s="3"/>
    </row>
    <row r="830" spans="2:2" x14ac:dyDescent="0.3">
      <c r="B830" s="3"/>
    </row>
    <row r="831" spans="2:2" x14ac:dyDescent="0.3">
      <c r="B831" s="3"/>
    </row>
    <row r="832" spans="2:2" x14ac:dyDescent="0.3">
      <c r="B832" s="3"/>
    </row>
    <row r="833" spans="2:2" x14ac:dyDescent="0.3">
      <c r="B833" s="3"/>
    </row>
    <row r="834" spans="2:2" x14ac:dyDescent="0.3">
      <c r="B834" s="3"/>
    </row>
    <row r="835" spans="2:2" x14ac:dyDescent="0.3">
      <c r="B835" s="3"/>
    </row>
    <row r="836" spans="2:2" x14ac:dyDescent="0.3">
      <c r="B836" s="3"/>
    </row>
    <row r="837" spans="2:2" x14ac:dyDescent="0.3">
      <c r="B837" s="3"/>
    </row>
    <row r="838" spans="2:2" x14ac:dyDescent="0.3">
      <c r="B838" s="3"/>
    </row>
    <row r="839" spans="2:2" x14ac:dyDescent="0.3">
      <c r="B839" s="3"/>
    </row>
    <row r="840" spans="2:2" x14ac:dyDescent="0.3">
      <c r="B840" s="3"/>
    </row>
    <row r="841" spans="2:2" x14ac:dyDescent="0.3">
      <c r="B841" s="3"/>
    </row>
    <row r="842" spans="2:2" x14ac:dyDescent="0.3">
      <c r="B842" s="3"/>
    </row>
    <row r="843" spans="2:2" x14ac:dyDescent="0.3">
      <c r="B843" s="3"/>
    </row>
    <row r="844" spans="2:2" x14ac:dyDescent="0.3">
      <c r="B844" s="3"/>
    </row>
    <row r="845" spans="2:2" x14ac:dyDescent="0.3">
      <c r="B845" s="3"/>
    </row>
    <row r="846" spans="2:2" x14ac:dyDescent="0.3">
      <c r="B846" s="3"/>
    </row>
    <row r="847" spans="2:2" x14ac:dyDescent="0.3">
      <c r="B847" s="3"/>
    </row>
    <row r="848" spans="2:2" x14ac:dyDescent="0.3">
      <c r="B848" s="3"/>
    </row>
    <row r="849" spans="2:2" x14ac:dyDescent="0.3">
      <c r="B849" s="3"/>
    </row>
    <row r="850" spans="2:2" x14ac:dyDescent="0.3">
      <c r="B850" s="3"/>
    </row>
    <row r="851" spans="2:2" x14ac:dyDescent="0.3">
      <c r="B851" s="3"/>
    </row>
    <row r="852" spans="2:2" x14ac:dyDescent="0.3">
      <c r="B852" s="3"/>
    </row>
    <row r="853" spans="2:2" x14ac:dyDescent="0.3">
      <c r="B853" s="3"/>
    </row>
    <row r="854" spans="2:2" x14ac:dyDescent="0.3">
      <c r="B854" s="3"/>
    </row>
    <row r="855" spans="2:2" x14ac:dyDescent="0.3">
      <c r="B855" s="3"/>
    </row>
    <row r="856" spans="2:2" x14ac:dyDescent="0.3">
      <c r="B856" s="3"/>
    </row>
    <row r="857" spans="2:2" x14ac:dyDescent="0.3">
      <c r="B857" s="3"/>
    </row>
    <row r="858" spans="2:2" x14ac:dyDescent="0.3">
      <c r="B858" s="3"/>
    </row>
    <row r="859" spans="2:2" x14ac:dyDescent="0.3">
      <c r="B859" s="3"/>
    </row>
    <row r="860" spans="2:2" x14ac:dyDescent="0.3">
      <c r="B860" s="3"/>
    </row>
    <row r="861" spans="2:2" x14ac:dyDescent="0.3">
      <c r="B861" s="3"/>
    </row>
    <row r="862" spans="2:2" x14ac:dyDescent="0.3">
      <c r="B862" s="3"/>
    </row>
    <row r="863" spans="2:2" x14ac:dyDescent="0.3">
      <c r="B863" s="3"/>
    </row>
    <row r="864" spans="2:2" x14ac:dyDescent="0.3">
      <c r="B864" s="3"/>
    </row>
    <row r="865" spans="2:2" x14ac:dyDescent="0.3">
      <c r="B865" s="3"/>
    </row>
    <row r="866" spans="2:2" x14ac:dyDescent="0.3">
      <c r="B866" s="3"/>
    </row>
    <row r="867" spans="2:2" x14ac:dyDescent="0.3">
      <c r="B867" s="3"/>
    </row>
    <row r="868" spans="2:2" x14ac:dyDescent="0.3">
      <c r="B868" s="3"/>
    </row>
    <row r="869" spans="2:2" x14ac:dyDescent="0.3">
      <c r="B869" s="3"/>
    </row>
    <row r="870" spans="2:2" x14ac:dyDescent="0.3">
      <c r="B870" s="3"/>
    </row>
    <row r="871" spans="2:2" x14ac:dyDescent="0.3">
      <c r="B871" s="3"/>
    </row>
    <row r="872" spans="2:2" x14ac:dyDescent="0.3">
      <c r="B872" s="3"/>
    </row>
    <row r="873" spans="2:2" x14ac:dyDescent="0.3">
      <c r="B873" s="3"/>
    </row>
    <row r="874" spans="2:2" x14ac:dyDescent="0.3">
      <c r="B874" s="3"/>
    </row>
    <row r="875" spans="2:2" x14ac:dyDescent="0.3">
      <c r="B875" s="3"/>
    </row>
    <row r="876" spans="2:2" x14ac:dyDescent="0.3">
      <c r="B876" s="3"/>
    </row>
    <row r="877" spans="2:2" x14ac:dyDescent="0.3">
      <c r="B877" s="3"/>
    </row>
    <row r="878" spans="2:2" x14ac:dyDescent="0.3">
      <c r="B878" s="3"/>
    </row>
    <row r="879" spans="2:2" x14ac:dyDescent="0.3">
      <c r="B879" s="3"/>
    </row>
    <row r="880" spans="2:2" x14ac:dyDescent="0.3">
      <c r="B880" s="3"/>
    </row>
    <row r="881" spans="2:2" x14ac:dyDescent="0.3">
      <c r="B881" s="3"/>
    </row>
    <row r="882" spans="2:2" x14ac:dyDescent="0.3">
      <c r="B882" s="3"/>
    </row>
    <row r="883" spans="2:2" x14ac:dyDescent="0.3">
      <c r="B883" s="3"/>
    </row>
    <row r="884" spans="2:2" x14ac:dyDescent="0.3">
      <c r="B884" s="3"/>
    </row>
    <row r="885" spans="2:2" x14ac:dyDescent="0.3">
      <c r="B885" s="3"/>
    </row>
    <row r="886" spans="2:2" x14ac:dyDescent="0.3">
      <c r="B886" s="3"/>
    </row>
    <row r="887" spans="2:2" x14ac:dyDescent="0.3">
      <c r="B887" s="3"/>
    </row>
    <row r="888" spans="2:2" x14ac:dyDescent="0.3">
      <c r="B888" s="3"/>
    </row>
    <row r="889" spans="2:2" x14ac:dyDescent="0.3">
      <c r="B889" s="3"/>
    </row>
    <row r="890" spans="2:2" x14ac:dyDescent="0.3">
      <c r="B890" s="3"/>
    </row>
    <row r="891" spans="2:2" x14ac:dyDescent="0.3">
      <c r="B891" s="3"/>
    </row>
    <row r="892" spans="2:2" x14ac:dyDescent="0.3">
      <c r="B892" s="3"/>
    </row>
    <row r="893" spans="2:2" x14ac:dyDescent="0.3">
      <c r="B893" s="3"/>
    </row>
    <row r="894" spans="2:2" x14ac:dyDescent="0.3">
      <c r="B894" s="3"/>
    </row>
    <row r="895" spans="2:2" x14ac:dyDescent="0.3">
      <c r="B895" s="3"/>
    </row>
    <row r="896" spans="2:2" x14ac:dyDescent="0.3">
      <c r="B896" s="3"/>
    </row>
    <row r="897" spans="2:2" x14ac:dyDescent="0.3">
      <c r="B897" s="3"/>
    </row>
    <row r="898" spans="2:2" x14ac:dyDescent="0.3">
      <c r="B898" s="3"/>
    </row>
    <row r="899" spans="2:2" x14ac:dyDescent="0.3">
      <c r="B899" s="3"/>
    </row>
    <row r="900" spans="2:2" x14ac:dyDescent="0.3">
      <c r="B900" s="3"/>
    </row>
    <row r="901" spans="2:2" x14ac:dyDescent="0.3">
      <c r="B901" s="3"/>
    </row>
    <row r="902" spans="2:2" x14ac:dyDescent="0.3">
      <c r="B902" s="3"/>
    </row>
    <row r="903" spans="2:2" x14ac:dyDescent="0.3">
      <c r="B903" s="3"/>
    </row>
    <row r="904" spans="2:2" x14ac:dyDescent="0.3">
      <c r="B904" s="3"/>
    </row>
    <row r="905" spans="2:2" x14ac:dyDescent="0.3">
      <c r="B905" s="3"/>
    </row>
    <row r="906" spans="2:2" x14ac:dyDescent="0.3">
      <c r="B906" s="3"/>
    </row>
    <row r="907" spans="2:2" x14ac:dyDescent="0.3">
      <c r="B907" s="3"/>
    </row>
    <row r="908" spans="2:2" x14ac:dyDescent="0.3">
      <c r="B908" s="3"/>
    </row>
    <row r="909" spans="2:2" x14ac:dyDescent="0.3">
      <c r="B909" s="3"/>
    </row>
    <row r="910" spans="2:2" x14ac:dyDescent="0.3">
      <c r="B910" s="3"/>
    </row>
    <row r="911" spans="2:2" x14ac:dyDescent="0.3">
      <c r="B911" s="3"/>
    </row>
    <row r="912" spans="2:2" x14ac:dyDescent="0.3">
      <c r="B912" s="3"/>
    </row>
    <row r="913" spans="2:2" x14ac:dyDescent="0.3">
      <c r="B913" s="3"/>
    </row>
    <row r="914" spans="2:2" x14ac:dyDescent="0.3">
      <c r="B914" s="3"/>
    </row>
    <row r="915" spans="2:2" x14ac:dyDescent="0.3">
      <c r="B915" s="3"/>
    </row>
    <row r="916" spans="2:2" x14ac:dyDescent="0.3">
      <c r="B916" s="3"/>
    </row>
    <row r="917" spans="2:2" x14ac:dyDescent="0.3">
      <c r="B917" s="3"/>
    </row>
    <row r="918" spans="2:2" x14ac:dyDescent="0.3">
      <c r="B918" s="3"/>
    </row>
    <row r="919" spans="2:2" x14ac:dyDescent="0.3">
      <c r="B919" s="3"/>
    </row>
    <row r="920" spans="2:2" x14ac:dyDescent="0.3">
      <c r="B920" s="3"/>
    </row>
    <row r="921" spans="2:2" x14ac:dyDescent="0.3">
      <c r="B921" s="3"/>
    </row>
    <row r="922" spans="2:2" x14ac:dyDescent="0.3">
      <c r="B922" s="3"/>
    </row>
    <row r="923" spans="2:2" x14ac:dyDescent="0.3">
      <c r="B923" s="3"/>
    </row>
    <row r="924" spans="2:2" x14ac:dyDescent="0.3">
      <c r="B924" s="3"/>
    </row>
    <row r="925" spans="2:2" x14ac:dyDescent="0.3">
      <c r="B925" s="3"/>
    </row>
    <row r="926" spans="2:2" x14ac:dyDescent="0.3">
      <c r="B926" s="3"/>
    </row>
    <row r="927" spans="2:2" x14ac:dyDescent="0.3">
      <c r="B927" s="3"/>
    </row>
    <row r="928" spans="2:2" x14ac:dyDescent="0.3">
      <c r="B928" s="3"/>
    </row>
    <row r="929" spans="2:2" x14ac:dyDescent="0.3">
      <c r="B929" s="3"/>
    </row>
    <row r="930" spans="2:2" x14ac:dyDescent="0.3">
      <c r="B930" s="3"/>
    </row>
    <row r="931" spans="2:2" x14ac:dyDescent="0.3">
      <c r="B931" s="3"/>
    </row>
    <row r="932" spans="2:2" x14ac:dyDescent="0.3">
      <c r="B932" s="3"/>
    </row>
    <row r="933" spans="2:2" x14ac:dyDescent="0.3">
      <c r="B933" s="3"/>
    </row>
    <row r="934" spans="2:2" x14ac:dyDescent="0.3">
      <c r="B934" s="3"/>
    </row>
    <row r="935" spans="2:2" x14ac:dyDescent="0.3">
      <c r="B935" s="3"/>
    </row>
    <row r="936" spans="2:2" x14ac:dyDescent="0.3">
      <c r="B936" s="3"/>
    </row>
    <row r="937" spans="2:2" x14ac:dyDescent="0.3">
      <c r="B937" s="3"/>
    </row>
    <row r="938" spans="2:2" x14ac:dyDescent="0.3">
      <c r="B938" s="3"/>
    </row>
    <row r="939" spans="2:2" x14ac:dyDescent="0.3">
      <c r="B939" s="3"/>
    </row>
    <row r="940" spans="2:2" x14ac:dyDescent="0.3">
      <c r="B940" s="3"/>
    </row>
    <row r="941" spans="2:2" x14ac:dyDescent="0.3">
      <c r="B941" s="3"/>
    </row>
    <row r="942" spans="2:2" x14ac:dyDescent="0.3">
      <c r="B942" s="3"/>
    </row>
    <row r="943" spans="2:2" x14ac:dyDescent="0.3">
      <c r="B943" s="3"/>
    </row>
    <row r="944" spans="2:2" x14ac:dyDescent="0.3">
      <c r="B944" s="3"/>
    </row>
    <row r="945" spans="2:2" x14ac:dyDescent="0.3">
      <c r="B945" s="3"/>
    </row>
    <row r="946" spans="2:2" x14ac:dyDescent="0.3">
      <c r="B946" s="3"/>
    </row>
    <row r="947" spans="2:2" x14ac:dyDescent="0.3">
      <c r="B947" s="3"/>
    </row>
    <row r="948" spans="2:2" x14ac:dyDescent="0.3">
      <c r="B948" s="3"/>
    </row>
    <row r="949" spans="2:2" x14ac:dyDescent="0.3">
      <c r="B949" s="3"/>
    </row>
    <row r="950" spans="2:2" x14ac:dyDescent="0.3">
      <c r="B950" s="3"/>
    </row>
    <row r="951" spans="2:2" x14ac:dyDescent="0.3">
      <c r="B951" s="3"/>
    </row>
    <row r="952" spans="2:2" x14ac:dyDescent="0.3">
      <c r="B952" s="3"/>
    </row>
    <row r="953" spans="2:2" x14ac:dyDescent="0.3">
      <c r="B953" s="3"/>
    </row>
    <row r="954" spans="2:2" x14ac:dyDescent="0.3">
      <c r="B954" s="3"/>
    </row>
    <row r="955" spans="2:2" x14ac:dyDescent="0.3">
      <c r="B955" s="3"/>
    </row>
    <row r="956" spans="2:2" x14ac:dyDescent="0.3">
      <c r="B956" s="3"/>
    </row>
    <row r="957" spans="2:2" x14ac:dyDescent="0.3">
      <c r="B957" s="3"/>
    </row>
    <row r="958" spans="2:2" x14ac:dyDescent="0.3">
      <c r="B958" s="3"/>
    </row>
    <row r="959" spans="2:2" x14ac:dyDescent="0.3">
      <c r="B959" s="3"/>
    </row>
    <row r="960" spans="2:2" x14ac:dyDescent="0.3">
      <c r="B960" s="3"/>
    </row>
    <row r="961" spans="2:2" x14ac:dyDescent="0.3">
      <c r="B961" s="3"/>
    </row>
    <row r="962" spans="2:2" x14ac:dyDescent="0.3">
      <c r="B962" s="3"/>
    </row>
    <row r="963" spans="2:2" x14ac:dyDescent="0.3">
      <c r="B963" s="3"/>
    </row>
    <row r="964" spans="2:2" x14ac:dyDescent="0.3">
      <c r="B964" s="3"/>
    </row>
    <row r="965" spans="2:2" x14ac:dyDescent="0.3">
      <c r="B965" s="3"/>
    </row>
    <row r="966" spans="2:2" x14ac:dyDescent="0.3">
      <c r="B966" s="3"/>
    </row>
    <row r="967" spans="2:2" x14ac:dyDescent="0.3">
      <c r="B967" s="3"/>
    </row>
    <row r="968" spans="2:2" x14ac:dyDescent="0.3">
      <c r="B968" s="3"/>
    </row>
    <row r="969" spans="2:2" x14ac:dyDescent="0.3">
      <c r="B969" s="3"/>
    </row>
    <row r="970" spans="2:2" x14ac:dyDescent="0.3">
      <c r="B970" s="3"/>
    </row>
    <row r="971" spans="2:2" x14ac:dyDescent="0.3">
      <c r="B971" s="3"/>
    </row>
    <row r="972" spans="2:2" x14ac:dyDescent="0.3">
      <c r="B972" s="3"/>
    </row>
    <row r="973" spans="2:2" x14ac:dyDescent="0.3">
      <c r="B973" s="3"/>
    </row>
    <row r="974" spans="2:2" x14ac:dyDescent="0.3">
      <c r="B974" s="3"/>
    </row>
    <row r="975" spans="2:2" x14ac:dyDescent="0.3">
      <c r="B975" s="3"/>
    </row>
    <row r="976" spans="2:2" x14ac:dyDescent="0.3">
      <c r="B976" s="3"/>
    </row>
    <row r="977" spans="2:2" x14ac:dyDescent="0.3">
      <c r="B977" s="3"/>
    </row>
    <row r="978" spans="2:2" x14ac:dyDescent="0.3">
      <c r="B978" s="3"/>
    </row>
    <row r="979" spans="2:2" x14ac:dyDescent="0.3">
      <c r="B979" s="3"/>
    </row>
    <row r="980" spans="2:2" x14ac:dyDescent="0.3">
      <c r="B980" s="3"/>
    </row>
    <row r="981" spans="2:2" x14ac:dyDescent="0.3">
      <c r="B981" s="3"/>
    </row>
    <row r="982" spans="2:2" x14ac:dyDescent="0.3">
      <c r="B982" s="3"/>
    </row>
    <row r="983" spans="2:2" x14ac:dyDescent="0.3">
      <c r="B983" s="3"/>
    </row>
    <row r="984" spans="2:2" x14ac:dyDescent="0.3">
      <c r="B984" s="3"/>
    </row>
    <row r="985" spans="2:2" x14ac:dyDescent="0.3">
      <c r="B985" s="3"/>
    </row>
    <row r="986" spans="2:2" x14ac:dyDescent="0.3">
      <c r="B986" s="3"/>
    </row>
    <row r="987" spans="2:2" x14ac:dyDescent="0.3">
      <c r="B987" s="3"/>
    </row>
    <row r="988" spans="2:2" x14ac:dyDescent="0.3">
      <c r="B988" s="3"/>
    </row>
    <row r="989" spans="2:2" x14ac:dyDescent="0.3">
      <c r="B989" s="3"/>
    </row>
    <row r="990" spans="2:2" x14ac:dyDescent="0.3">
      <c r="B990" s="3"/>
    </row>
    <row r="991" spans="2:2" x14ac:dyDescent="0.3">
      <c r="B991" s="3"/>
    </row>
    <row r="992" spans="2:2" x14ac:dyDescent="0.3">
      <c r="B992" s="3"/>
    </row>
    <row r="993" spans="2:2" x14ac:dyDescent="0.3">
      <c r="B993" s="3"/>
    </row>
    <row r="994" spans="2:2" x14ac:dyDescent="0.3">
      <c r="B994" s="3"/>
    </row>
    <row r="995" spans="2:2" x14ac:dyDescent="0.3">
      <c r="B995" s="3"/>
    </row>
    <row r="996" spans="2:2" x14ac:dyDescent="0.3">
      <c r="B996" s="3"/>
    </row>
    <row r="997" spans="2:2" x14ac:dyDescent="0.3">
      <c r="B997" s="3"/>
    </row>
    <row r="998" spans="2:2" x14ac:dyDescent="0.3">
      <c r="B998" s="3"/>
    </row>
    <row r="999" spans="2:2" x14ac:dyDescent="0.3">
      <c r="B999" s="3"/>
    </row>
    <row r="1000" spans="2:2" x14ac:dyDescent="0.3">
      <c r="B1000" s="3"/>
    </row>
    <row r="1001" spans="2:2" x14ac:dyDescent="0.3">
      <c r="B1001" s="3"/>
    </row>
    <row r="1002" spans="2:2" x14ac:dyDescent="0.3">
      <c r="B1002" s="3"/>
    </row>
    <row r="1003" spans="2:2" x14ac:dyDescent="0.3">
      <c r="B1003" s="3"/>
    </row>
    <row r="1004" spans="2:2" x14ac:dyDescent="0.3">
      <c r="B1004" s="3"/>
    </row>
    <row r="1005" spans="2:2" x14ac:dyDescent="0.3">
      <c r="B1005" s="3"/>
    </row>
    <row r="1006" spans="2:2" x14ac:dyDescent="0.3">
      <c r="B1006" s="3"/>
    </row>
    <row r="1007" spans="2:2" x14ac:dyDescent="0.3">
      <c r="B1007" s="3"/>
    </row>
    <row r="1008" spans="2:2" x14ac:dyDescent="0.3">
      <c r="B1008" s="3"/>
    </row>
    <row r="1009" spans="2:2" x14ac:dyDescent="0.3">
      <c r="B1009" s="3"/>
    </row>
    <row r="1010" spans="2:2" x14ac:dyDescent="0.3">
      <c r="B1010" s="3"/>
    </row>
    <row r="1011" spans="2:2" x14ac:dyDescent="0.3">
      <c r="B1011" s="3"/>
    </row>
    <row r="1012" spans="2:2" x14ac:dyDescent="0.3">
      <c r="B1012" s="3"/>
    </row>
    <row r="1013" spans="2:2" x14ac:dyDescent="0.3">
      <c r="B1013" s="3"/>
    </row>
    <row r="1014" spans="2:2" x14ac:dyDescent="0.3">
      <c r="B1014" s="3"/>
    </row>
    <row r="1015" spans="2:2" x14ac:dyDescent="0.3">
      <c r="B1015" s="3"/>
    </row>
    <row r="1016" spans="2:2" x14ac:dyDescent="0.3">
      <c r="B1016" s="3"/>
    </row>
    <row r="1017" spans="2:2" x14ac:dyDescent="0.3">
      <c r="B1017" s="3"/>
    </row>
    <row r="1018" spans="2:2" x14ac:dyDescent="0.3">
      <c r="B1018" s="3"/>
    </row>
    <row r="1019" spans="2:2" x14ac:dyDescent="0.3">
      <c r="B1019" s="3"/>
    </row>
    <row r="1020" spans="2:2" x14ac:dyDescent="0.3">
      <c r="B1020" s="3"/>
    </row>
    <row r="1021" spans="2:2" x14ac:dyDescent="0.3">
      <c r="B1021" s="3"/>
    </row>
    <row r="1022" spans="2:2" x14ac:dyDescent="0.3">
      <c r="B1022" s="3"/>
    </row>
    <row r="1023" spans="2:2" x14ac:dyDescent="0.3">
      <c r="B1023" s="3"/>
    </row>
    <row r="1024" spans="2:2" x14ac:dyDescent="0.3">
      <c r="B1024" s="3"/>
    </row>
    <row r="1025" spans="2:2" x14ac:dyDescent="0.3">
      <c r="B1025" s="3"/>
    </row>
    <row r="1026" spans="2:2" x14ac:dyDescent="0.3">
      <c r="B1026" s="3"/>
    </row>
    <row r="1027" spans="2:2" x14ac:dyDescent="0.3">
      <c r="B1027" s="3"/>
    </row>
    <row r="1028" spans="2:2" x14ac:dyDescent="0.3">
      <c r="B1028" s="3"/>
    </row>
    <row r="1029" spans="2:2" x14ac:dyDescent="0.3">
      <c r="B1029" s="3"/>
    </row>
    <row r="1030" spans="2:2" x14ac:dyDescent="0.3">
      <c r="B1030" s="3"/>
    </row>
    <row r="1031" spans="2:2" x14ac:dyDescent="0.3">
      <c r="B1031" s="3"/>
    </row>
    <row r="1032" spans="2:2" x14ac:dyDescent="0.3">
      <c r="B1032" s="3"/>
    </row>
    <row r="1033" spans="2:2" x14ac:dyDescent="0.3">
      <c r="B1033" s="3"/>
    </row>
    <row r="1034" spans="2:2" x14ac:dyDescent="0.3">
      <c r="B1034" s="3"/>
    </row>
    <row r="1035" spans="2:2" x14ac:dyDescent="0.3">
      <c r="B1035" s="3"/>
    </row>
    <row r="1036" spans="2:2" x14ac:dyDescent="0.3">
      <c r="B1036" s="3"/>
    </row>
    <row r="1037" spans="2:2" x14ac:dyDescent="0.3">
      <c r="B1037" s="3"/>
    </row>
    <row r="1038" spans="2:2" x14ac:dyDescent="0.3">
      <c r="B1038" s="3"/>
    </row>
    <row r="1039" spans="2:2" x14ac:dyDescent="0.3">
      <c r="B1039" s="3"/>
    </row>
    <row r="1040" spans="2:2" x14ac:dyDescent="0.3">
      <c r="B1040" s="3"/>
    </row>
    <row r="1041" spans="2:2" x14ac:dyDescent="0.3">
      <c r="B1041" s="3"/>
    </row>
    <row r="1042" spans="2:2" x14ac:dyDescent="0.3">
      <c r="B1042" s="3"/>
    </row>
    <row r="1043" spans="2:2" x14ac:dyDescent="0.3">
      <c r="B1043" s="3"/>
    </row>
    <row r="1044" spans="2:2" x14ac:dyDescent="0.3">
      <c r="B1044" s="3"/>
    </row>
    <row r="1045" spans="2:2" x14ac:dyDescent="0.3">
      <c r="B1045" s="3"/>
    </row>
    <row r="1046" spans="2:2" x14ac:dyDescent="0.3">
      <c r="B1046" s="3"/>
    </row>
    <row r="1047" spans="2:2" x14ac:dyDescent="0.3">
      <c r="B1047" s="3"/>
    </row>
    <row r="1048" spans="2:2" x14ac:dyDescent="0.3">
      <c r="B1048" s="3"/>
    </row>
    <row r="1049" spans="2:2" x14ac:dyDescent="0.3">
      <c r="B1049" s="3"/>
    </row>
    <row r="1050" spans="2:2" x14ac:dyDescent="0.3">
      <c r="B1050" s="3"/>
    </row>
    <row r="1051" spans="2:2" x14ac:dyDescent="0.3">
      <c r="B1051" s="3"/>
    </row>
    <row r="1052" spans="2:2" x14ac:dyDescent="0.3">
      <c r="B1052" s="3"/>
    </row>
    <row r="1053" spans="2:2" x14ac:dyDescent="0.3">
      <c r="B1053" s="3"/>
    </row>
    <row r="1054" spans="2:2" x14ac:dyDescent="0.3">
      <c r="B1054" s="3"/>
    </row>
    <row r="1055" spans="2:2" x14ac:dyDescent="0.3">
      <c r="B1055" s="3"/>
    </row>
    <row r="1056" spans="2:2" x14ac:dyDescent="0.3">
      <c r="B1056" s="3"/>
    </row>
    <row r="1057" spans="2:2" x14ac:dyDescent="0.3">
      <c r="B1057" s="3"/>
    </row>
    <row r="1058" spans="2:2" x14ac:dyDescent="0.3">
      <c r="B1058" s="3"/>
    </row>
    <row r="1059" spans="2:2" x14ac:dyDescent="0.3">
      <c r="B1059" s="3"/>
    </row>
    <row r="1060" spans="2:2" x14ac:dyDescent="0.3">
      <c r="B1060" s="3"/>
    </row>
    <row r="1061" spans="2:2" x14ac:dyDescent="0.3">
      <c r="B1061" s="3"/>
    </row>
    <row r="1062" spans="2:2" x14ac:dyDescent="0.3">
      <c r="B1062" s="3"/>
    </row>
    <row r="1063" spans="2:2" x14ac:dyDescent="0.3">
      <c r="B1063" s="3"/>
    </row>
    <row r="1064" spans="2:2" x14ac:dyDescent="0.3">
      <c r="B1064" s="3"/>
    </row>
    <row r="1065" spans="2:2" x14ac:dyDescent="0.3">
      <c r="B1065" s="3"/>
    </row>
    <row r="1066" spans="2:2" x14ac:dyDescent="0.3">
      <c r="B1066" s="3"/>
    </row>
    <row r="1067" spans="2:2" x14ac:dyDescent="0.3">
      <c r="B1067" s="3"/>
    </row>
    <row r="1068" spans="2:2" x14ac:dyDescent="0.3">
      <c r="B1068" s="3"/>
    </row>
    <row r="1069" spans="2:2" x14ac:dyDescent="0.3">
      <c r="B1069" s="3"/>
    </row>
    <row r="1070" spans="2:2" x14ac:dyDescent="0.3">
      <c r="B1070" s="3"/>
    </row>
    <row r="1071" spans="2:2" x14ac:dyDescent="0.3">
      <c r="B1071" s="3"/>
    </row>
    <row r="1072" spans="2:2" x14ac:dyDescent="0.3">
      <c r="B1072" s="3"/>
    </row>
    <row r="1073" spans="2:2" x14ac:dyDescent="0.3">
      <c r="B1073" s="3"/>
    </row>
    <row r="1074" spans="2:2" x14ac:dyDescent="0.3">
      <c r="B1074" s="3"/>
    </row>
    <row r="1075" spans="2:2" x14ac:dyDescent="0.3">
      <c r="B1075" s="3"/>
    </row>
    <row r="1076" spans="2:2" x14ac:dyDescent="0.3">
      <c r="B1076" s="3"/>
    </row>
    <row r="1077" spans="2:2" x14ac:dyDescent="0.3">
      <c r="B1077" s="3"/>
    </row>
    <row r="1078" spans="2:2" x14ac:dyDescent="0.3">
      <c r="B1078" s="3"/>
    </row>
    <row r="1079" spans="2:2" x14ac:dyDescent="0.3">
      <c r="B1079" s="3"/>
    </row>
    <row r="1080" spans="2:2" x14ac:dyDescent="0.3">
      <c r="B1080" s="3"/>
    </row>
    <row r="1081" spans="2:2" x14ac:dyDescent="0.3">
      <c r="B1081" s="3"/>
    </row>
    <row r="1082" spans="2:2" x14ac:dyDescent="0.3">
      <c r="B1082" s="3"/>
    </row>
    <row r="1083" spans="2:2" x14ac:dyDescent="0.3">
      <c r="B1083" s="3"/>
    </row>
    <row r="1084" spans="2:2" x14ac:dyDescent="0.3">
      <c r="B1084" s="3"/>
    </row>
    <row r="1085" spans="2:2" x14ac:dyDescent="0.3">
      <c r="B1085" s="3"/>
    </row>
    <row r="1086" spans="2:2" x14ac:dyDescent="0.3">
      <c r="B1086" s="3"/>
    </row>
    <row r="1087" spans="2:2" x14ac:dyDescent="0.3">
      <c r="B1087" s="3"/>
    </row>
    <row r="1088" spans="2:2" x14ac:dyDescent="0.3">
      <c r="B1088" s="3"/>
    </row>
    <row r="1089" spans="2:2" x14ac:dyDescent="0.3">
      <c r="B1089" s="3"/>
    </row>
    <row r="1090" spans="2:2" x14ac:dyDescent="0.3">
      <c r="B1090" s="3"/>
    </row>
    <row r="1091" spans="2:2" x14ac:dyDescent="0.3">
      <c r="B1091" s="3"/>
    </row>
    <row r="1092" spans="2:2" x14ac:dyDescent="0.3">
      <c r="B1092" s="3"/>
    </row>
    <row r="1093" spans="2:2" x14ac:dyDescent="0.3">
      <c r="B1093" s="3"/>
    </row>
    <row r="1094" spans="2:2" x14ac:dyDescent="0.3">
      <c r="B1094" s="3"/>
    </row>
    <row r="1095" spans="2:2" x14ac:dyDescent="0.3">
      <c r="B1095" s="3"/>
    </row>
    <row r="1096" spans="2:2" x14ac:dyDescent="0.3">
      <c r="B1096" s="3"/>
    </row>
    <row r="1097" spans="2:2" x14ac:dyDescent="0.3">
      <c r="B1097" s="3"/>
    </row>
    <row r="1098" spans="2:2" x14ac:dyDescent="0.3">
      <c r="B1098" s="3"/>
    </row>
    <row r="1099" spans="2:2" x14ac:dyDescent="0.3">
      <c r="B1099" s="3"/>
    </row>
    <row r="1100" spans="2:2" x14ac:dyDescent="0.3">
      <c r="B1100" s="3"/>
    </row>
    <row r="1101" spans="2:2" x14ac:dyDescent="0.3">
      <c r="B1101" s="3"/>
    </row>
    <row r="1102" spans="2:2" x14ac:dyDescent="0.3">
      <c r="B1102" s="3"/>
    </row>
    <row r="1103" spans="2:2" x14ac:dyDescent="0.3">
      <c r="B1103" s="3"/>
    </row>
    <row r="1104" spans="2:2" x14ac:dyDescent="0.3">
      <c r="B1104" s="3"/>
    </row>
    <row r="1105" spans="2:2" x14ac:dyDescent="0.3">
      <c r="B1105" s="3"/>
    </row>
    <row r="1106" spans="2:2" x14ac:dyDescent="0.3">
      <c r="B1106" s="3"/>
    </row>
    <row r="1107" spans="2:2" x14ac:dyDescent="0.3">
      <c r="B1107" s="3"/>
    </row>
    <row r="1108" spans="2:2" x14ac:dyDescent="0.3">
      <c r="B1108" s="3"/>
    </row>
    <row r="1109" spans="2:2" x14ac:dyDescent="0.3">
      <c r="B1109" s="3"/>
    </row>
    <row r="1110" spans="2:2" x14ac:dyDescent="0.3">
      <c r="B1110" s="3"/>
    </row>
    <row r="1111" spans="2:2" x14ac:dyDescent="0.3">
      <c r="B1111" s="3"/>
    </row>
    <row r="1112" spans="2:2" x14ac:dyDescent="0.3">
      <c r="B1112" s="3"/>
    </row>
    <row r="1113" spans="2:2" x14ac:dyDescent="0.3">
      <c r="B1113" s="3"/>
    </row>
    <row r="1114" spans="2:2" x14ac:dyDescent="0.3">
      <c r="B1114" s="3"/>
    </row>
    <row r="1115" spans="2:2" x14ac:dyDescent="0.3">
      <c r="B1115" s="3"/>
    </row>
    <row r="1116" spans="2:2" x14ac:dyDescent="0.3">
      <c r="B1116" s="3"/>
    </row>
    <row r="1117" spans="2:2" x14ac:dyDescent="0.3">
      <c r="B1117" s="3"/>
    </row>
    <row r="1118" spans="2:2" x14ac:dyDescent="0.3">
      <c r="B1118" s="3"/>
    </row>
    <row r="1119" spans="2:2" x14ac:dyDescent="0.3">
      <c r="B1119" s="3"/>
    </row>
    <row r="1120" spans="2:2" x14ac:dyDescent="0.3">
      <c r="B1120" s="3"/>
    </row>
    <row r="1121" spans="2:2" x14ac:dyDescent="0.3">
      <c r="B1121" s="3"/>
    </row>
    <row r="1122" spans="2:2" x14ac:dyDescent="0.3">
      <c r="B1122" s="3"/>
    </row>
    <row r="1123" spans="2:2" x14ac:dyDescent="0.3">
      <c r="B1123" s="3"/>
    </row>
    <row r="1124" spans="2:2" x14ac:dyDescent="0.3">
      <c r="B1124" s="3"/>
    </row>
    <row r="1125" spans="2:2" x14ac:dyDescent="0.3">
      <c r="B1125" s="3"/>
    </row>
    <row r="1126" spans="2:2" x14ac:dyDescent="0.3">
      <c r="B1126" s="3"/>
    </row>
    <row r="1127" spans="2:2" x14ac:dyDescent="0.3">
      <c r="B1127" s="3"/>
    </row>
    <row r="1128" spans="2:2" x14ac:dyDescent="0.3">
      <c r="B1128" s="3"/>
    </row>
    <row r="1129" spans="2:2" x14ac:dyDescent="0.3">
      <c r="B1129" s="3"/>
    </row>
    <row r="1130" spans="2:2" x14ac:dyDescent="0.3">
      <c r="B1130" s="3"/>
    </row>
    <row r="1131" spans="2:2" x14ac:dyDescent="0.3">
      <c r="B1131" s="3"/>
    </row>
    <row r="1132" spans="2:2" x14ac:dyDescent="0.3">
      <c r="B1132" s="3"/>
    </row>
    <row r="1133" spans="2:2" x14ac:dyDescent="0.3">
      <c r="B1133" s="3"/>
    </row>
    <row r="1134" spans="2:2" x14ac:dyDescent="0.3">
      <c r="B1134" s="3"/>
    </row>
    <row r="1135" spans="2:2" x14ac:dyDescent="0.3">
      <c r="B1135" s="3"/>
    </row>
    <row r="1136" spans="2:2" x14ac:dyDescent="0.3">
      <c r="B1136" s="3"/>
    </row>
    <row r="1137" spans="2:2" x14ac:dyDescent="0.3">
      <c r="B1137" s="3"/>
    </row>
    <row r="1138" spans="2:2" x14ac:dyDescent="0.3">
      <c r="B1138" s="3"/>
    </row>
    <row r="1139" spans="2:2" x14ac:dyDescent="0.3">
      <c r="B1139" s="3"/>
    </row>
    <row r="1140" spans="2:2" x14ac:dyDescent="0.3">
      <c r="B1140" s="3"/>
    </row>
    <row r="1141" spans="2:2" x14ac:dyDescent="0.3">
      <c r="B1141" s="3"/>
    </row>
    <row r="1142" spans="2:2" x14ac:dyDescent="0.3">
      <c r="B1142" s="3"/>
    </row>
    <row r="1143" spans="2:2" x14ac:dyDescent="0.3">
      <c r="B1143" s="3"/>
    </row>
    <row r="1144" spans="2:2" x14ac:dyDescent="0.3">
      <c r="B1144" s="3"/>
    </row>
    <row r="1145" spans="2:2" x14ac:dyDescent="0.3">
      <c r="B1145" s="3"/>
    </row>
    <row r="1146" spans="2:2" x14ac:dyDescent="0.3">
      <c r="B1146" s="3"/>
    </row>
    <row r="1147" spans="2:2" x14ac:dyDescent="0.3">
      <c r="B1147" s="3"/>
    </row>
    <row r="1148" spans="2:2" x14ac:dyDescent="0.3">
      <c r="B1148" s="3"/>
    </row>
    <row r="1149" spans="2:2" x14ac:dyDescent="0.3">
      <c r="B1149" s="3"/>
    </row>
    <row r="1150" spans="2:2" x14ac:dyDescent="0.3">
      <c r="B1150" s="3"/>
    </row>
    <row r="1151" spans="2:2" x14ac:dyDescent="0.3">
      <c r="B1151" s="3"/>
    </row>
    <row r="1152" spans="2:2" x14ac:dyDescent="0.3">
      <c r="B1152" s="3"/>
    </row>
    <row r="1153" spans="2:2" x14ac:dyDescent="0.3">
      <c r="B1153" s="3"/>
    </row>
    <row r="1154" spans="2:2" x14ac:dyDescent="0.3">
      <c r="B1154" s="3"/>
    </row>
    <row r="1155" spans="2:2" x14ac:dyDescent="0.3">
      <c r="B1155" s="3"/>
    </row>
    <row r="1156" spans="2:2" x14ac:dyDescent="0.3">
      <c r="B1156" s="3"/>
    </row>
    <row r="1157" spans="2:2" x14ac:dyDescent="0.3">
      <c r="B1157" s="3"/>
    </row>
    <row r="1158" spans="2:2" x14ac:dyDescent="0.3">
      <c r="B1158" s="3"/>
    </row>
    <row r="1159" spans="2:2" x14ac:dyDescent="0.3">
      <c r="B1159" s="3"/>
    </row>
    <row r="1160" spans="2:2" x14ac:dyDescent="0.3">
      <c r="B1160" s="3"/>
    </row>
    <row r="1161" spans="2:2" x14ac:dyDescent="0.3">
      <c r="B1161" s="3"/>
    </row>
    <row r="1162" spans="2:2" x14ac:dyDescent="0.3">
      <c r="B1162" s="3"/>
    </row>
    <row r="1163" spans="2:2" x14ac:dyDescent="0.3">
      <c r="B1163" s="3"/>
    </row>
    <row r="1164" spans="2:2" x14ac:dyDescent="0.3">
      <c r="B1164" s="3"/>
    </row>
    <row r="1165" spans="2:2" x14ac:dyDescent="0.3">
      <c r="B1165" s="3"/>
    </row>
    <row r="1166" spans="2:2" x14ac:dyDescent="0.3">
      <c r="B1166" s="3"/>
    </row>
    <row r="1167" spans="2:2" x14ac:dyDescent="0.3">
      <c r="B1167" s="3"/>
    </row>
    <row r="1168" spans="2:2" x14ac:dyDescent="0.3">
      <c r="B1168" s="3"/>
    </row>
    <row r="1169" spans="2:2" x14ac:dyDescent="0.3">
      <c r="B1169" s="3"/>
    </row>
    <row r="1170" spans="2:2" x14ac:dyDescent="0.3">
      <c r="B1170" s="3"/>
    </row>
    <row r="1171" spans="2:2" x14ac:dyDescent="0.3">
      <c r="B1171" s="3"/>
    </row>
    <row r="1172" spans="2:2" x14ac:dyDescent="0.3">
      <c r="B1172" s="3"/>
    </row>
    <row r="1173" spans="2:2" x14ac:dyDescent="0.3">
      <c r="B1173" s="3"/>
    </row>
    <row r="1174" spans="2:2" x14ac:dyDescent="0.3">
      <c r="B1174" s="3"/>
    </row>
    <row r="1175" spans="2:2" x14ac:dyDescent="0.3">
      <c r="B1175" s="3"/>
    </row>
    <row r="1176" spans="2:2" x14ac:dyDescent="0.3">
      <c r="B1176" s="3"/>
    </row>
    <row r="1177" spans="2:2" x14ac:dyDescent="0.3">
      <c r="B1177" s="3"/>
    </row>
    <row r="1178" spans="2:2" x14ac:dyDescent="0.3">
      <c r="B1178" s="3"/>
    </row>
    <row r="1179" spans="2:2" x14ac:dyDescent="0.3">
      <c r="B1179" s="3"/>
    </row>
    <row r="1180" spans="2:2" x14ac:dyDescent="0.3">
      <c r="B1180" s="3"/>
    </row>
    <row r="1181" spans="2:2" x14ac:dyDescent="0.3">
      <c r="B1181" s="3"/>
    </row>
    <row r="1182" spans="2:2" x14ac:dyDescent="0.3">
      <c r="B1182" s="3"/>
    </row>
    <row r="1183" spans="2:2" x14ac:dyDescent="0.3">
      <c r="B1183" s="3"/>
    </row>
    <row r="1184" spans="2:2" x14ac:dyDescent="0.3">
      <c r="B1184" s="3"/>
    </row>
    <row r="1185" spans="2:2" x14ac:dyDescent="0.3">
      <c r="B1185" s="3"/>
    </row>
    <row r="1186" spans="2:2" x14ac:dyDescent="0.3">
      <c r="B1186" s="3"/>
    </row>
    <row r="1187" spans="2:2" x14ac:dyDescent="0.3">
      <c r="B1187" s="3"/>
    </row>
    <row r="1188" spans="2:2" x14ac:dyDescent="0.3">
      <c r="B1188" s="3"/>
    </row>
    <row r="1189" spans="2:2" x14ac:dyDescent="0.3">
      <c r="B1189" s="3"/>
    </row>
    <row r="1190" spans="2:2" x14ac:dyDescent="0.3">
      <c r="B1190" s="3"/>
    </row>
    <row r="1191" spans="2:2" x14ac:dyDescent="0.3">
      <c r="B1191" s="3"/>
    </row>
    <row r="1192" spans="2:2" x14ac:dyDescent="0.3">
      <c r="B1192" s="3"/>
    </row>
    <row r="1193" spans="2:2" x14ac:dyDescent="0.3">
      <c r="B1193" s="3"/>
    </row>
    <row r="1194" spans="2:2" x14ac:dyDescent="0.3">
      <c r="B1194" s="3"/>
    </row>
    <row r="1195" spans="2:2" x14ac:dyDescent="0.3">
      <c r="B1195" s="3"/>
    </row>
    <row r="1196" spans="2:2" x14ac:dyDescent="0.3">
      <c r="B1196" s="3"/>
    </row>
    <row r="1197" spans="2:2" x14ac:dyDescent="0.3">
      <c r="B1197" s="3"/>
    </row>
    <row r="1198" spans="2:2" x14ac:dyDescent="0.3">
      <c r="B1198" s="3"/>
    </row>
    <row r="1199" spans="2:2" x14ac:dyDescent="0.3">
      <c r="B1199" s="3"/>
    </row>
    <row r="1200" spans="2:2" x14ac:dyDescent="0.3">
      <c r="B1200" s="3"/>
    </row>
    <row r="1201" spans="2:2" x14ac:dyDescent="0.3">
      <c r="B1201" s="3"/>
    </row>
    <row r="1202" spans="2:2" x14ac:dyDescent="0.3">
      <c r="B1202" s="3"/>
    </row>
    <row r="1203" spans="2:2" x14ac:dyDescent="0.3">
      <c r="B1203" s="3"/>
    </row>
    <row r="1204" spans="2:2" x14ac:dyDescent="0.3">
      <c r="B1204" s="3"/>
    </row>
    <row r="1205" spans="2:2" x14ac:dyDescent="0.3">
      <c r="B1205" s="3"/>
    </row>
    <row r="1206" spans="2:2" x14ac:dyDescent="0.3">
      <c r="B1206" s="3"/>
    </row>
    <row r="1207" spans="2:2" x14ac:dyDescent="0.3">
      <c r="B1207" s="3"/>
    </row>
    <row r="1208" spans="2:2" x14ac:dyDescent="0.3">
      <c r="B1208" s="3"/>
    </row>
    <row r="1209" spans="2:2" x14ac:dyDescent="0.3">
      <c r="B1209" s="3"/>
    </row>
    <row r="1210" spans="2:2" x14ac:dyDescent="0.3">
      <c r="B1210" s="3"/>
    </row>
    <row r="1211" spans="2:2" x14ac:dyDescent="0.3">
      <c r="B1211" s="3"/>
    </row>
    <row r="1212" spans="2:2" x14ac:dyDescent="0.3">
      <c r="B1212" s="3"/>
    </row>
    <row r="1213" spans="2:2" x14ac:dyDescent="0.3">
      <c r="B1213" s="3"/>
    </row>
    <row r="1214" spans="2:2" x14ac:dyDescent="0.3">
      <c r="B1214" s="3"/>
    </row>
    <row r="1215" spans="2:2" x14ac:dyDescent="0.3">
      <c r="B1215" s="3"/>
    </row>
    <row r="1216" spans="2:2" x14ac:dyDescent="0.3">
      <c r="B1216" s="3"/>
    </row>
    <row r="1217" spans="2:2" x14ac:dyDescent="0.3">
      <c r="B1217" s="3"/>
    </row>
    <row r="1218" spans="2:2" x14ac:dyDescent="0.3">
      <c r="B1218" s="3"/>
    </row>
    <row r="1219" spans="2:2" x14ac:dyDescent="0.3">
      <c r="B1219" s="3"/>
    </row>
    <row r="1220" spans="2:2" x14ac:dyDescent="0.3">
      <c r="B1220" s="3"/>
    </row>
    <row r="1221" spans="2:2" x14ac:dyDescent="0.3">
      <c r="B1221" s="3"/>
    </row>
    <row r="1222" spans="2:2" x14ac:dyDescent="0.3">
      <c r="B1222" s="3"/>
    </row>
    <row r="1223" spans="2:2" x14ac:dyDescent="0.3">
      <c r="B1223" s="3"/>
    </row>
    <row r="1224" spans="2:2" x14ac:dyDescent="0.3">
      <c r="B1224" s="3"/>
    </row>
    <row r="1225" spans="2:2" x14ac:dyDescent="0.3">
      <c r="B1225" s="3"/>
    </row>
    <row r="1226" spans="2:2" x14ac:dyDescent="0.3">
      <c r="B1226" s="3"/>
    </row>
    <row r="1227" spans="2:2" x14ac:dyDescent="0.3">
      <c r="B1227" s="3"/>
    </row>
    <row r="1228" spans="2:2" x14ac:dyDescent="0.3">
      <c r="B1228" s="3"/>
    </row>
    <row r="1229" spans="2:2" x14ac:dyDescent="0.3">
      <c r="B1229" s="3"/>
    </row>
    <row r="1230" spans="2:2" x14ac:dyDescent="0.3">
      <c r="B1230" s="3"/>
    </row>
    <row r="1231" spans="2:2" x14ac:dyDescent="0.3">
      <c r="B1231" s="3"/>
    </row>
    <row r="1232" spans="2:2" x14ac:dyDescent="0.3">
      <c r="B1232" s="3"/>
    </row>
    <row r="1233" spans="2:2" x14ac:dyDescent="0.3">
      <c r="B1233" s="3"/>
    </row>
    <row r="1234" spans="2:2" x14ac:dyDescent="0.3">
      <c r="B1234" s="3"/>
    </row>
    <row r="1235" spans="2:2" x14ac:dyDescent="0.3">
      <c r="B1235" s="3"/>
    </row>
    <row r="1236" spans="2:2" x14ac:dyDescent="0.3">
      <c r="B1236" s="3"/>
    </row>
    <row r="1237" spans="2:2" x14ac:dyDescent="0.3">
      <c r="B1237" s="3"/>
    </row>
    <row r="1238" spans="2:2" x14ac:dyDescent="0.3">
      <c r="B1238" s="3"/>
    </row>
    <row r="1239" spans="2:2" x14ac:dyDescent="0.3">
      <c r="B1239" s="3"/>
    </row>
    <row r="1240" spans="2:2" x14ac:dyDescent="0.3">
      <c r="B1240" s="3"/>
    </row>
    <row r="1241" spans="2:2" x14ac:dyDescent="0.3">
      <c r="B1241" s="3"/>
    </row>
    <row r="1242" spans="2:2" x14ac:dyDescent="0.3">
      <c r="B1242" s="3"/>
    </row>
    <row r="1243" spans="2:2" x14ac:dyDescent="0.3">
      <c r="B1243" s="3"/>
    </row>
    <row r="1244" spans="2:2" x14ac:dyDescent="0.3">
      <c r="B1244" s="3"/>
    </row>
    <row r="1245" spans="2:2" x14ac:dyDescent="0.3">
      <c r="B1245" s="3"/>
    </row>
    <row r="1246" spans="2:2" x14ac:dyDescent="0.3">
      <c r="B1246" s="3"/>
    </row>
    <row r="1247" spans="2:2" x14ac:dyDescent="0.3">
      <c r="B1247" s="3"/>
    </row>
    <row r="1248" spans="2:2" x14ac:dyDescent="0.3">
      <c r="B1248" s="3"/>
    </row>
    <row r="1249" spans="2:2" x14ac:dyDescent="0.3">
      <c r="B1249" s="3"/>
    </row>
    <row r="1250" spans="2:2" x14ac:dyDescent="0.3">
      <c r="B1250" s="3"/>
    </row>
    <row r="1251" spans="2:2" x14ac:dyDescent="0.3">
      <c r="B1251" s="3"/>
    </row>
    <row r="1252" spans="2:2" x14ac:dyDescent="0.3">
      <c r="B1252" s="3"/>
    </row>
    <row r="1253" spans="2:2" x14ac:dyDescent="0.3">
      <c r="B1253" s="3"/>
    </row>
    <row r="1254" spans="2:2" x14ac:dyDescent="0.3">
      <c r="B1254" s="3"/>
    </row>
    <row r="1255" spans="2:2" x14ac:dyDescent="0.3">
      <c r="B1255" s="3"/>
    </row>
    <row r="1256" spans="2:2" x14ac:dyDescent="0.3">
      <c r="B1256" s="3"/>
    </row>
    <row r="1257" spans="2:2" x14ac:dyDescent="0.3">
      <c r="B1257" s="3"/>
    </row>
    <row r="1258" spans="2:2" x14ac:dyDescent="0.3">
      <c r="B1258" s="3"/>
    </row>
    <row r="1259" spans="2:2" x14ac:dyDescent="0.3">
      <c r="B1259" s="3"/>
    </row>
    <row r="1260" spans="2:2" x14ac:dyDescent="0.3">
      <c r="B1260" s="3"/>
    </row>
    <row r="1261" spans="2:2" x14ac:dyDescent="0.3">
      <c r="B1261" s="3"/>
    </row>
    <row r="1262" spans="2:2" x14ac:dyDescent="0.3">
      <c r="B1262" s="3"/>
    </row>
    <row r="1263" spans="2:2" x14ac:dyDescent="0.3">
      <c r="B1263" s="3"/>
    </row>
    <row r="1264" spans="2:2" x14ac:dyDescent="0.3">
      <c r="B1264" s="3"/>
    </row>
    <row r="1265" spans="2:2" x14ac:dyDescent="0.3">
      <c r="B1265" s="3"/>
    </row>
    <row r="1266" spans="2:2" x14ac:dyDescent="0.3">
      <c r="B1266" s="3"/>
    </row>
    <row r="1267" spans="2:2" x14ac:dyDescent="0.3">
      <c r="B1267" s="3"/>
    </row>
    <row r="1268" spans="2:2" x14ac:dyDescent="0.3">
      <c r="B1268" s="3"/>
    </row>
    <row r="1269" spans="2:2" x14ac:dyDescent="0.3">
      <c r="B1269" s="3"/>
    </row>
    <row r="1270" spans="2:2" x14ac:dyDescent="0.3">
      <c r="B1270" s="3"/>
    </row>
    <row r="1271" spans="2:2" x14ac:dyDescent="0.3">
      <c r="B1271" s="3"/>
    </row>
    <row r="1272" spans="2:2" x14ac:dyDescent="0.3">
      <c r="B1272" s="3"/>
    </row>
    <row r="1273" spans="2:2" x14ac:dyDescent="0.3">
      <c r="B1273" s="3"/>
    </row>
    <row r="1274" spans="2:2" x14ac:dyDescent="0.3">
      <c r="B1274" s="3"/>
    </row>
    <row r="1275" spans="2:2" x14ac:dyDescent="0.3">
      <c r="B1275" s="3"/>
    </row>
    <row r="1276" spans="2:2" x14ac:dyDescent="0.3">
      <c r="B1276" s="3"/>
    </row>
    <row r="1277" spans="2:2" x14ac:dyDescent="0.3">
      <c r="B1277" s="3"/>
    </row>
    <row r="1278" spans="2:2" x14ac:dyDescent="0.3">
      <c r="B1278" s="3"/>
    </row>
    <row r="1279" spans="2:2" x14ac:dyDescent="0.3">
      <c r="B1279" s="3"/>
    </row>
    <row r="1280" spans="2:2" x14ac:dyDescent="0.3">
      <c r="B1280" s="3"/>
    </row>
    <row r="1281" spans="2:2" x14ac:dyDescent="0.3">
      <c r="B1281" s="3"/>
    </row>
    <row r="1282" spans="2:2" x14ac:dyDescent="0.3">
      <c r="B1282" s="3"/>
    </row>
    <row r="1283" spans="2:2" x14ac:dyDescent="0.3">
      <c r="B1283" s="3"/>
    </row>
    <row r="1284" spans="2:2" x14ac:dyDescent="0.3">
      <c r="B1284" s="3"/>
    </row>
    <row r="1285" spans="2:2" x14ac:dyDescent="0.3">
      <c r="B1285" s="3"/>
    </row>
    <row r="1286" spans="2:2" x14ac:dyDescent="0.3">
      <c r="B1286" s="3"/>
    </row>
    <row r="1287" spans="2:2" x14ac:dyDescent="0.3">
      <c r="B1287" s="3"/>
    </row>
    <row r="1288" spans="2:2" x14ac:dyDescent="0.3">
      <c r="B1288" s="3"/>
    </row>
    <row r="1289" spans="2:2" x14ac:dyDescent="0.3">
      <c r="B1289" s="3"/>
    </row>
    <row r="1290" spans="2:2" x14ac:dyDescent="0.3">
      <c r="B1290" s="3"/>
    </row>
    <row r="1291" spans="2:2" x14ac:dyDescent="0.3">
      <c r="B1291" s="3"/>
    </row>
    <row r="1292" spans="2:2" x14ac:dyDescent="0.3">
      <c r="B1292" s="3"/>
    </row>
    <row r="1293" spans="2:2" x14ac:dyDescent="0.3">
      <c r="B1293" s="3"/>
    </row>
    <row r="1294" spans="2:2" x14ac:dyDescent="0.3">
      <c r="B1294" s="3"/>
    </row>
    <row r="1295" spans="2:2" x14ac:dyDescent="0.3">
      <c r="B1295" s="3"/>
    </row>
    <row r="1296" spans="2:2" x14ac:dyDescent="0.3">
      <c r="B1296" s="3"/>
    </row>
    <row r="1297" spans="2:2" x14ac:dyDescent="0.3">
      <c r="B1297" s="3"/>
    </row>
    <row r="1298" spans="2:2" x14ac:dyDescent="0.3">
      <c r="B1298" s="3"/>
    </row>
    <row r="1299" spans="2:2" x14ac:dyDescent="0.3">
      <c r="B1299" s="3"/>
    </row>
    <row r="1300" spans="2:2" x14ac:dyDescent="0.3">
      <c r="B1300" s="3"/>
    </row>
    <row r="1301" spans="2:2" x14ac:dyDescent="0.3">
      <c r="B1301" s="3"/>
    </row>
    <row r="1302" spans="2:2" x14ac:dyDescent="0.3">
      <c r="B1302" s="3"/>
    </row>
    <row r="1303" spans="2:2" x14ac:dyDescent="0.3">
      <c r="B1303" s="3"/>
    </row>
    <row r="1304" spans="2:2" x14ac:dyDescent="0.3">
      <c r="B1304" s="3"/>
    </row>
    <row r="1305" spans="2:2" x14ac:dyDescent="0.3">
      <c r="B1305" s="3"/>
    </row>
    <row r="1306" spans="2:2" x14ac:dyDescent="0.3">
      <c r="B1306" s="3"/>
    </row>
    <row r="1307" spans="2:2" x14ac:dyDescent="0.3">
      <c r="B1307" s="3"/>
    </row>
    <row r="1308" spans="2:2" x14ac:dyDescent="0.3">
      <c r="B1308" s="3"/>
    </row>
    <row r="1309" spans="2:2" x14ac:dyDescent="0.3">
      <c r="B1309" s="3"/>
    </row>
    <row r="1310" spans="2:2" x14ac:dyDescent="0.3">
      <c r="B1310" s="3"/>
    </row>
    <row r="1311" spans="2:2" x14ac:dyDescent="0.3">
      <c r="B1311" s="3"/>
    </row>
    <row r="1312" spans="2:2" x14ac:dyDescent="0.3">
      <c r="B1312" s="3"/>
    </row>
    <row r="1313" spans="2:2" x14ac:dyDescent="0.3">
      <c r="B1313" s="3"/>
    </row>
    <row r="1314" spans="2:2" x14ac:dyDescent="0.3">
      <c r="B1314" s="3"/>
    </row>
    <row r="1315" spans="2:2" x14ac:dyDescent="0.3">
      <c r="B1315" s="3"/>
    </row>
    <row r="1316" spans="2:2" x14ac:dyDescent="0.3">
      <c r="B1316" s="3"/>
    </row>
    <row r="1317" spans="2:2" x14ac:dyDescent="0.3">
      <c r="B1317" s="3"/>
    </row>
    <row r="1318" spans="2:2" x14ac:dyDescent="0.3">
      <c r="B1318" s="3"/>
    </row>
    <row r="1319" spans="2:2" x14ac:dyDescent="0.3">
      <c r="B1319" s="3"/>
    </row>
    <row r="1320" spans="2:2" x14ac:dyDescent="0.3">
      <c r="B1320" s="3"/>
    </row>
    <row r="1321" spans="2:2" x14ac:dyDescent="0.3">
      <c r="B1321" s="3"/>
    </row>
    <row r="1322" spans="2:2" x14ac:dyDescent="0.3">
      <c r="B1322" s="3"/>
    </row>
    <row r="1323" spans="2:2" x14ac:dyDescent="0.3">
      <c r="B1323" s="3"/>
    </row>
    <row r="1324" spans="2:2" x14ac:dyDescent="0.3">
      <c r="B1324" s="3"/>
    </row>
    <row r="1325" spans="2:2" x14ac:dyDescent="0.3">
      <c r="B1325" s="3"/>
    </row>
    <row r="1326" spans="2:2" x14ac:dyDescent="0.3">
      <c r="B1326" s="3"/>
    </row>
    <row r="1327" spans="2:2" x14ac:dyDescent="0.3">
      <c r="B1327" s="3"/>
    </row>
    <row r="1328" spans="2:2" x14ac:dyDescent="0.3">
      <c r="B1328" s="3"/>
    </row>
    <row r="1329" spans="2:2" x14ac:dyDescent="0.3">
      <c r="B1329" s="3"/>
    </row>
    <row r="1330" spans="2:2" x14ac:dyDescent="0.3">
      <c r="B1330" s="3"/>
    </row>
    <row r="1331" spans="2:2" x14ac:dyDescent="0.3">
      <c r="B1331" s="3"/>
    </row>
    <row r="1332" spans="2:2" x14ac:dyDescent="0.3">
      <c r="B1332" s="3"/>
    </row>
    <row r="1333" spans="2:2" x14ac:dyDescent="0.3">
      <c r="B1333" s="3"/>
    </row>
    <row r="1334" spans="2:2" x14ac:dyDescent="0.3">
      <c r="B1334" s="3"/>
    </row>
    <row r="1335" spans="2:2" x14ac:dyDescent="0.3">
      <c r="B1335" s="3"/>
    </row>
    <row r="1336" spans="2:2" x14ac:dyDescent="0.3">
      <c r="B1336" s="3"/>
    </row>
    <row r="1337" spans="2:2" x14ac:dyDescent="0.3">
      <c r="B1337" s="3"/>
    </row>
    <row r="1338" spans="2:2" x14ac:dyDescent="0.3">
      <c r="B1338" s="3"/>
    </row>
    <row r="1339" spans="2:2" x14ac:dyDescent="0.3">
      <c r="B1339" s="3"/>
    </row>
    <row r="1340" spans="2:2" x14ac:dyDescent="0.3">
      <c r="B1340" s="3"/>
    </row>
    <row r="1341" spans="2:2" x14ac:dyDescent="0.3">
      <c r="B1341" s="3"/>
    </row>
    <row r="1342" spans="2:2" x14ac:dyDescent="0.3">
      <c r="B1342" s="3"/>
    </row>
    <row r="1343" spans="2:2" x14ac:dyDescent="0.3">
      <c r="B1343" s="3"/>
    </row>
    <row r="1344" spans="2:2" x14ac:dyDescent="0.3">
      <c r="B1344" s="3"/>
    </row>
    <row r="1345" spans="2:2" x14ac:dyDescent="0.3">
      <c r="B1345" s="3"/>
    </row>
    <row r="1346" spans="2:2" x14ac:dyDescent="0.3">
      <c r="B1346" s="3"/>
    </row>
    <row r="1347" spans="2:2" x14ac:dyDescent="0.3">
      <c r="B1347" s="3"/>
    </row>
    <row r="1348" spans="2:2" x14ac:dyDescent="0.3">
      <c r="B1348" s="3"/>
    </row>
    <row r="1349" spans="2:2" x14ac:dyDescent="0.3">
      <c r="B1349" s="3"/>
    </row>
    <row r="1350" spans="2:2" x14ac:dyDescent="0.3">
      <c r="B1350" s="3"/>
    </row>
    <row r="1351" spans="2:2" x14ac:dyDescent="0.3">
      <c r="B1351" s="3"/>
    </row>
    <row r="1352" spans="2:2" x14ac:dyDescent="0.3">
      <c r="B1352" s="3"/>
    </row>
    <row r="1353" spans="2:2" x14ac:dyDescent="0.3">
      <c r="B1353" s="3"/>
    </row>
    <row r="1354" spans="2:2" x14ac:dyDescent="0.3">
      <c r="B1354" s="3"/>
    </row>
    <row r="1355" spans="2:2" x14ac:dyDescent="0.3">
      <c r="B1355" s="3"/>
    </row>
    <row r="1356" spans="2:2" x14ac:dyDescent="0.3">
      <c r="B1356" s="3"/>
    </row>
    <row r="1357" spans="2:2" x14ac:dyDescent="0.3">
      <c r="B1357" s="3"/>
    </row>
    <row r="1358" spans="2:2" x14ac:dyDescent="0.3">
      <c r="B1358" s="3"/>
    </row>
    <row r="1359" spans="2:2" x14ac:dyDescent="0.3">
      <c r="B1359" s="3"/>
    </row>
    <row r="1360" spans="2:2" x14ac:dyDescent="0.3">
      <c r="B1360" s="3"/>
    </row>
    <row r="1361" spans="2:2" x14ac:dyDescent="0.3">
      <c r="B1361" s="3"/>
    </row>
    <row r="1362" spans="2:2" x14ac:dyDescent="0.3">
      <c r="B1362" s="3"/>
    </row>
    <row r="1363" spans="2:2" x14ac:dyDescent="0.3">
      <c r="B1363" s="3"/>
    </row>
    <row r="1364" spans="2:2" x14ac:dyDescent="0.3">
      <c r="B1364" s="3"/>
    </row>
    <row r="1365" spans="2:2" x14ac:dyDescent="0.3">
      <c r="B1365" s="3"/>
    </row>
    <row r="1366" spans="2:2" x14ac:dyDescent="0.3">
      <c r="B1366" s="3"/>
    </row>
    <row r="1367" spans="2:2" x14ac:dyDescent="0.3">
      <c r="B1367" s="3"/>
    </row>
    <row r="1368" spans="2:2" x14ac:dyDescent="0.3">
      <c r="B1368" s="3"/>
    </row>
    <row r="1369" spans="2:2" x14ac:dyDescent="0.3">
      <c r="B1369" s="3"/>
    </row>
    <row r="1370" spans="2:2" x14ac:dyDescent="0.3">
      <c r="B1370" s="3"/>
    </row>
    <row r="1371" spans="2:2" x14ac:dyDescent="0.3">
      <c r="B1371" s="3"/>
    </row>
    <row r="1372" spans="2:2" x14ac:dyDescent="0.3">
      <c r="B1372" s="3"/>
    </row>
    <row r="1373" spans="2:2" x14ac:dyDescent="0.3">
      <c r="B1373" s="3"/>
    </row>
    <row r="1374" spans="2:2" x14ac:dyDescent="0.3">
      <c r="B1374" s="3"/>
    </row>
    <row r="1375" spans="2:2" x14ac:dyDescent="0.3">
      <c r="B1375" s="3"/>
    </row>
    <row r="1376" spans="2:2" x14ac:dyDescent="0.3">
      <c r="B1376" s="3"/>
    </row>
    <row r="1377" spans="2:2" x14ac:dyDescent="0.3">
      <c r="B1377" s="3"/>
    </row>
    <row r="1378" spans="2:2" x14ac:dyDescent="0.3">
      <c r="B1378" s="3"/>
    </row>
    <row r="1379" spans="2:2" x14ac:dyDescent="0.3">
      <c r="B1379" s="3"/>
    </row>
    <row r="1380" spans="2:2" x14ac:dyDescent="0.3">
      <c r="B1380" s="3"/>
    </row>
    <row r="1381" spans="2:2" x14ac:dyDescent="0.3">
      <c r="B1381" s="3"/>
    </row>
    <row r="1382" spans="2:2" x14ac:dyDescent="0.3">
      <c r="B1382" s="3"/>
    </row>
    <row r="1383" spans="2:2" x14ac:dyDescent="0.3">
      <c r="B1383" s="3"/>
    </row>
    <row r="1384" spans="2:2" x14ac:dyDescent="0.3">
      <c r="B1384" s="3"/>
    </row>
    <row r="1385" spans="2:2" x14ac:dyDescent="0.3">
      <c r="B1385" s="3"/>
    </row>
    <row r="1386" spans="2:2" x14ac:dyDescent="0.3">
      <c r="B1386" s="3"/>
    </row>
    <row r="1387" spans="2:2" x14ac:dyDescent="0.3">
      <c r="B1387" s="3"/>
    </row>
    <row r="1388" spans="2:2" x14ac:dyDescent="0.3">
      <c r="B1388" s="3"/>
    </row>
    <row r="1389" spans="2:2" x14ac:dyDescent="0.3">
      <c r="B1389" s="3"/>
    </row>
    <row r="1390" spans="2:2" x14ac:dyDescent="0.3">
      <c r="B1390" s="3"/>
    </row>
    <row r="1391" spans="2:2" x14ac:dyDescent="0.3">
      <c r="B1391" s="3"/>
    </row>
    <row r="1392" spans="2:2" x14ac:dyDescent="0.3">
      <c r="B1392" s="3"/>
    </row>
    <row r="1393" spans="2:2" x14ac:dyDescent="0.3">
      <c r="B1393" s="3"/>
    </row>
    <row r="1394" spans="2:2" x14ac:dyDescent="0.3">
      <c r="B1394" s="3"/>
    </row>
    <row r="1395" spans="2:2" x14ac:dyDescent="0.3">
      <c r="B1395" s="3"/>
    </row>
    <row r="1396" spans="2:2" x14ac:dyDescent="0.3">
      <c r="B1396" s="3"/>
    </row>
    <row r="1397" spans="2:2" x14ac:dyDescent="0.3">
      <c r="B1397" s="3"/>
    </row>
    <row r="1398" spans="2:2" x14ac:dyDescent="0.3">
      <c r="B1398" s="3"/>
    </row>
    <row r="1399" spans="2:2" x14ac:dyDescent="0.3">
      <c r="B1399" s="3"/>
    </row>
    <row r="1400" spans="2:2" x14ac:dyDescent="0.3">
      <c r="B1400" s="3"/>
    </row>
    <row r="1401" spans="2:2" x14ac:dyDescent="0.3">
      <c r="B1401" s="3"/>
    </row>
    <row r="1402" spans="2:2" x14ac:dyDescent="0.3">
      <c r="B1402" s="3"/>
    </row>
    <row r="1403" spans="2:2" x14ac:dyDescent="0.3">
      <c r="B1403" s="3"/>
    </row>
    <row r="1404" spans="2:2" x14ac:dyDescent="0.3">
      <c r="B1404" s="3"/>
    </row>
    <row r="1405" spans="2:2" x14ac:dyDescent="0.3">
      <c r="B1405" s="3"/>
    </row>
    <row r="1406" spans="2:2" x14ac:dyDescent="0.3">
      <c r="B1406" s="3"/>
    </row>
    <row r="1407" spans="2:2" x14ac:dyDescent="0.3">
      <c r="B1407" s="3"/>
    </row>
    <row r="1408" spans="2:2" x14ac:dyDescent="0.3">
      <c r="B1408" s="3"/>
    </row>
    <row r="1409" spans="2:2" x14ac:dyDescent="0.3">
      <c r="B1409" s="3"/>
    </row>
    <row r="1410" spans="2:2" x14ac:dyDescent="0.3">
      <c r="B1410" s="3"/>
    </row>
    <row r="1411" spans="2:2" x14ac:dyDescent="0.3">
      <c r="B1411" s="3"/>
    </row>
    <row r="1412" spans="2:2" x14ac:dyDescent="0.3">
      <c r="B1412" s="3"/>
    </row>
    <row r="1413" spans="2:2" x14ac:dyDescent="0.3">
      <c r="B1413" s="3"/>
    </row>
    <row r="1414" spans="2:2" x14ac:dyDescent="0.3">
      <c r="B1414" s="3"/>
    </row>
    <row r="1415" spans="2:2" x14ac:dyDescent="0.3">
      <c r="B1415" s="3"/>
    </row>
    <row r="1416" spans="2:2" x14ac:dyDescent="0.3">
      <c r="B1416" s="3"/>
    </row>
    <row r="1417" spans="2:2" x14ac:dyDescent="0.3">
      <c r="B1417" s="3"/>
    </row>
    <row r="1418" spans="2:2" x14ac:dyDescent="0.3">
      <c r="B1418" s="3"/>
    </row>
    <row r="1419" spans="2:2" x14ac:dyDescent="0.3">
      <c r="B1419" s="3"/>
    </row>
    <row r="1420" spans="2:2" x14ac:dyDescent="0.3">
      <c r="B1420" s="3"/>
    </row>
    <row r="1421" spans="2:2" x14ac:dyDescent="0.3">
      <c r="B1421" s="3"/>
    </row>
    <row r="1422" spans="2:2" x14ac:dyDescent="0.3">
      <c r="B1422" s="3"/>
    </row>
    <row r="1423" spans="2:2" x14ac:dyDescent="0.3">
      <c r="B1423" s="3"/>
    </row>
    <row r="1424" spans="2:2" x14ac:dyDescent="0.3">
      <c r="B1424" s="3"/>
    </row>
    <row r="1425" spans="2:2" x14ac:dyDescent="0.3">
      <c r="B1425" s="3"/>
    </row>
    <row r="1426" spans="2:2" x14ac:dyDescent="0.3">
      <c r="B1426" s="3"/>
    </row>
    <row r="1427" spans="2:2" x14ac:dyDescent="0.3">
      <c r="B1427" s="3"/>
    </row>
    <row r="1428" spans="2:2" x14ac:dyDescent="0.3">
      <c r="B1428" s="3"/>
    </row>
    <row r="1429" spans="2:2" x14ac:dyDescent="0.3">
      <c r="B1429" s="3"/>
    </row>
    <row r="1430" spans="2:2" x14ac:dyDescent="0.3">
      <c r="B1430" s="3"/>
    </row>
    <row r="1431" spans="2:2" x14ac:dyDescent="0.3">
      <c r="B1431" s="3"/>
    </row>
    <row r="1432" spans="2:2" x14ac:dyDescent="0.3">
      <c r="B1432" s="3"/>
    </row>
    <row r="1433" spans="2:2" x14ac:dyDescent="0.3">
      <c r="B1433" s="3"/>
    </row>
    <row r="1434" spans="2:2" x14ac:dyDescent="0.3">
      <c r="B1434" s="3"/>
    </row>
    <row r="1435" spans="2:2" x14ac:dyDescent="0.3">
      <c r="B1435" s="3"/>
    </row>
    <row r="1436" spans="2:2" x14ac:dyDescent="0.3">
      <c r="B1436" s="3"/>
    </row>
    <row r="1437" spans="2:2" x14ac:dyDescent="0.3">
      <c r="B1437" s="3"/>
    </row>
    <row r="1438" spans="2:2" x14ac:dyDescent="0.3">
      <c r="B1438" s="3"/>
    </row>
    <row r="1439" spans="2:2" x14ac:dyDescent="0.3">
      <c r="B1439" s="3"/>
    </row>
    <row r="1440" spans="2:2" x14ac:dyDescent="0.3">
      <c r="B1440" s="3"/>
    </row>
    <row r="1441" spans="2:2" x14ac:dyDescent="0.3">
      <c r="B1441" s="3"/>
    </row>
    <row r="1442" spans="2:2" x14ac:dyDescent="0.3">
      <c r="B1442" s="3"/>
    </row>
    <row r="1443" spans="2:2" x14ac:dyDescent="0.3">
      <c r="B1443" s="3"/>
    </row>
    <row r="1444" spans="2:2" x14ac:dyDescent="0.3">
      <c r="B1444" s="3"/>
    </row>
    <row r="1445" spans="2:2" x14ac:dyDescent="0.3">
      <c r="B1445" s="3"/>
    </row>
    <row r="1446" spans="2:2" x14ac:dyDescent="0.3">
      <c r="B1446" s="3"/>
    </row>
    <row r="1447" spans="2:2" x14ac:dyDescent="0.3">
      <c r="B1447" s="3"/>
    </row>
    <row r="1448" spans="2:2" x14ac:dyDescent="0.3">
      <c r="B1448" s="3"/>
    </row>
    <row r="1449" spans="2:2" x14ac:dyDescent="0.3">
      <c r="B1449" s="3"/>
    </row>
    <row r="1450" spans="2:2" x14ac:dyDescent="0.3">
      <c r="B1450" s="3"/>
    </row>
    <row r="1451" spans="2:2" x14ac:dyDescent="0.3">
      <c r="B1451" s="3"/>
    </row>
    <row r="1452" spans="2:2" x14ac:dyDescent="0.3">
      <c r="B1452" s="3"/>
    </row>
    <row r="1453" spans="2:2" x14ac:dyDescent="0.3">
      <c r="B1453" s="3"/>
    </row>
    <row r="1454" spans="2:2" x14ac:dyDescent="0.3">
      <c r="B1454" s="3"/>
    </row>
    <row r="1455" spans="2:2" x14ac:dyDescent="0.3">
      <c r="B1455" s="3"/>
    </row>
    <row r="1456" spans="2:2" x14ac:dyDescent="0.3">
      <c r="B1456" s="3"/>
    </row>
    <row r="1457" spans="2:2" x14ac:dyDescent="0.3">
      <c r="B1457" s="3"/>
    </row>
    <row r="1458" spans="2:2" x14ac:dyDescent="0.3">
      <c r="B1458" s="3"/>
    </row>
    <row r="1459" spans="2:2" x14ac:dyDescent="0.3">
      <c r="B1459" s="3"/>
    </row>
    <row r="1460" spans="2:2" x14ac:dyDescent="0.3">
      <c r="B1460" s="3"/>
    </row>
    <row r="1461" spans="2:2" x14ac:dyDescent="0.3">
      <c r="B1461" s="3"/>
    </row>
    <row r="1462" spans="2:2" x14ac:dyDescent="0.3">
      <c r="B1462" s="3"/>
    </row>
    <row r="1463" spans="2:2" x14ac:dyDescent="0.3">
      <c r="B1463" s="3"/>
    </row>
    <row r="1464" spans="2:2" x14ac:dyDescent="0.3">
      <c r="B1464" s="3"/>
    </row>
    <row r="1465" spans="2:2" x14ac:dyDescent="0.3">
      <c r="B1465" s="3"/>
    </row>
    <row r="1466" spans="2:2" x14ac:dyDescent="0.3">
      <c r="B1466" s="3"/>
    </row>
    <row r="1467" spans="2:2" x14ac:dyDescent="0.3">
      <c r="B1467" s="3"/>
    </row>
    <row r="1468" spans="2:2" x14ac:dyDescent="0.3">
      <c r="B1468" s="3"/>
    </row>
    <row r="1469" spans="2:2" x14ac:dyDescent="0.3">
      <c r="B1469" s="3"/>
    </row>
    <row r="1470" spans="2:2" x14ac:dyDescent="0.3">
      <c r="B1470" s="3"/>
    </row>
    <row r="1471" spans="2:2" x14ac:dyDescent="0.3">
      <c r="B1471" s="3"/>
    </row>
    <row r="1472" spans="2:2" x14ac:dyDescent="0.3">
      <c r="B1472" s="3"/>
    </row>
    <row r="1473" spans="2:2" x14ac:dyDescent="0.3">
      <c r="B1473" s="3"/>
    </row>
    <row r="1474" spans="2:2" x14ac:dyDescent="0.3">
      <c r="B1474" s="3"/>
    </row>
    <row r="1475" spans="2:2" x14ac:dyDescent="0.3">
      <c r="B1475" s="3"/>
    </row>
    <row r="1476" spans="2:2" x14ac:dyDescent="0.3">
      <c r="B1476" s="3"/>
    </row>
    <row r="1477" spans="2:2" x14ac:dyDescent="0.3">
      <c r="B1477" s="3"/>
    </row>
    <row r="1478" spans="2:2" x14ac:dyDescent="0.3">
      <c r="B1478" s="3"/>
    </row>
    <row r="1479" spans="2:2" x14ac:dyDescent="0.3">
      <c r="B1479" s="3"/>
    </row>
    <row r="1480" spans="2:2" x14ac:dyDescent="0.3">
      <c r="B1480" s="3"/>
    </row>
    <row r="1481" spans="2:2" x14ac:dyDescent="0.3">
      <c r="B1481" s="3"/>
    </row>
    <row r="1482" spans="2:2" x14ac:dyDescent="0.3">
      <c r="B1482" s="3"/>
    </row>
    <row r="1483" spans="2:2" x14ac:dyDescent="0.3">
      <c r="B1483" s="3"/>
    </row>
    <row r="1484" spans="2:2" x14ac:dyDescent="0.3">
      <c r="B1484" s="3"/>
    </row>
    <row r="1485" spans="2:2" x14ac:dyDescent="0.3">
      <c r="B1485" s="3"/>
    </row>
    <row r="1486" spans="2:2" x14ac:dyDescent="0.3">
      <c r="B1486" s="3"/>
    </row>
    <row r="1487" spans="2:2" x14ac:dyDescent="0.3">
      <c r="B1487" s="3"/>
    </row>
    <row r="1488" spans="2:2" x14ac:dyDescent="0.3">
      <c r="B1488" s="3"/>
    </row>
    <row r="1489" spans="2:2" x14ac:dyDescent="0.3">
      <c r="B1489" s="3"/>
    </row>
    <row r="1490" spans="2:2" x14ac:dyDescent="0.3">
      <c r="B1490" s="3"/>
    </row>
    <row r="1491" spans="2:2" x14ac:dyDescent="0.3">
      <c r="B1491" s="3"/>
    </row>
    <row r="1492" spans="2:2" x14ac:dyDescent="0.3">
      <c r="B1492" s="3"/>
    </row>
    <row r="1493" spans="2:2" x14ac:dyDescent="0.3">
      <c r="B1493" s="3"/>
    </row>
    <row r="1494" spans="2:2" x14ac:dyDescent="0.3">
      <c r="B1494" s="3"/>
    </row>
    <row r="1495" spans="2:2" x14ac:dyDescent="0.3">
      <c r="B1495" s="3"/>
    </row>
    <row r="1496" spans="2:2" x14ac:dyDescent="0.3">
      <c r="B1496" s="3"/>
    </row>
    <row r="1497" spans="2:2" x14ac:dyDescent="0.3">
      <c r="B1497" s="3"/>
    </row>
    <row r="1498" spans="2:2" x14ac:dyDescent="0.3">
      <c r="B1498" s="3"/>
    </row>
    <row r="1499" spans="2:2" x14ac:dyDescent="0.3">
      <c r="B1499" s="3"/>
    </row>
    <row r="1500" spans="2:2" x14ac:dyDescent="0.3">
      <c r="B1500" s="3"/>
    </row>
    <row r="1501" spans="2:2" x14ac:dyDescent="0.3">
      <c r="B1501" s="3"/>
    </row>
    <row r="1502" spans="2:2" x14ac:dyDescent="0.3">
      <c r="B1502" s="3"/>
    </row>
    <row r="1503" spans="2:2" x14ac:dyDescent="0.3">
      <c r="B1503" s="3"/>
    </row>
    <row r="1504" spans="2:2" x14ac:dyDescent="0.3">
      <c r="B1504" s="3"/>
    </row>
    <row r="1505" spans="2:2" x14ac:dyDescent="0.3">
      <c r="B1505" s="3"/>
    </row>
    <row r="1506" spans="2:2" x14ac:dyDescent="0.3">
      <c r="B1506" s="3"/>
    </row>
    <row r="1507" spans="2:2" x14ac:dyDescent="0.3">
      <c r="B1507" s="3"/>
    </row>
    <row r="1508" spans="2:2" x14ac:dyDescent="0.3">
      <c r="B1508" s="3"/>
    </row>
    <row r="1509" spans="2:2" x14ac:dyDescent="0.3">
      <c r="B1509" s="3"/>
    </row>
    <row r="1510" spans="2:2" x14ac:dyDescent="0.3">
      <c r="B1510" s="3"/>
    </row>
    <row r="1511" spans="2:2" x14ac:dyDescent="0.3">
      <c r="B1511" s="3"/>
    </row>
    <row r="1512" spans="2:2" x14ac:dyDescent="0.3">
      <c r="B1512" s="3"/>
    </row>
    <row r="1513" spans="2:2" x14ac:dyDescent="0.3">
      <c r="B1513" s="3"/>
    </row>
    <row r="1514" spans="2:2" x14ac:dyDescent="0.3">
      <c r="B1514" s="3"/>
    </row>
    <row r="1515" spans="2:2" x14ac:dyDescent="0.3">
      <c r="B1515" s="3"/>
    </row>
    <row r="1516" spans="2:2" x14ac:dyDescent="0.3">
      <c r="B1516" s="3"/>
    </row>
    <row r="1517" spans="2:2" x14ac:dyDescent="0.3">
      <c r="B1517" s="3"/>
    </row>
    <row r="1518" spans="2:2" x14ac:dyDescent="0.3">
      <c r="B1518" s="3"/>
    </row>
    <row r="1519" spans="2:2" x14ac:dyDescent="0.3">
      <c r="B1519" s="3"/>
    </row>
    <row r="1520" spans="2:2" x14ac:dyDescent="0.3">
      <c r="B1520" s="3"/>
    </row>
    <row r="1521" spans="2:2" x14ac:dyDescent="0.3">
      <c r="B1521" s="3"/>
    </row>
    <row r="1522" spans="2:2" x14ac:dyDescent="0.3">
      <c r="B1522" s="3"/>
    </row>
    <row r="1523" spans="2:2" x14ac:dyDescent="0.3">
      <c r="B1523" s="3"/>
    </row>
    <row r="1524" spans="2:2" x14ac:dyDescent="0.3">
      <c r="B1524" s="3"/>
    </row>
    <row r="1525" spans="2:2" x14ac:dyDescent="0.3">
      <c r="B1525" s="3"/>
    </row>
    <row r="1526" spans="2:2" x14ac:dyDescent="0.3">
      <c r="B1526" s="3"/>
    </row>
    <row r="1527" spans="2:2" x14ac:dyDescent="0.3">
      <c r="B1527" s="3"/>
    </row>
    <row r="1528" spans="2:2" x14ac:dyDescent="0.3">
      <c r="B1528" s="3"/>
    </row>
    <row r="1529" spans="2:2" x14ac:dyDescent="0.3">
      <c r="B1529" s="3"/>
    </row>
    <row r="1530" spans="2:2" x14ac:dyDescent="0.3">
      <c r="B1530" s="3"/>
    </row>
    <row r="1531" spans="2:2" x14ac:dyDescent="0.3">
      <c r="B1531" s="3"/>
    </row>
    <row r="1532" spans="2:2" x14ac:dyDescent="0.3">
      <c r="B1532" s="3"/>
    </row>
    <row r="1533" spans="2:2" x14ac:dyDescent="0.3">
      <c r="B1533" s="3"/>
    </row>
    <row r="1534" spans="2:2" x14ac:dyDescent="0.3">
      <c r="B1534" s="3"/>
    </row>
    <row r="1535" spans="2:2" x14ac:dyDescent="0.3">
      <c r="B1535" s="3"/>
    </row>
    <row r="1536" spans="2:2" x14ac:dyDescent="0.3">
      <c r="B1536" s="3"/>
    </row>
    <row r="1537" spans="2:2" x14ac:dyDescent="0.3">
      <c r="B1537" s="3"/>
    </row>
    <row r="1538" spans="2:2" x14ac:dyDescent="0.3">
      <c r="B1538" s="3"/>
    </row>
    <row r="1539" spans="2:2" x14ac:dyDescent="0.3">
      <c r="B1539" s="3"/>
    </row>
    <row r="1540" spans="2:2" x14ac:dyDescent="0.3">
      <c r="B1540" s="3"/>
    </row>
    <row r="1541" spans="2:2" x14ac:dyDescent="0.3">
      <c r="B1541" s="3"/>
    </row>
    <row r="1542" spans="2:2" x14ac:dyDescent="0.3">
      <c r="B1542" s="3"/>
    </row>
    <row r="1543" spans="2:2" x14ac:dyDescent="0.3">
      <c r="B1543" s="3"/>
    </row>
    <row r="1544" spans="2:2" x14ac:dyDescent="0.3">
      <c r="B1544" s="3"/>
    </row>
    <row r="1545" spans="2:2" x14ac:dyDescent="0.3">
      <c r="B1545" s="3"/>
    </row>
    <row r="1546" spans="2:2" x14ac:dyDescent="0.3">
      <c r="B1546" s="3"/>
    </row>
    <row r="1547" spans="2:2" x14ac:dyDescent="0.3">
      <c r="B1547" s="3"/>
    </row>
    <row r="1548" spans="2:2" x14ac:dyDescent="0.3">
      <c r="B1548" s="3"/>
    </row>
    <row r="1549" spans="2:2" x14ac:dyDescent="0.3">
      <c r="B1549" s="3"/>
    </row>
    <row r="1550" spans="2:2" x14ac:dyDescent="0.3">
      <c r="B1550" s="3"/>
    </row>
    <row r="1551" spans="2:2" x14ac:dyDescent="0.3">
      <c r="B1551" s="3"/>
    </row>
    <row r="1552" spans="2:2" x14ac:dyDescent="0.3">
      <c r="B1552" s="3"/>
    </row>
    <row r="1553" spans="2:2" x14ac:dyDescent="0.3">
      <c r="B1553" s="3"/>
    </row>
    <row r="1554" spans="2:2" x14ac:dyDescent="0.3">
      <c r="B1554" s="3"/>
    </row>
    <row r="1555" spans="2:2" x14ac:dyDescent="0.3">
      <c r="B1555" s="3"/>
    </row>
    <row r="1556" spans="2:2" x14ac:dyDescent="0.3">
      <c r="B1556" s="3"/>
    </row>
    <row r="1557" spans="2:2" x14ac:dyDescent="0.3">
      <c r="B1557" s="3"/>
    </row>
    <row r="1558" spans="2:2" x14ac:dyDescent="0.3">
      <c r="B1558" s="3"/>
    </row>
    <row r="1559" spans="2:2" x14ac:dyDescent="0.3">
      <c r="B1559" s="3"/>
    </row>
    <row r="1560" spans="2:2" x14ac:dyDescent="0.3">
      <c r="B1560" s="3"/>
    </row>
    <row r="1561" spans="2:2" x14ac:dyDescent="0.3">
      <c r="B1561" s="3"/>
    </row>
    <row r="1562" spans="2:2" x14ac:dyDescent="0.3">
      <c r="B1562" s="3"/>
    </row>
    <row r="1563" spans="2:2" x14ac:dyDescent="0.3">
      <c r="B1563" s="3"/>
    </row>
    <row r="1564" spans="2:2" x14ac:dyDescent="0.3">
      <c r="B1564" s="3"/>
    </row>
    <row r="1565" spans="2:2" x14ac:dyDescent="0.3">
      <c r="B1565" s="3"/>
    </row>
    <row r="1566" spans="2:2" x14ac:dyDescent="0.3">
      <c r="B1566" s="3"/>
    </row>
    <row r="1567" spans="2:2" x14ac:dyDescent="0.3">
      <c r="B1567" s="3"/>
    </row>
    <row r="1568" spans="2:2" x14ac:dyDescent="0.3">
      <c r="B1568" s="3"/>
    </row>
    <row r="1569" spans="2:2" x14ac:dyDescent="0.3">
      <c r="B1569" s="3"/>
    </row>
    <row r="1570" spans="2:2" x14ac:dyDescent="0.3">
      <c r="B1570" s="3"/>
    </row>
    <row r="1571" spans="2:2" x14ac:dyDescent="0.3">
      <c r="B1571" s="3"/>
    </row>
    <row r="1572" spans="2:2" x14ac:dyDescent="0.3">
      <c r="B1572" s="3"/>
    </row>
    <row r="1573" spans="2:2" x14ac:dyDescent="0.3">
      <c r="B1573" s="3"/>
    </row>
    <row r="1574" spans="2:2" x14ac:dyDescent="0.3">
      <c r="B1574" s="3"/>
    </row>
    <row r="1575" spans="2:2" x14ac:dyDescent="0.3">
      <c r="B1575" s="3"/>
    </row>
    <row r="1576" spans="2:2" x14ac:dyDescent="0.3">
      <c r="B1576" s="3"/>
    </row>
    <row r="1577" spans="2:2" x14ac:dyDescent="0.3">
      <c r="B1577" s="3"/>
    </row>
    <row r="1578" spans="2:2" x14ac:dyDescent="0.3">
      <c r="B1578" s="3"/>
    </row>
    <row r="1579" spans="2:2" x14ac:dyDescent="0.3">
      <c r="B1579" s="3"/>
    </row>
    <row r="1580" spans="2:2" x14ac:dyDescent="0.3">
      <c r="B1580" s="3"/>
    </row>
    <row r="1581" spans="2:2" x14ac:dyDescent="0.3">
      <c r="B1581" s="3"/>
    </row>
    <row r="1582" spans="2:2" x14ac:dyDescent="0.3">
      <c r="B1582" s="3"/>
    </row>
    <row r="1583" spans="2:2" x14ac:dyDescent="0.3">
      <c r="B1583" s="3"/>
    </row>
    <row r="1584" spans="2:2" x14ac:dyDescent="0.3">
      <c r="B1584" s="3"/>
    </row>
    <row r="1585" spans="2:2" x14ac:dyDescent="0.3">
      <c r="B1585" s="3"/>
    </row>
    <row r="1586" spans="2:2" x14ac:dyDescent="0.3">
      <c r="B1586" s="3"/>
    </row>
    <row r="1587" spans="2:2" x14ac:dyDescent="0.3">
      <c r="B1587" s="3"/>
    </row>
    <row r="1588" spans="2:2" x14ac:dyDescent="0.3">
      <c r="B1588" s="3"/>
    </row>
    <row r="1589" spans="2:2" x14ac:dyDescent="0.3">
      <c r="B1589" s="3"/>
    </row>
    <row r="1590" spans="2:2" x14ac:dyDescent="0.3">
      <c r="B1590" s="3"/>
    </row>
    <row r="1591" spans="2:2" x14ac:dyDescent="0.3">
      <c r="B1591" s="3"/>
    </row>
    <row r="1592" spans="2:2" x14ac:dyDescent="0.3">
      <c r="B1592" s="3"/>
    </row>
    <row r="1593" spans="2:2" x14ac:dyDescent="0.3">
      <c r="B1593" s="3"/>
    </row>
    <row r="1594" spans="2:2" x14ac:dyDescent="0.3">
      <c r="B1594" s="3"/>
    </row>
    <row r="1595" spans="2:2" x14ac:dyDescent="0.3">
      <c r="B1595" s="3"/>
    </row>
    <row r="1596" spans="2:2" x14ac:dyDescent="0.3">
      <c r="B1596" s="3"/>
    </row>
    <row r="1597" spans="2:2" x14ac:dyDescent="0.3">
      <c r="B1597" s="3"/>
    </row>
    <row r="1598" spans="2:2" x14ac:dyDescent="0.3">
      <c r="B1598" s="3"/>
    </row>
    <row r="1599" spans="2:2" x14ac:dyDescent="0.3">
      <c r="B1599" s="3"/>
    </row>
    <row r="1600" spans="2:2" x14ac:dyDescent="0.3">
      <c r="B1600" s="3"/>
    </row>
    <row r="1601" spans="2:2" x14ac:dyDescent="0.3">
      <c r="B1601" s="3"/>
    </row>
    <row r="1602" spans="2:2" x14ac:dyDescent="0.3">
      <c r="B1602" s="3"/>
    </row>
    <row r="1603" spans="2:2" x14ac:dyDescent="0.3">
      <c r="B1603" s="3"/>
    </row>
    <row r="1604" spans="2:2" x14ac:dyDescent="0.3">
      <c r="B1604" s="3"/>
    </row>
    <row r="1605" spans="2:2" x14ac:dyDescent="0.3">
      <c r="B1605" s="3"/>
    </row>
    <row r="1606" spans="2:2" x14ac:dyDescent="0.3">
      <c r="B1606" s="3"/>
    </row>
    <row r="1607" spans="2:2" x14ac:dyDescent="0.3">
      <c r="B1607" s="3"/>
    </row>
    <row r="1608" spans="2:2" x14ac:dyDescent="0.3">
      <c r="B1608" s="3"/>
    </row>
    <row r="1609" spans="2:2" x14ac:dyDescent="0.3">
      <c r="B1609" s="3"/>
    </row>
    <row r="1610" spans="2:2" x14ac:dyDescent="0.3">
      <c r="B1610" s="3"/>
    </row>
    <row r="1611" spans="2:2" x14ac:dyDescent="0.3">
      <c r="B1611" s="3"/>
    </row>
    <row r="1612" spans="2:2" x14ac:dyDescent="0.3">
      <c r="B1612" s="3"/>
    </row>
    <row r="1613" spans="2:2" x14ac:dyDescent="0.3">
      <c r="B1613" s="3"/>
    </row>
    <row r="1614" spans="2:2" x14ac:dyDescent="0.3">
      <c r="B1614" s="3"/>
    </row>
    <row r="1615" spans="2:2" x14ac:dyDescent="0.3">
      <c r="B1615" s="3"/>
    </row>
    <row r="1616" spans="2:2" x14ac:dyDescent="0.3">
      <c r="B1616" s="3"/>
    </row>
    <row r="1617" spans="2:2" x14ac:dyDescent="0.3">
      <c r="B1617" s="3"/>
    </row>
    <row r="1618" spans="2:2" x14ac:dyDescent="0.3">
      <c r="B1618" s="3"/>
    </row>
    <row r="1619" spans="2:2" x14ac:dyDescent="0.3">
      <c r="B1619" s="3"/>
    </row>
    <row r="1620" spans="2:2" x14ac:dyDescent="0.3">
      <c r="B1620" s="3"/>
    </row>
    <row r="1621" spans="2:2" x14ac:dyDescent="0.3">
      <c r="B1621" s="3"/>
    </row>
    <row r="1622" spans="2:2" x14ac:dyDescent="0.3">
      <c r="B1622" s="3"/>
    </row>
    <row r="1623" spans="2:2" x14ac:dyDescent="0.3">
      <c r="B1623" s="3"/>
    </row>
    <row r="1624" spans="2:2" x14ac:dyDescent="0.3">
      <c r="B1624" s="3"/>
    </row>
    <row r="1625" spans="2:2" x14ac:dyDescent="0.3">
      <c r="B1625" s="3"/>
    </row>
    <row r="1626" spans="2:2" x14ac:dyDescent="0.3">
      <c r="B1626" s="3"/>
    </row>
    <row r="1627" spans="2:2" x14ac:dyDescent="0.3">
      <c r="B1627" s="3"/>
    </row>
    <row r="1628" spans="2:2" x14ac:dyDescent="0.3">
      <c r="B1628" s="3"/>
    </row>
    <row r="1629" spans="2:2" x14ac:dyDescent="0.3">
      <c r="B1629" s="3"/>
    </row>
    <row r="1630" spans="2:2" x14ac:dyDescent="0.3">
      <c r="B1630" s="3"/>
    </row>
    <row r="1631" spans="2:2" x14ac:dyDescent="0.3">
      <c r="B1631" s="3"/>
    </row>
    <row r="1632" spans="2:2" x14ac:dyDescent="0.3">
      <c r="B1632" s="3"/>
    </row>
    <row r="1633" spans="2:2" x14ac:dyDescent="0.3">
      <c r="B1633" s="3"/>
    </row>
    <row r="1634" spans="2:2" x14ac:dyDescent="0.3">
      <c r="B1634" s="3"/>
    </row>
    <row r="1635" spans="2:2" x14ac:dyDescent="0.3">
      <c r="B1635" s="3"/>
    </row>
    <row r="1636" spans="2:2" x14ac:dyDescent="0.3">
      <c r="B1636" s="3"/>
    </row>
    <row r="1637" spans="2:2" x14ac:dyDescent="0.3">
      <c r="B1637" s="3"/>
    </row>
    <row r="1638" spans="2:2" x14ac:dyDescent="0.3">
      <c r="B1638" s="3"/>
    </row>
    <row r="1639" spans="2:2" x14ac:dyDescent="0.3">
      <c r="B1639" s="3"/>
    </row>
    <row r="1640" spans="2:2" x14ac:dyDescent="0.3">
      <c r="B1640" s="3"/>
    </row>
    <row r="1641" spans="2:2" x14ac:dyDescent="0.3">
      <c r="B1641" s="3"/>
    </row>
    <row r="1642" spans="2:2" x14ac:dyDescent="0.3">
      <c r="B1642" s="3"/>
    </row>
    <row r="1643" spans="2:2" x14ac:dyDescent="0.3">
      <c r="B1643" s="3"/>
    </row>
    <row r="1644" spans="2:2" x14ac:dyDescent="0.3">
      <c r="B1644" s="3"/>
    </row>
    <row r="1645" spans="2:2" x14ac:dyDescent="0.3">
      <c r="B1645" s="3"/>
    </row>
    <row r="1646" spans="2:2" x14ac:dyDescent="0.3">
      <c r="B1646" s="3"/>
    </row>
    <row r="1647" spans="2:2" x14ac:dyDescent="0.3">
      <c r="B1647" s="3"/>
    </row>
    <row r="1648" spans="2:2" x14ac:dyDescent="0.3">
      <c r="B1648" s="3"/>
    </row>
    <row r="1649" spans="2:2" x14ac:dyDescent="0.3">
      <c r="B1649" s="3"/>
    </row>
    <row r="1650" spans="2:2" x14ac:dyDescent="0.3">
      <c r="B1650" s="3"/>
    </row>
    <row r="1651" spans="2:2" x14ac:dyDescent="0.3">
      <c r="B1651" s="3"/>
    </row>
    <row r="1652" spans="2:2" x14ac:dyDescent="0.3">
      <c r="B1652" s="3"/>
    </row>
    <row r="1653" spans="2:2" x14ac:dyDescent="0.3">
      <c r="B1653" s="3"/>
    </row>
    <row r="1654" spans="2:2" x14ac:dyDescent="0.3">
      <c r="B1654" s="3"/>
    </row>
    <row r="1655" spans="2:2" x14ac:dyDescent="0.3">
      <c r="B1655" s="3"/>
    </row>
    <row r="1656" spans="2:2" x14ac:dyDescent="0.3">
      <c r="B1656" s="3"/>
    </row>
    <row r="1657" spans="2:2" x14ac:dyDescent="0.3">
      <c r="B1657" s="3"/>
    </row>
    <row r="1658" spans="2:2" x14ac:dyDescent="0.3">
      <c r="B1658" s="3"/>
    </row>
    <row r="1659" spans="2:2" x14ac:dyDescent="0.3">
      <c r="B1659" s="3"/>
    </row>
    <row r="1660" spans="2:2" x14ac:dyDescent="0.3">
      <c r="B1660" s="3"/>
    </row>
    <row r="1661" spans="2:2" x14ac:dyDescent="0.3">
      <c r="B1661" s="3"/>
    </row>
    <row r="1662" spans="2:2" x14ac:dyDescent="0.3">
      <c r="B1662" s="3"/>
    </row>
    <row r="1663" spans="2:2" x14ac:dyDescent="0.3">
      <c r="B1663" s="3"/>
    </row>
    <row r="1664" spans="2:2" x14ac:dyDescent="0.3">
      <c r="B1664" s="3"/>
    </row>
    <row r="1665" spans="2:2" x14ac:dyDescent="0.3">
      <c r="B1665" s="3"/>
    </row>
    <row r="1666" spans="2:2" x14ac:dyDescent="0.3">
      <c r="B1666" s="3"/>
    </row>
    <row r="1667" spans="2:2" x14ac:dyDescent="0.3">
      <c r="B1667" s="3"/>
    </row>
    <row r="1668" spans="2:2" x14ac:dyDescent="0.3">
      <c r="B1668" s="3"/>
    </row>
    <row r="1669" spans="2:2" x14ac:dyDescent="0.3">
      <c r="B1669" s="3"/>
    </row>
    <row r="1670" spans="2:2" x14ac:dyDescent="0.3">
      <c r="B1670" s="3"/>
    </row>
    <row r="1671" spans="2:2" x14ac:dyDescent="0.3">
      <c r="B1671" s="3"/>
    </row>
    <row r="1672" spans="2:2" x14ac:dyDescent="0.3">
      <c r="B1672" s="3"/>
    </row>
    <row r="1673" spans="2:2" x14ac:dyDescent="0.3">
      <c r="B1673" s="3"/>
    </row>
    <row r="1674" spans="2:2" x14ac:dyDescent="0.3">
      <c r="B1674" s="3"/>
    </row>
    <row r="1675" spans="2:2" x14ac:dyDescent="0.3">
      <c r="B1675" s="3"/>
    </row>
    <row r="1676" spans="2:2" x14ac:dyDescent="0.3">
      <c r="B1676" s="3"/>
    </row>
    <row r="1677" spans="2:2" x14ac:dyDescent="0.3">
      <c r="B1677" s="3"/>
    </row>
    <row r="1678" spans="2:2" x14ac:dyDescent="0.3">
      <c r="B1678" s="3"/>
    </row>
    <row r="1679" spans="2:2" x14ac:dyDescent="0.3">
      <c r="B1679" s="3"/>
    </row>
    <row r="1680" spans="2:2" x14ac:dyDescent="0.3">
      <c r="B1680" s="3"/>
    </row>
    <row r="1681" spans="2:2" x14ac:dyDescent="0.3">
      <c r="B1681" s="3"/>
    </row>
    <row r="1682" spans="2:2" x14ac:dyDescent="0.3">
      <c r="B1682" s="3"/>
    </row>
    <row r="1683" spans="2:2" x14ac:dyDescent="0.3">
      <c r="B1683" s="3"/>
    </row>
    <row r="1684" spans="2:2" x14ac:dyDescent="0.3">
      <c r="B1684" s="3"/>
    </row>
    <row r="1685" spans="2:2" x14ac:dyDescent="0.3">
      <c r="B1685" s="3"/>
    </row>
    <row r="1686" spans="2:2" x14ac:dyDescent="0.3">
      <c r="B1686" s="3"/>
    </row>
    <row r="1687" spans="2:2" x14ac:dyDescent="0.3">
      <c r="B1687" s="3"/>
    </row>
    <row r="1688" spans="2:2" x14ac:dyDescent="0.3">
      <c r="B1688" s="3"/>
    </row>
    <row r="1689" spans="2:2" x14ac:dyDescent="0.3">
      <c r="B1689" s="3"/>
    </row>
    <row r="1690" spans="2:2" x14ac:dyDescent="0.3">
      <c r="B1690" s="3"/>
    </row>
    <row r="1691" spans="2:2" x14ac:dyDescent="0.3">
      <c r="B1691" s="3"/>
    </row>
    <row r="1692" spans="2:2" x14ac:dyDescent="0.3">
      <c r="B1692" s="3"/>
    </row>
    <row r="1693" spans="2:2" x14ac:dyDescent="0.3">
      <c r="B1693" s="3"/>
    </row>
    <row r="1694" spans="2:2" x14ac:dyDescent="0.3">
      <c r="B1694" s="3"/>
    </row>
    <row r="1695" spans="2:2" x14ac:dyDescent="0.3">
      <c r="B1695" s="3"/>
    </row>
    <row r="1696" spans="2:2" x14ac:dyDescent="0.3">
      <c r="B1696" s="3"/>
    </row>
    <row r="1697" spans="2:2" x14ac:dyDescent="0.3">
      <c r="B1697" s="3"/>
    </row>
    <row r="1698" spans="2:2" x14ac:dyDescent="0.3">
      <c r="B1698" s="3"/>
    </row>
    <row r="1699" spans="2:2" x14ac:dyDescent="0.3">
      <c r="B1699" s="3"/>
    </row>
    <row r="1700" spans="2:2" x14ac:dyDescent="0.3">
      <c r="B1700" s="3"/>
    </row>
    <row r="1701" spans="2:2" x14ac:dyDescent="0.3">
      <c r="B1701" s="3"/>
    </row>
    <row r="1702" spans="2:2" x14ac:dyDescent="0.3">
      <c r="B1702" s="3"/>
    </row>
    <row r="1703" spans="2:2" x14ac:dyDescent="0.3">
      <c r="B1703" s="3"/>
    </row>
    <row r="1704" spans="2:2" x14ac:dyDescent="0.3">
      <c r="B1704" s="3"/>
    </row>
    <row r="1705" spans="2:2" x14ac:dyDescent="0.3">
      <c r="B1705" s="3"/>
    </row>
    <row r="1706" spans="2:2" x14ac:dyDescent="0.3">
      <c r="B1706" s="3"/>
    </row>
    <row r="1707" spans="2:2" x14ac:dyDescent="0.3">
      <c r="B1707" s="3"/>
    </row>
    <row r="1708" spans="2:2" x14ac:dyDescent="0.3">
      <c r="B1708" s="3"/>
    </row>
    <row r="1709" spans="2:2" x14ac:dyDescent="0.3">
      <c r="B1709" s="3"/>
    </row>
    <row r="1710" spans="2:2" x14ac:dyDescent="0.3">
      <c r="B1710" s="3"/>
    </row>
    <row r="1711" spans="2:2" x14ac:dyDescent="0.3">
      <c r="B1711" s="3"/>
    </row>
    <row r="1712" spans="2:2" x14ac:dyDescent="0.3">
      <c r="B1712" s="3"/>
    </row>
    <row r="1713" spans="2:2" x14ac:dyDescent="0.3">
      <c r="B1713" s="3"/>
    </row>
    <row r="1714" spans="2:2" x14ac:dyDescent="0.3">
      <c r="B1714" s="3"/>
    </row>
    <row r="1715" spans="2:2" x14ac:dyDescent="0.3">
      <c r="B1715" s="3"/>
    </row>
    <row r="1716" spans="2:2" x14ac:dyDescent="0.3">
      <c r="B1716" s="3"/>
    </row>
    <row r="1717" spans="2:2" x14ac:dyDescent="0.3">
      <c r="B1717" s="3"/>
    </row>
    <row r="1718" spans="2:2" x14ac:dyDescent="0.3">
      <c r="B1718" s="3"/>
    </row>
    <row r="1719" spans="2:2" x14ac:dyDescent="0.3">
      <c r="B1719" s="3"/>
    </row>
    <row r="1720" spans="2:2" x14ac:dyDescent="0.3">
      <c r="B1720" s="3"/>
    </row>
    <row r="1721" spans="2:2" x14ac:dyDescent="0.3">
      <c r="B1721" s="3"/>
    </row>
    <row r="1722" spans="2:2" x14ac:dyDescent="0.3">
      <c r="B1722" s="3"/>
    </row>
    <row r="1723" spans="2:2" x14ac:dyDescent="0.3">
      <c r="B1723" s="3"/>
    </row>
    <row r="1724" spans="2:2" x14ac:dyDescent="0.3">
      <c r="B1724" s="3"/>
    </row>
    <row r="1725" spans="2:2" x14ac:dyDescent="0.3">
      <c r="B1725" s="3"/>
    </row>
    <row r="1726" spans="2:2" x14ac:dyDescent="0.3">
      <c r="B1726" s="3"/>
    </row>
    <row r="1727" spans="2:2" x14ac:dyDescent="0.3">
      <c r="B1727" s="3"/>
    </row>
    <row r="1728" spans="2:2" x14ac:dyDescent="0.3">
      <c r="B1728" s="3"/>
    </row>
    <row r="1729" spans="2:2" x14ac:dyDescent="0.3">
      <c r="B1729" s="3"/>
    </row>
    <row r="1730" spans="2:2" x14ac:dyDescent="0.3">
      <c r="B1730" s="3"/>
    </row>
    <row r="1731" spans="2:2" x14ac:dyDescent="0.3">
      <c r="B1731" s="3"/>
    </row>
    <row r="1732" spans="2:2" x14ac:dyDescent="0.3">
      <c r="B1732" s="3"/>
    </row>
    <row r="1733" spans="2:2" x14ac:dyDescent="0.3">
      <c r="B1733" s="3"/>
    </row>
    <row r="1734" spans="2:2" x14ac:dyDescent="0.3">
      <c r="B1734" s="3"/>
    </row>
    <row r="1735" spans="2:2" x14ac:dyDescent="0.3">
      <c r="B1735" s="3"/>
    </row>
    <row r="1736" spans="2:2" x14ac:dyDescent="0.3">
      <c r="B1736" s="3"/>
    </row>
    <row r="1737" spans="2:2" x14ac:dyDescent="0.3">
      <c r="B1737" s="3"/>
    </row>
    <row r="1738" spans="2:2" x14ac:dyDescent="0.3">
      <c r="B1738" s="3"/>
    </row>
    <row r="1739" spans="2:2" x14ac:dyDescent="0.3">
      <c r="B1739" s="3"/>
    </row>
    <row r="1740" spans="2:2" x14ac:dyDescent="0.3">
      <c r="B1740" s="3"/>
    </row>
    <row r="1741" spans="2:2" x14ac:dyDescent="0.3">
      <c r="B1741" s="3"/>
    </row>
    <row r="1742" spans="2:2" x14ac:dyDescent="0.3">
      <c r="B1742" s="3"/>
    </row>
    <row r="1743" spans="2:2" x14ac:dyDescent="0.3">
      <c r="B1743" s="3"/>
    </row>
    <row r="1744" spans="2:2" x14ac:dyDescent="0.3">
      <c r="B1744" s="3"/>
    </row>
    <row r="1745" spans="2:2" x14ac:dyDescent="0.3">
      <c r="B1745" s="3"/>
    </row>
    <row r="1746" spans="2:2" x14ac:dyDescent="0.3">
      <c r="B1746" s="3"/>
    </row>
    <row r="1747" spans="2:2" x14ac:dyDescent="0.3">
      <c r="B1747" s="3"/>
    </row>
    <row r="1748" spans="2:2" x14ac:dyDescent="0.3">
      <c r="B1748" s="3"/>
    </row>
    <row r="1749" spans="2:2" x14ac:dyDescent="0.3">
      <c r="B1749" s="3"/>
    </row>
    <row r="1750" spans="2:2" x14ac:dyDescent="0.3">
      <c r="B1750" s="3"/>
    </row>
    <row r="1751" spans="2:2" x14ac:dyDescent="0.3">
      <c r="B1751" s="3"/>
    </row>
    <row r="1752" spans="2:2" x14ac:dyDescent="0.3">
      <c r="B1752" s="3"/>
    </row>
    <row r="1753" spans="2:2" x14ac:dyDescent="0.3">
      <c r="B1753" s="3"/>
    </row>
    <row r="1754" spans="2:2" x14ac:dyDescent="0.3">
      <c r="B1754" s="3"/>
    </row>
    <row r="1755" spans="2:2" x14ac:dyDescent="0.3">
      <c r="B1755" s="3"/>
    </row>
    <row r="1756" spans="2:2" x14ac:dyDescent="0.3">
      <c r="B1756" s="3"/>
    </row>
    <row r="1757" spans="2:2" x14ac:dyDescent="0.3">
      <c r="B1757" s="3"/>
    </row>
    <row r="1758" spans="2:2" x14ac:dyDescent="0.3">
      <c r="B1758" s="3"/>
    </row>
    <row r="1759" spans="2:2" x14ac:dyDescent="0.3">
      <c r="B1759" s="3"/>
    </row>
    <row r="1760" spans="2:2" x14ac:dyDescent="0.3">
      <c r="B1760" s="3"/>
    </row>
    <row r="1761" spans="2:2" x14ac:dyDescent="0.3">
      <c r="B1761" s="3"/>
    </row>
    <row r="1762" spans="2:2" x14ac:dyDescent="0.3">
      <c r="B1762" s="3"/>
    </row>
    <row r="1763" spans="2:2" x14ac:dyDescent="0.3">
      <c r="B1763" s="3"/>
    </row>
    <row r="1764" spans="2:2" x14ac:dyDescent="0.3">
      <c r="B1764" s="3"/>
    </row>
    <row r="1765" spans="2:2" x14ac:dyDescent="0.3">
      <c r="B1765" s="3"/>
    </row>
    <row r="1766" spans="2:2" x14ac:dyDescent="0.3">
      <c r="B1766" s="3"/>
    </row>
    <row r="1767" spans="2:2" x14ac:dyDescent="0.3">
      <c r="B1767" s="3"/>
    </row>
    <row r="1768" spans="2:2" x14ac:dyDescent="0.3">
      <c r="B1768" s="3"/>
    </row>
    <row r="1769" spans="2:2" x14ac:dyDescent="0.3">
      <c r="B1769" s="3"/>
    </row>
    <row r="1770" spans="2:2" x14ac:dyDescent="0.3">
      <c r="B1770" s="3"/>
    </row>
    <row r="1771" spans="2:2" x14ac:dyDescent="0.3">
      <c r="B1771" s="3"/>
    </row>
    <row r="1772" spans="2:2" x14ac:dyDescent="0.3">
      <c r="B1772" s="3"/>
    </row>
    <row r="1773" spans="2:2" x14ac:dyDescent="0.3">
      <c r="B1773" s="3"/>
    </row>
    <row r="1774" spans="2:2" x14ac:dyDescent="0.3">
      <c r="B1774" s="3"/>
    </row>
    <row r="1775" spans="2:2" x14ac:dyDescent="0.3">
      <c r="B1775" s="3"/>
    </row>
    <row r="1776" spans="2:2" x14ac:dyDescent="0.3">
      <c r="B1776" s="3"/>
    </row>
    <row r="1777" spans="2:2" x14ac:dyDescent="0.3">
      <c r="B1777" s="3"/>
    </row>
    <row r="1778" spans="2:2" x14ac:dyDescent="0.3">
      <c r="B1778" s="3"/>
    </row>
    <row r="1779" spans="2:2" x14ac:dyDescent="0.3">
      <c r="B1779" s="3"/>
    </row>
    <row r="1780" spans="2:2" x14ac:dyDescent="0.3">
      <c r="B1780" s="3"/>
    </row>
    <row r="1781" spans="2:2" x14ac:dyDescent="0.3">
      <c r="B1781" s="3"/>
    </row>
    <row r="1782" spans="2:2" x14ac:dyDescent="0.3">
      <c r="B1782" s="3"/>
    </row>
    <row r="1783" spans="2:2" x14ac:dyDescent="0.3">
      <c r="B1783" s="3"/>
    </row>
    <row r="1784" spans="2:2" x14ac:dyDescent="0.3">
      <c r="B1784" s="3"/>
    </row>
    <row r="1785" spans="2:2" x14ac:dyDescent="0.3">
      <c r="B1785" s="3"/>
    </row>
    <row r="1786" spans="2:2" x14ac:dyDescent="0.3">
      <c r="B1786" s="3"/>
    </row>
    <row r="1787" spans="2:2" x14ac:dyDescent="0.3">
      <c r="B1787" s="3"/>
    </row>
    <row r="1788" spans="2:2" x14ac:dyDescent="0.3">
      <c r="B1788" s="3"/>
    </row>
    <row r="1789" spans="2:2" x14ac:dyDescent="0.3">
      <c r="B1789" s="3"/>
    </row>
    <row r="1790" spans="2:2" x14ac:dyDescent="0.3">
      <c r="B1790" s="3"/>
    </row>
    <row r="1791" spans="2:2" x14ac:dyDescent="0.3">
      <c r="B1791" s="3"/>
    </row>
    <row r="1792" spans="2:2" x14ac:dyDescent="0.3">
      <c r="B1792" s="3"/>
    </row>
    <row r="1793" spans="2:2" x14ac:dyDescent="0.3">
      <c r="B1793" s="3"/>
    </row>
    <row r="1794" spans="2:2" x14ac:dyDescent="0.3">
      <c r="B1794" s="3"/>
    </row>
    <row r="1795" spans="2:2" x14ac:dyDescent="0.3">
      <c r="B1795" s="3"/>
    </row>
    <row r="1796" spans="2:2" x14ac:dyDescent="0.3">
      <c r="B1796" s="3"/>
    </row>
    <row r="1797" spans="2:2" x14ac:dyDescent="0.3">
      <c r="B1797" s="3"/>
    </row>
    <row r="1798" spans="2:2" x14ac:dyDescent="0.3">
      <c r="B1798" s="3"/>
    </row>
    <row r="1799" spans="2:2" x14ac:dyDescent="0.3">
      <c r="B1799" s="3"/>
    </row>
    <row r="1800" spans="2:2" x14ac:dyDescent="0.3">
      <c r="B1800" s="3"/>
    </row>
    <row r="1801" spans="2:2" x14ac:dyDescent="0.3">
      <c r="B1801" s="3"/>
    </row>
    <row r="1802" spans="2:2" x14ac:dyDescent="0.3">
      <c r="B1802" s="3"/>
    </row>
    <row r="1803" spans="2:2" x14ac:dyDescent="0.3">
      <c r="B1803" s="3"/>
    </row>
    <row r="1804" spans="2:2" x14ac:dyDescent="0.3">
      <c r="B1804" s="3"/>
    </row>
    <row r="1805" spans="2:2" x14ac:dyDescent="0.3">
      <c r="B1805" s="3"/>
    </row>
    <row r="1806" spans="2:2" x14ac:dyDescent="0.3">
      <c r="B1806" s="3"/>
    </row>
    <row r="1807" spans="2:2" x14ac:dyDescent="0.3">
      <c r="B1807" s="3"/>
    </row>
    <row r="1808" spans="2:2" x14ac:dyDescent="0.3">
      <c r="B1808" s="3"/>
    </row>
    <row r="1809" spans="2:2" x14ac:dyDescent="0.3">
      <c r="B1809" s="3"/>
    </row>
    <row r="1810" spans="2:2" x14ac:dyDescent="0.3">
      <c r="B1810" s="3"/>
    </row>
    <row r="1811" spans="2:2" x14ac:dyDescent="0.3">
      <c r="B1811" s="3"/>
    </row>
    <row r="1812" spans="2:2" x14ac:dyDescent="0.3">
      <c r="B1812" s="3"/>
    </row>
    <row r="1813" spans="2:2" x14ac:dyDescent="0.3">
      <c r="B1813" s="3"/>
    </row>
    <row r="1814" spans="2:2" x14ac:dyDescent="0.3">
      <c r="B1814" s="3"/>
    </row>
    <row r="1815" spans="2:2" x14ac:dyDescent="0.3">
      <c r="B1815" s="3"/>
    </row>
    <row r="1816" spans="2:2" x14ac:dyDescent="0.3">
      <c r="B1816" s="3"/>
    </row>
    <row r="1817" spans="2:2" x14ac:dyDescent="0.3">
      <c r="B1817" s="3"/>
    </row>
    <row r="1818" spans="2:2" x14ac:dyDescent="0.3">
      <c r="B1818" s="3"/>
    </row>
    <row r="1819" spans="2:2" x14ac:dyDescent="0.3">
      <c r="B1819" s="3"/>
    </row>
    <row r="1820" spans="2:2" x14ac:dyDescent="0.3">
      <c r="B1820" s="3"/>
    </row>
    <row r="1821" spans="2:2" x14ac:dyDescent="0.3">
      <c r="B1821" s="3"/>
    </row>
    <row r="1822" spans="2:2" x14ac:dyDescent="0.3">
      <c r="B1822" s="3"/>
    </row>
    <row r="1823" spans="2:2" x14ac:dyDescent="0.3">
      <c r="B1823" s="3"/>
    </row>
    <row r="1824" spans="2:2" x14ac:dyDescent="0.3">
      <c r="B1824" s="3"/>
    </row>
    <row r="1825" spans="2:2" x14ac:dyDescent="0.3">
      <c r="B1825" s="3"/>
    </row>
    <row r="1826" spans="2:2" x14ac:dyDescent="0.3">
      <c r="B1826" s="3"/>
    </row>
    <row r="1827" spans="2:2" x14ac:dyDescent="0.3">
      <c r="B1827" s="3"/>
    </row>
    <row r="1828" spans="2:2" x14ac:dyDescent="0.3">
      <c r="B1828" s="3"/>
    </row>
    <row r="1829" spans="2:2" x14ac:dyDescent="0.3">
      <c r="B1829" s="3"/>
    </row>
    <row r="1830" spans="2:2" x14ac:dyDescent="0.3">
      <c r="B1830" s="3"/>
    </row>
    <row r="1831" spans="2:2" x14ac:dyDescent="0.3">
      <c r="B1831" s="3"/>
    </row>
    <row r="1832" spans="2:2" x14ac:dyDescent="0.3">
      <c r="B1832" s="3"/>
    </row>
    <row r="1833" spans="2:2" x14ac:dyDescent="0.3">
      <c r="B1833" s="3"/>
    </row>
    <row r="1834" spans="2:2" x14ac:dyDescent="0.3">
      <c r="B1834" s="3"/>
    </row>
    <row r="1835" spans="2:2" x14ac:dyDescent="0.3">
      <c r="B1835" s="3"/>
    </row>
    <row r="1836" spans="2:2" x14ac:dyDescent="0.3">
      <c r="B1836" s="3"/>
    </row>
    <row r="1837" spans="2:2" x14ac:dyDescent="0.3">
      <c r="B1837" s="3"/>
    </row>
    <row r="1838" spans="2:2" x14ac:dyDescent="0.3">
      <c r="B1838" s="3"/>
    </row>
    <row r="1839" spans="2:2" x14ac:dyDescent="0.3">
      <c r="B1839" s="3"/>
    </row>
    <row r="1840" spans="2:2" x14ac:dyDescent="0.3">
      <c r="B1840" s="3"/>
    </row>
    <row r="1841" spans="2:2" x14ac:dyDescent="0.3">
      <c r="B1841" s="3"/>
    </row>
    <row r="1842" spans="2:2" x14ac:dyDescent="0.3">
      <c r="B1842" s="3"/>
    </row>
    <row r="1843" spans="2:2" x14ac:dyDescent="0.3">
      <c r="B1843" s="3"/>
    </row>
    <row r="1844" spans="2:2" x14ac:dyDescent="0.3">
      <c r="B1844" s="3"/>
    </row>
    <row r="1845" spans="2:2" x14ac:dyDescent="0.3">
      <c r="B1845" s="3"/>
    </row>
    <row r="1846" spans="2:2" x14ac:dyDescent="0.3">
      <c r="B1846" s="3"/>
    </row>
    <row r="1847" spans="2:2" x14ac:dyDescent="0.3">
      <c r="B1847" s="3"/>
    </row>
    <row r="1848" spans="2:2" x14ac:dyDescent="0.3">
      <c r="B1848" s="3"/>
    </row>
    <row r="1849" spans="2:2" x14ac:dyDescent="0.3">
      <c r="B1849" s="3"/>
    </row>
    <row r="1850" spans="2:2" x14ac:dyDescent="0.3">
      <c r="B1850" s="3"/>
    </row>
    <row r="1851" spans="2:2" x14ac:dyDescent="0.3">
      <c r="B1851" s="3"/>
    </row>
    <row r="1852" spans="2:2" x14ac:dyDescent="0.3">
      <c r="B1852" s="3"/>
    </row>
    <row r="1853" spans="2:2" x14ac:dyDescent="0.3">
      <c r="B1853" s="3"/>
    </row>
    <row r="1854" spans="2:2" x14ac:dyDescent="0.3">
      <c r="B1854" s="3"/>
    </row>
    <row r="1855" spans="2:2" x14ac:dyDescent="0.3">
      <c r="B1855" s="3"/>
    </row>
    <row r="1856" spans="2:2" x14ac:dyDescent="0.3">
      <c r="B1856" s="3"/>
    </row>
    <row r="1857" spans="2:2" x14ac:dyDescent="0.3">
      <c r="B1857" s="3"/>
    </row>
    <row r="1858" spans="2:2" x14ac:dyDescent="0.3">
      <c r="B1858" s="3"/>
    </row>
    <row r="1859" spans="2:2" x14ac:dyDescent="0.3">
      <c r="B1859" s="3"/>
    </row>
    <row r="1860" spans="2:2" x14ac:dyDescent="0.3">
      <c r="B1860" s="3"/>
    </row>
    <row r="1861" spans="2:2" x14ac:dyDescent="0.3">
      <c r="B1861" s="3"/>
    </row>
    <row r="1862" spans="2:2" x14ac:dyDescent="0.3">
      <c r="B1862" s="3"/>
    </row>
    <row r="1863" spans="2:2" x14ac:dyDescent="0.3">
      <c r="B1863" s="3"/>
    </row>
    <row r="1864" spans="2:2" x14ac:dyDescent="0.3">
      <c r="B1864" s="3"/>
    </row>
    <row r="1865" spans="2:2" x14ac:dyDescent="0.3">
      <c r="B1865" s="3"/>
    </row>
    <row r="1866" spans="2:2" x14ac:dyDescent="0.3">
      <c r="B1866" s="3"/>
    </row>
    <row r="1867" spans="2:2" x14ac:dyDescent="0.3">
      <c r="B1867" s="3"/>
    </row>
    <row r="1868" spans="2:2" x14ac:dyDescent="0.3">
      <c r="B1868" s="3"/>
    </row>
    <row r="1869" spans="2:2" x14ac:dyDescent="0.3">
      <c r="B1869" s="3"/>
    </row>
    <row r="1870" spans="2:2" x14ac:dyDescent="0.3">
      <c r="B1870" s="3"/>
    </row>
    <row r="1871" spans="2:2" x14ac:dyDescent="0.3">
      <c r="B1871" s="3"/>
    </row>
    <row r="1872" spans="2:2" x14ac:dyDescent="0.3">
      <c r="B1872" s="3"/>
    </row>
    <row r="1873" spans="2:2" x14ac:dyDescent="0.3">
      <c r="B1873" s="3"/>
    </row>
    <row r="1874" spans="2:2" x14ac:dyDescent="0.3">
      <c r="B1874" s="3"/>
    </row>
    <row r="1875" spans="2:2" x14ac:dyDescent="0.3">
      <c r="B1875" s="3"/>
    </row>
    <row r="1876" spans="2:2" x14ac:dyDescent="0.3">
      <c r="B1876" s="3"/>
    </row>
    <row r="1877" spans="2:2" x14ac:dyDescent="0.3">
      <c r="B1877" s="3"/>
    </row>
    <row r="1878" spans="2:2" x14ac:dyDescent="0.3">
      <c r="B1878" s="3"/>
    </row>
    <row r="1879" spans="2:2" x14ac:dyDescent="0.3">
      <c r="B1879" s="3"/>
    </row>
    <row r="1880" spans="2:2" x14ac:dyDescent="0.3">
      <c r="B1880" s="3"/>
    </row>
    <row r="1881" spans="2:2" x14ac:dyDescent="0.3">
      <c r="B1881" s="3"/>
    </row>
    <row r="1882" spans="2:2" x14ac:dyDescent="0.3">
      <c r="B1882" s="3"/>
    </row>
    <row r="1883" spans="2:2" x14ac:dyDescent="0.3">
      <c r="B1883" s="3"/>
    </row>
    <row r="1884" spans="2:2" x14ac:dyDescent="0.3">
      <c r="B1884" s="3"/>
    </row>
    <row r="1885" spans="2:2" x14ac:dyDescent="0.3">
      <c r="B1885" s="3"/>
    </row>
    <row r="1886" spans="2:2" x14ac:dyDescent="0.3">
      <c r="B1886" s="3"/>
    </row>
    <row r="1887" spans="2:2" x14ac:dyDescent="0.3">
      <c r="B1887" s="3"/>
    </row>
    <row r="1888" spans="2:2" x14ac:dyDescent="0.3">
      <c r="B1888" s="3"/>
    </row>
    <row r="1889" spans="2:2" x14ac:dyDescent="0.3">
      <c r="B1889" s="3"/>
    </row>
    <row r="1890" spans="2:2" x14ac:dyDescent="0.3">
      <c r="B1890" s="3"/>
    </row>
    <row r="1891" spans="2:2" x14ac:dyDescent="0.3">
      <c r="B1891" s="3"/>
    </row>
    <row r="1892" spans="2:2" x14ac:dyDescent="0.3">
      <c r="B1892" s="3"/>
    </row>
    <row r="1893" spans="2:2" x14ac:dyDescent="0.3">
      <c r="B1893" s="3"/>
    </row>
    <row r="1894" spans="2:2" x14ac:dyDescent="0.3">
      <c r="B1894" s="3"/>
    </row>
    <row r="1895" spans="2:2" x14ac:dyDescent="0.3">
      <c r="B1895" s="3"/>
    </row>
    <row r="1896" spans="2:2" x14ac:dyDescent="0.3">
      <c r="B1896" s="3"/>
    </row>
    <row r="1897" spans="2:2" x14ac:dyDescent="0.3">
      <c r="B1897" s="3"/>
    </row>
    <row r="1898" spans="2:2" x14ac:dyDescent="0.3">
      <c r="B1898" s="3"/>
    </row>
    <row r="1899" spans="2:2" x14ac:dyDescent="0.3">
      <c r="B1899" s="3"/>
    </row>
    <row r="1900" spans="2:2" x14ac:dyDescent="0.3">
      <c r="B1900" s="3"/>
    </row>
    <row r="1901" spans="2:2" x14ac:dyDescent="0.3">
      <c r="B1901" s="3"/>
    </row>
    <row r="1902" spans="2:2" x14ac:dyDescent="0.3">
      <c r="B1902" s="3"/>
    </row>
    <row r="1903" spans="2:2" x14ac:dyDescent="0.3">
      <c r="B1903" s="3"/>
    </row>
    <row r="1904" spans="2:2" x14ac:dyDescent="0.3">
      <c r="B1904" s="3"/>
    </row>
    <row r="1905" spans="2:2" x14ac:dyDescent="0.3">
      <c r="B1905" s="3"/>
    </row>
    <row r="1906" spans="2:2" x14ac:dyDescent="0.3">
      <c r="B1906" s="3"/>
    </row>
    <row r="1907" spans="2:2" x14ac:dyDescent="0.3">
      <c r="B1907" s="3"/>
    </row>
    <row r="1908" spans="2:2" x14ac:dyDescent="0.3">
      <c r="B1908" s="3"/>
    </row>
    <row r="1909" spans="2:2" x14ac:dyDescent="0.3">
      <c r="B1909" s="3"/>
    </row>
    <row r="1910" spans="2:2" x14ac:dyDescent="0.3">
      <c r="B1910" s="3"/>
    </row>
    <row r="1911" spans="2:2" x14ac:dyDescent="0.3">
      <c r="B1911" s="3"/>
    </row>
    <row r="1912" spans="2:2" x14ac:dyDescent="0.3">
      <c r="B1912" s="3"/>
    </row>
    <row r="1913" spans="2:2" x14ac:dyDescent="0.3">
      <c r="B1913" s="3"/>
    </row>
    <row r="1914" spans="2:2" x14ac:dyDescent="0.3">
      <c r="B1914" s="3"/>
    </row>
    <row r="1915" spans="2:2" x14ac:dyDescent="0.3">
      <c r="B1915" s="3"/>
    </row>
    <row r="1916" spans="2:2" x14ac:dyDescent="0.3">
      <c r="B1916" s="3"/>
    </row>
    <row r="1917" spans="2:2" x14ac:dyDescent="0.3">
      <c r="B1917" s="3"/>
    </row>
    <row r="1918" spans="2:2" x14ac:dyDescent="0.3">
      <c r="B1918" s="3"/>
    </row>
    <row r="1919" spans="2:2" x14ac:dyDescent="0.3">
      <c r="B1919" s="3"/>
    </row>
    <row r="1920" spans="2:2" x14ac:dyDescent="0.3">
      <c r="B1920" s="3"/>
    </row>
    <row r="1921" spans="2:2" x14ac:dyDescent="0.3">
      <c r="B1921" s="3"/>
    </row>
    <row r="1922" spans="2:2" x14ac:dyDescent="0.3">
      <c r="B1922" s="3"/>
    </row>
    <row r="1923" spans="2:2" x14ac:dyDescent="0.3">
      <c r="B1923" s="3"/>
    </row>
    <row r="1924" spans="2:2" x14ac:dyDescent="0.3">
      <c r="B1924" s="3"/>
    </row>
    <row r="1925" spans="2:2" x14ac:dyDescent="0.3">
      <c r="B1925" s="3"/>
    </row>
    <row r="1926" spans="2:2" x14ac:dyDescent="0.3">
      <c r="B1926" s="3"/>
    </row>
    <row r="1927" spans="2:2" x14ac:dyDescent="0.3">
      <c r="B1927" s="3"/>
    </row>
    <row r="1928" spans="2:2" x14ac:dyDescent="0.3">
      <c r="B1928" s="3"/>
    </row>
    <row r="1929" spans="2:2" x14ac:dyDescent="0.3">
      <c r="B1929" s="3"/>
    </row>
    <row r="1930" spans="2:2" x14ac:dyDescent="0.3">
      <c r="B1930" s="3"/>
    </row>
    <row r="1931" spans="2:2" x14ac:dyDescent="0.3">
      <c r="B1931" s="3"/>
    </row>
    <row r="1932" spans="2:2" x14ac:dyDescent="0.3">
      <c r="B1932" s="3"/>
    </row>
    <row r="1933" spans="2:2" x14ac:dyDescent="0.3">
      <c r="B1933" s="3"/>
    </row>
    <row r="1934" spans="2:2" x14ac:dyDescent="0.3">
      <c r="B1934" s="3"/>
    </row>
    <row r="1935" spans="2:2" x14ac:dyDescent="0.3">
      <c r="B1935" s="3"/>
    </row>
    <row r="1936" spans="2:2" x14ac:dyDescent="0.3">
      <c r="B1936" s="3"/>
    </row>
    <row r="1937" spans="2:2" x14ac:dyDescent="0.3">
      <c r="B1937" s="3"/>
    </row>
    <row r="1938" spans="2:2" x14ac:dyDescent="0.3">
      <c r="B1938" s="3"/>
    </row>
    <row r="1939" spans="2:2" x14ac:dyDescent="0.3">
      <c r="B1939" s="3"/>
    </row>
    <row r="1940" spans="2:2" x14ac:dyDescent="0.3">
      <c r="B1940" s="3"/>
    </row>
    <row r="1941" spans="2:2" x14ac:dyDescent="0.3">
      <c r="B1941" s="3"/>
    </row>
    <row r="1942" spans="2:2" x14ac:dyDescent="0.3">
      <c r="B1942" s="3"/>
    </row>
    <row r="1943" spans="2:2" x14ac:dyDescent="0.3">
      <c r="B1943" s="3"/>
    </row>
    <row r="1944" spans="2:2" x14ac:dyDescent="0.3">
      <c r="B1944" s="3"/>
    </row>
    <row r="1945" spans="2:2" x14ac:dyDescent="0.3">
      <c r="B1945" s="3"/>
    </row>
    <row r="1946" spans="2:2" x14ac:dyDescent="0.3">
      <c r="B1946" s="3"/>
    </row>
    <row r="1947" spans="2:2" x14ac:dyDescent="0.3">
      <c r="B1947" s="3"/>
    </row>
    <row r="1948" spans="2:2" x14ac:dyDescent="0.3">
      <c r="B1948" s="3"/>
    </row>
    <row r="1949" spans="2:2" x14ac:dyDescent="0.3">
      <c r="B1949" s="3"/>
    </row>
    <row r="1950" spans="2:2" x14ac:dyDescent="0.3">
      <c r="B1950" s="3"/>
    </row>
    <row r="1951" spans="2:2" x14ac:dyDescent="0.3">
      <c r="B1951" s="3"/>
    </row>
    <row r="1952" spans="2:2" x14ac:dyDescent="0.3">
      <c r="B1952" s="3"/>
    </row>
    <row r="1953" spans="2:2" x14ac:dyDescent="0.3">
      <c r="B1953" s="3"/>
    </row>
    <row r="1954" spans="2:2" x14ac:dyDescent="0.3">
      <c r="B1954" s="3"/>
    </row>
    <row r="1955" spans="2:2" x14ac:dyDescent="0.3">
      <c r="B1955" s="3"/>
    </row>
    <row r="1956" spans="2:2" x14ac:dyDescent="0.3">
      <c r="B1956" s="3"/>
    </row>
    <row r="1957" spans="2:2" x14ac:dyDescent="0.3">
      <c r="B1957" s="3"/>
    </row>
    <row r="1958" spans="2:2" x14ac:dyDescent="0.3">
      <c r="B1958" s="3"/>
    </row>
    <row r="1959" spans="2:2" x14ac:dyDescent="0.3">
      <c r="B1959" s="3"/>
    </row>
    <row r="1960" spans="2:2" x14ac:dyDescent="0.3">
      <c r="B1960" s="3"/>
    </row>
    <row r="1961" spans="2:2" x14ac:dyDescent="0.3">
      <c r="B1961" s="3"/>
    </row>
    <row r="1962" spans="2:2" x14ac:dyDescent="0.3">
      <c r="B1962" s="3"/>
    </row>
    <row r="1963" spans="2:2" x14ac:dyDescent="0.3">
      <c r="B1963" s="3"/>
    </row>
    <row r="1964" spans="2:2" x14ac:dyDescent="0.3">
      <c r="B1964" s="3"/>
    </row>
    <row r="1965" spans="2:2" x14ac:dyDescent="0.3">
      <c r="B1965" s="3"/>
    </row>
    <row r="1966" spans="2:2" x14ac:dyDescent="0.3">
      <c r="B1966" s="3"/>
    </row>
    <row r="1967" spans="2:2" x14ac:dyDescent="0.3">
      <c r="B1967" s="3"/>
    </row>
    <row r="1968" spans="2:2" x14ac:dyDescent="0.3">
      <c r="B1968" s="3"/>
    </row>
    <row r="1969" spans="2:2" x14ac:dyDescent="0.3">
      <c r="B1969" s="3"/>
    </row>
    <row r="1970" spans="2:2" x14ac:dyDescent="0.3">
      <c r="B1970" s="3"/>
    </row>
    <row r="1971" spans="2:2" x14ac:dyDescent="0.3">
      <c r="B1971" s="3"/>
    </row>
    <row r="1972" spans="2:2" x14ac:dyDescent="0.3">
      <c r="B1972" s="3"/>
    </row>
    <row r="1973" spans="2:2" x14ac:dyDescent="0.3">
      <c r="B1973" s="3"/>
    </row>
    <row r="1974" spans="2:2" x14ac:dyDescent="0.3">
      <c r="B1974" s="3"/>
    </row>
    <row r="1975" spans="2:2" x14ac:dyDescent="0.3">
      <c r="B1975" s="3"/>
    </row>
    <row r="1976" spans="2:2" x14ac:dyDescent="0.3">
      <c r="B1976" s="3"/>
    </row>
    <row r="1977" spans="2:2" x14ac:dyDescent="0.3">
      <c r="B1977" s="3"/>
    </row>
    <row r="1978" spans="2:2" x14ac:dyDescent="0.3">
      <c r="B1978" s="3"/>
    </row>
    <row r="1979" spans="2:2" x14ac:dyDescent="0.3">
      <c r="B1979" s="3"/>
    </row>
    <row r="1980" spans="2:2" x14ac:dyDescent="0.3">
      <c r="B1980" s="3"/>
    </row>
    <row r="1981" spans="2:2" x14ac:dyDescent="0.3">
      <c r="B1981" s="3"/>
    </row>
    <row r="1982" spans="2:2" x14ac:dyDescent="0.3">
      <c r="B1982" s="3"/>
    </row>
    <row r="1983" spans="2:2" x14ac:dyDescent="0.3">
      <c r="B1983" s="3"/>
    </row>
    <row r="1984" spans="2:2" x14ac:dyDescent="0.3">
      <c r="B1984" s="3"/>
    </row>
    <row r="1985" spans="2:2" x14ac:dyDescent="0.3">
      <c r="B1985" s="3"/>
    </row>
    <row r="1986" spans="2:2" x14ac:dyDescent="0.3">
      <c r="B1986" s="3"/>
    </row>
    <row r="1987" spans="2:2" x14ac:dyDescent="0.3">
      <c r="B1987" s="3"/>
    </row>
    <row r="1988" spans="2:2" x14ac:dyDescent="0.3">
      <c r="B1988" s="3"/>
    </row>
    <row r="1989" spans="2:2" x14ac:dyDescent="0.3">
      <c r="B1989" s="3"/>
    </row>
    <row r="1990" spans="2:2" x14ac:dyDescent="0.3">
      <c r="B1990" s="3"/>
    </row>
    <row r="1991" spans="2:2" x14ac:dyDescent="0.3">
      <c r="B1991" s="3"/>
    </row>
    <row r="1992" spans="2:2" x14ac:dyDescent="0.3">
      <c r="B1992" s="3"/>
    </row>
    <row r="1993" spans="2:2" x14ac:dyDescent="0.3">
      <c r="B1993" s="3"/>
    </row>
    <row r="1994" spans="2:2" x14ac:dyDescent="0.3">
      <c r="B1994" s="3"/>
    </row>
    <row r="1995" spans="2:2" x14ac:dyDescent="0.3">
      <c r="B1995" s="3"/>
    </row>
    <row r="1996" spans="2:2" x14ac:dyDescent="0.3">
      <c r="B1996" s="3"/>
    </row>
    <row r="1997" spans="2:2" x14ac:dyDescent="0.3">
      <c r="B1997" s="3"/>
    </row>
    <row r="1998" spans="2:2" x14ac:dyDescent="0.3">
      <c r="B1998" s="3"/>
    </row>
    <row r="1999" spans="2:2" x14ac:dyDescent="0.3">
      <c r="B1999" s="3"/>
    </row>
    <row r="2000" spans="2:2" x14ac:dyDescent="0.3">
      <c r="B2000" s="3"/>
    </row>
    <row r="2001" spans="2:2" x14ac:dyDescent="0.3">
      <c r="B2001" s="3"/>
    </row>
    <row r="2002" spans="2:2" x14ac:dyDescent="0.3">
      <c r="B2002" s="3"/>
    </row>
    <row r="2003" spans="2:2" x14ac:dyDescent="0.3">
      <c r="B2003" s="3"/>
    </row>
    <row r="2004" spans="2:2" x14ac:dyDescent="0.3">
      <c r="B2004" s="3"/>
    </row>
    <row r="2005" spans="2:2" x14ac:dyDescent="0.3">
      <c r="B2005" s="3"/>
    </row>
    <row r="2006" spans="2:2" x14ac:dyDescent="0.3">
      <c r="B2006" s="3"/>
    </row>
    <row r="2007" spans="2:2" x14ac:dyDescent="0.3">
      <c r="B2007" s="3"/>
    </row>
    <row r="2008" spans="2:2" x14ac:dyDescent="0.3">
      <c r="B2008" s="3"/>
    </row>
    <row r="2009" spans="2:2" x14ac:dyDescent="0.3">
      <c r="B2009" s="3"/>
    </row>
    <row r="2010" spans="2:2" x14ac:dyDescent="0.3">
      <c r="B2010" s="3"/>
    </row>
    <row r="2011" spans="2:2" x14ac:dyDescent="0.3">
      <c r="B2011" s="3"/>
    </row>
    <row r="2012" spans="2:2" x14ac:dyDescent="0.3">
      <c r="B2012" s="3"/>
    </row>
    <row r="2013" spans="2:2" x14ac:dyDescent="0.3">
      <c r="B2013" s="3"/>
    </row>
    <row r="2014" spans="2:2" x14ac:dyDescent="0.3">
      <c r="B2014" s="3"/>
    </row>
    <row r="2015" spans="2:2" x14ac:dyDescent="0.3">
      <c r="B2015" s="3"/>
    </row>
    <row r="2016" spans="2:2" x14ac:dyDescent="0.3">
      <c r="B2016" s="3"/>
    </row>
    <row r="2017" spans="2:2" x14ac:dyDescent="0.3">
      <c r="B2017" s="3"/>
    </row>
    <row r="2018" spans="2:2" x14ac:dyDescent="0.3">
      <c r="B2018" s="3"/>
    </row>
    <row r="2019" spans="2:2" x14ac:dyDescent="0.3">
      <c r="B2019" s="3"/>
    </row>
    <row r="2020" spans="2:2" x14ac:dyDescent="0.3">
      <c r="B2020" s="3"/>
    </row>
    <row r="2021" spans="2:2" x14ac:dyDescent="0.3">
      <c r="B2021" s="3"/>
    </row>
    <row r="2022" spans="2:2" x14ac:dyDescent="0.3">
      <c r="B2022" s="3"/>
    </row>
    <row r="2023" spans="2:2" x14ac:dyDescent="0.3">
      <c r="B2023" s="3"/>
    </row>
    <row r="2024" spans="2:2" x14ac:dyDescent="0.3">
      <c r="B2024" s="3"/>
    </row>
    <row r="2025" spans="2:2" x14ac:dyDescent="0.3">
      <c r="B2025" s="3"/>
    </row>
    <row r="2026" spans="2:2" x14ac:dyDescent="0.3">
      <c r="B2026" s="3"/>
    </row>
    <row r="2027" spans="2:2" x14ac:dyDescent="0.3">
      <c r="B2027" s="3"/>
    </row>
    <row r="2028" spans="2:2" x14ac:dyDescent="0.3">
      <c r="B2028" s="3"/>
    </row>
    <row r="2029" spans="2:2" x14ac:dyDescent="0.3">
      <c r="B2029" s="3"/>
    </row>
    <row r="2030" spans="2:2" x14ac:dyDescent="0.3">
      <c r="B2030" s="3"/>
    </row>
    <row r="2031" spans="2:2" x14ac:dyDescent="0.3">
      <c r="B2031" s="3"/>
    </row>
    <row r="2032" spans="2:2" x14ac:dyDescent="0.3">
      <c r="B2032" s="3"/>
    </row>
    <row r="2033" spans="2:2" x14ac:dyDescent="0.3">
      <c r="B2033" s="3"/>
    </row>
    <row r="2034" spans="2:2" x14ac:dyDescent="0.3">
      <c r="B2034" s="3"/>
    </row>
    <row r="2035" spans="2:2" x14ac:dyDescent="0.3">
      <c r="B2035" s="3"/>
    </row>
    <row r="2036" spans="2:2" x14ac:dyDescent="0.3">
      <c r="B2036" s="3"/>
    </row>
    <row r="2037" spans="2:2" x14ac:dyDescent="0.3">
      <c r="B2037" s="3"/>
    </row>
    <row r="2038" spans="2:2" x14ac:dyDescent="0.3">
      <c r="B2038" s="3"/>
    </row>
    <row r="2039" spans="2:2" x14ac:dyDescent="0.3">
      <c r="B2039" s="3"/>
    </row>
    <row r="2040" spans="2:2" x14ac:dyDescent="0.3">
      <c r="B2040" s="3"/>
    </row>
    <row r="2041" spans="2:2" x14ac:dyDescent="0.3">
      <c r="B2041" s="3"/>
    </row>
    <row r="2042" spans="2:2" x14ac:dyDescent="0.3">
      <c r="B2042" s="3"/>
    </row>
    <row r="2043" spans="2:2" x14ac:dyDescent="0.3">
      <c r="B2043" s="3"/>
    </row>
    <row r="2044" spans="2:2" x14ac:dyDescent="0.3">
      <c r="B2044" s="3"/>
    </row>
    <row r="2045" spans="2:2" x14ac:dyDescent="0.3">
      <c r="B2045" s="3"/>
    </row>
    <row r="2046" spans="2:2" x14ac:dyDescent="0.3">
      <c r="B2046" s="3"/>
    </row>
    <row r="2047" spans="2:2" x14ac:dyDescent="0.3">
      <c r="B2047" s="3"/>
    </row>
    <row r="2048" spans="2:2" x14ac:dyDescent="0.3">
      <c r="B2048" s="3"/>
    </row>
    <row r="2049" spans="2:2" x14ac:dyDescent="0.3">
      <c r="B2049" s="3"/>
    </row>
    <row r="2050" spans="2:2" x14ac:dyDescent="0.3">
      <c r="B2050" s="3"/>
    </row>
    <row r="2051" spans="2:2" x14ac:dyDescent="0.3">
      <c r="B2051" s="3"/>
    </row>
    <row r="2052" spans="2:2" x14ac:dyDescent="0.3">
      <c r="B2052" s="3"/>
    </row>
    <row r="2053" spans="2:2" x14ac:dyDescent="0.3">
      <c r="B2053" s="3"/>
    </row>
    <row r="2054" spans="2:2" x14ac:dyDescent="0.3">
      <c r="B2054" s="3"/>
    </row>
    <row r="2055" spans="2:2" x14ac:dyDescent="0.3">
      <c r="B2055" s="3"/>
    </row>
    <row r="2056" spans="2:2" x14ac:dyDescent="0.3">
      <c r="B2056" s="3"/>
    </row>
    <row r="2057" spans="2:2" x14ac:dyDescent="0.3">
      <c r="B2057" s="3"/>
    </row>
    <row r="2058" spans="2:2" x14ac:dyDescent="0.3">
      <c r="B2058" s="3"/>
    </row>
    <row r="2059" spans="2:2" x14ac:dyDescent="0.3">
      <c r="B2059" s="3"/>
    </row>
    <row r="2060" spans="2:2" x14ac:dyDescent="0.3">
      <c r="B2060" s="3"/>
    </row>
    <row r="2061" spans="2:2" x14ac:dyDescent="0.3">
      <c r="B2061" s="3"/>
    </row>
    <row r="2062" spans="2:2" x14ac:dyDescent="0.3">
      <c r="B2062" s="3"/>
    </row>
    <row r="2063" spans="2:2" x14ac:dyDescent="0.3">
      <c r="B2063" s="3"/>
    </row>
    <row r="2064" spans="2:2" x14ac:dyDescent="0.3">
      <c r="B2064" s="3"/>
    </row>
    <row r="2065" spans="2:2" x14ac:dyDescent="0.3">
      <c r="B2065" s="3"/>
    </row>
    <row r="2066" spans="2:2" x14ac:dyDescent="0.3">
      <c r="B2066" s="3"/>
    </row>
    <row r="2067" spans="2:2" x14ac:dyDescent="0.3">
      <c r="B2067" s="3"/>
    </row>
    <row r="2068" spans="2:2" x14ac:dyDescent="0.3">
      <c r="B2068" s="3"/>
    </row>
    <row r="2069" spans="2:2" x14ac:dyDescent="0.3">
      <c r="B2069" s="3"/>
    </row>
    <row r="2070" spans="2:2" x14ac:dyDescent="0.3">
      <c r="B2070" s="3"/>
    </row>
    <row r="2071" spans="2:2" x14ac:dyDescent="0.3">
      <c r="B2071" s="3"/>
    </row>
    <row r="2072" spans="2:2" x14ac:dyDescent="0.3">
      <c r="B2072" s="3"/>
    </row>
    <row r="2073" spans="2:2" x14ac:dyDescent="0.3">
      <c r="B2073" s="3"/>
    </row>
    <row r="2074" spans="2:2" x14ac:dyDescent="0.3">
      <c r="B2074" s="3"/>
    </row>
    <row r="2075" spans="2:2" x14ac:dyDescent="0.3">
      <c r="B2075" s="3"/>
    </row>
    <row r="2076" spans="2:2" x14ac:dyDescent="0.3">
      <c r="B2076" s="3"/>
    </row>
    <row r="2077" spans="2:2" x14ac:dyDescent="0.3">
      <c r="B2077" s="3"/>
    </row>
    <row r="2078" spans="2:2" x14ac:dyDescent="0.3">
      <c r="B2078" s="3"/>
    </row>
    <row r="2079" spans="2:2" x14ac:dyDescent="0.3">
      <c r="B2079" s="3"/>
    </row>
    <row r="2080" spans="2:2" x14ac:dyDescent="0.3">
      <c r="B2080" s="3"/>
    </row>
    <row r="2081" spans="2:2" x14ac:dyDescent="0.3">
      <c r="B2081" s="3"/>
    </row>
    <row r="2082" spans="2:2" x14ac:dyDescent="0.3">
      <c r="B2082" s="3"/>
    </row>
    <row r="2083" spans="2:2" x14ac:dyDescent="0.3">
      <c r="B2083" s="3"/>
    </row>
    <row r="2084" spans="2:2" x14ac:dyDescent="0.3">
      <c r="B2084" s="3"/>
    </row>
    <row r="2085" spans="2:2" x14ac:dyDescent="0.3">
      <c r="B2085" s="3"/>
    </row>
    <row r="2086" spans="2:2" x14ac:dyDescent="0.3">
      <c r="B2086" s="3"/>
    </row>
    <row r="2087" spans="2:2" x14ac:dyDescent="0.3">
      <c r="B2087" s="3"/>
    </row>
    <row r="2088" spans="2:2" x14ac:dyDescent="0.3">
      <c r="B2088" s="3"/>
    </row>
    <row r="2089" spans="2:2" x14ac:dyDescent="0.3">
      <c r="B2089" s="3"/>
    </row>
    <row r="2090" spans="2:2" x14ac:dyDescent="0.3">
      <c r="B2090" s="3"/>
    </row>
    <row r="2091" spans="2:2" x14ac:dyDescent="0.3">
      <c r="B2091" s="3"/>
    </row>
    <row r="2092" spans="2:2" x14ac:dyDescent="0.3">
      <c r="B2092" s="3"/>
    </row>
    <row r="2093" spans="2:2" x14ac:dyDescent="0.3">
      <c r="B2093" s="3"/>
    </row>
    <row r="2094" spans="2:2" x14ac:dyDescent="0.3">
      <c r="B2094" s="3"/>
    </row>
    <row r="2095" spans="2:2" x14ac:dyDescent="0.3">
      <c r="B2095" s="3"/>
    </row>
    <row r="2096" spans="2:2" x14ac:dyDescent="0.3">
      <c r="B2096" s="3"/>
    </row>
    <row r="2097" spans="2:2" x14ac:dyDescent="0.3">
      <c r="B2097" s="3"/>
    </row>
    <row r="2098" spans="2:2" x14ac:dyDescent="0.3">
      <c r="B2098" s="3"/>
    </row>
    <row r="2099" spans="2:2" x14ac:dyDescent="0.3">
      <c r="B2099" s="3"/>
    </row>
    <row r="2100" spans="2:2" x14ac:dyDescent="0.3">
      <c r="B2100" s="3"/>
    </row>
    <row r="2101" spans="2:2" x14ac:dyDescent="0.3">
      <c r="B2101" s="3"/>
    </row>
    <row r="2102" spans="2:2" x14ac:dyDescent="0.3">
      <c r="B2102" s="3"/>
    </row>
    <row r="2103" spans="2:2" x14ac:dyDescent="0.3">
      <c r="B2103" s="3"/>
    </row>
    <row r="2104" spans="2:2" x14ac:dyDescent="0.3">
      <c r="B2104" s="3"/>
    </row>
    <row r="2105" spans="2:2" x14ac:dyDescent="0.3">
      <c r="B2105" s="3"/>
    </row>
    <row r="2106" spans="2:2" x14ac:dyDescent="0.3">
      <c r="B2106" s="3"/>
    </row>
    <row r="2107" spans="2:2" x14ac:dyDescent="0.3">
      <c r="B2107" s="3"/>
    </row>
    <row r="2108" spans="2:2" x14ac:dyDescent="0.3">
      <c r="B2108" s="3"/>
    </row>
    <row r="2109" spans="2:2" x14ac:dyDescent="0.3">
      <c r="B2109" s="3"/>
    </row>
    <row r="2110" spans="2:2" x14ac:dyDescent="0.3">
      <c r="B2110" s="3"/>
    </row>
    <row r="2111" spans="2:2" x14ac:dyDescent="0.3">
      <c r="B2111" s="3"/>
    </row>
    <row r="2112" spans="2:2" x14ac:dyDescent="0.3">
      <c r="B2112" s="3"/>
    </row>
    <row r="2113" spans="2:2" x14ac:dyDescent="0.3">
      <c r="B2113" s="3"/>
    </row>
    <row r="2114" spans="2:2" x14ac:dyDescent="0.3">
      <c r="B2114" s="3"/>
    </row>
    <row r="2115" spans="2:2" x14ac:dyDescent="0.3">
      <c r="B2115" s="3"/>
    </row>
    <row r="2116" spans="2:2" x14ac:dyDescent="0.3">
      <c r="B2116" s="3"/>
    </row>
    <row r="2117" spans="2:2" x14ac:dyDescent="0.3">
      <c r="B2117" s="3"/>
    </row>
    <row r="2118" spans="2:2" x14ac:dyDescent="0.3">
      <c r="B2118" s="3"/>
    </row>
    <row r="2119" spans="2:2" x14ac:dyDescent="0.3">
      <c r="B2119" s="3"/>
    </row>
    <row r="2120" spans="2:2" x14ac:dyDescent="0.3">
      <c r="B2120" s="3"/>
    </row>
    <row r="2121" spans="2:2" x14ac:dyDescent="0.3">
      <c r="B2121" s="3"/>
    </row>
    <row r="2122" spans="2:2" x14ac:dyDescent="0.3">
      <c r="B2122" s="3"/>
    </row>
    <row r="2123" spans="2:2" x14ac:dyDescent="0.3">
      <c r="B2123" s="3"/>
    </row>
    <row r="2124" spans="2:2" x14ac:dyDescent="0.3">
      <c r="B2124" s="3"/>
    </row>
    <row r="2125" spans="2:2" x14ac:dyDescent="0.3">
      <c r="B2125" s="3"/>
    </row>
    <row r="2126" spans="2:2" x14ac:dyDescent="0.3">
      <c r="B2126" s="3"/>
    </row>
    <row r="2127" spans="2:2" x14ac:dyDescent="0.3">
      <c r="B2127" s="3"/>
    </row>
    <row r="2128" spans="2:2" x14ac:dyDescent="0.3">
      <c r="B2128" s="3"/>
    </row>
    <row r="2129" spans="2:2" x14ac:dyDescent="0.3">
      <c r="B2129" s="3"/>
    </row>
    <row r="2130" spans="2:2" x14ac:dyDescent="0.3">
      <c r="B2130" s="3"/>
    </row>
    <row r="2131" spans="2:2" x14ac:dyDescent="0.3">
      <c r="B2131" s="3"/>
    </row>
    <row r="2132" spans="2:2" x14ac:dyDescent="0.3">
      <c r="B2132" s="3"/>
    </row>
    <row r="2133" spans="2:2" x14ac:dyDescent="0.3">
      <c r="B2133" s="3"/>
    </row>
    <row r="2134" spans="2:2" x14ac:dyDescent="0.3">
      <c r="B2134" s="3"/>
    </row>
    <row r="2135" spans="2:2" x14ac:dyDescent="0.3">
      <c r="B2135" s="3"/>
    </row>
    <row r="2136" spans="2:2" x14ac:dyDescent="0.3">
      <c r="B2136" s="3"/>
    </row>
    <row r="2137" spans="2:2" x14ac:dyDescent="0.3">
      <c r="B2137" s="3"/>
    </row>
    <row r="2138" spans="2:2" x14ac:dyDescent="0.3">
      <c r="B2138" s="3"/>
    </row>
    <row r="2139" spans="2:2" x14ac:dyDescent="0.3">
      <c r="B2139" s="3"/>
    </row>
    <row r="2140" spans="2:2" x14ac:dyDescent="0.3">
      <c r="B2140" s="3"/>
    </row>
    <row r="2141" spans="2:2" x14ac:dyDescent="0.3">
      <c r="B2141" s="3"/>
    </row>
    <row r="2142" spans="2:2" x14ac:dyDescent="0.3">
      <c r="B2142" s="3"/>
    </row>
    <row r="2143" spans="2:2" x14ac:dyDescent="0.3">
      <c r="B2143" s="3"/>
    </row>
    <row r="2144" spans="2:2" x14ac:dyDescent="0.3">
      <c r="B2144" s="3"/>
    </row>
    <row r="2145" spans="2:2" x14ac:dyDescent="0.3">
      <c r="B2145" s="3"/>
    </row>
    <row r="2146" spans="2:2" x14ac:dyDescent="0.3">
      <c r="B2146" s="3"/>
    </row>
    <row r="2147" spans="2:2" x14ac:dyDescent="0.3">
      <c r="B2147" s="3"/>
    </row>
    <row r="2148" spans="2:2" x14ac:dyDescent="0.3">
      <c r="B2148" s="3"/>
    </row>
    <row r="2149" spans="2:2" x14ac:dyDescent="0.3">
      <c r="B2149" s="3"/>
    </row>
    <row r="2150" spans="2:2" x14ac:dyDescent="0.3">
      <c r="B2150" s="3"/>
    </row>
    <row r="2151" spans="2:2" x14ac:dyDescent="0.3">
      <c r="B2151" s="3"/>
    </row>
    <row r="2152" spans="2:2" x14ac:dyDescent="0.3">
      <c r="B2152" s="3"/>
    </row>
    <row r="2153" spans="2:2" x14ac:dyDescent="0.3">
      <c r="B2153" s="3"/>
    </row>
    <row r="2154" spans="2:2" x14ac:dyDescent="0.3">
      <c r="B2154" s="3"/>
    </row>
    <row r="2155" spans="2:2" x14ac:dyDescent="0.3">
      <c r="B2155" s="3"/>
    </row>
    <row r="2156" spans="2:2" x14ac:dyDescent="0.3">
      <c r="B2156" s="3"/>
    </row>
    <row r="2157" spans="2:2" x14ac:dyDescent="0.3">
      <c r="B2157" s="3"/>
    </row>
    <row r="2158" spans="2:2" x14ac:dyDescent="0.3">
      <c r="B2158" s="3"/>
    </row>
    <row r="2159" spans="2:2" x14ac:dyDescent="0.3">
      <c r="B2159" s="3"/>
    </row>
    <row r="2160" spans="2:2" x14ac:dyDescent="0.3">
      <c r="B2160" s="3"/>
    </row>
    <row r="2161" spans="2:2" x14ac:dyDescent="0.3">
      <c r="B2161" s="3"/>
    </row>
    <row r="2162" spans="2:2" x14ac:dyDescent="0.3">
      <c r="B2162" s="3"/>
    </row>
    <row r="2163" spans="2:2" x14ac:dyDescent="0.3">
      <c r="B2163" s="3"/>
    </row>
    <row r="2164" spans="2:2" x14ac:dyDescent="0.3">
      <c r="B2164" s="3"/>
    </row>
    <row r="2165" spans="2:2" x14ac:dyDescent="0.3">
      <c r="B2165" s="3"/>
    </row>
    <row r="2166" spans="2:2" x14ac:dyDescent="0.3">
      <c r="B2166" s="3"/>
    </row>
    <row r="2167" spans="2:2" x14ac:dyDescent="0.3">
      <c r="B2167" s="3"/>
    </row>
    <row r="2168" spans="2:2" x14ac:dyDescent="0.3">
      <c r="B2168" s="3"/>
    </row>
    <row r="2169" spans="2:2" x14ac:dyDescent="0.3">
      <c r="B2169" s="3"/>
    </row>
    <row r="2170" spans="2:2" x14ac:dyDescent="0.3">
      <c r="B2170" s="3"/>
    </row>
    <row r="2171" spans="2:2" x14ac:dyDescent="0.3">
      <c r="B2171" s="3"/>
    </row>
    <row r="2172" spans="2:2" x14ac:dyDescent="0.3">
      <c r="B2172" s="3"/>
    </row>
    <row r="2173" spans="2:2" x14ac:dyDescent="0.3">
      <c r="B2173" s="3"/>
    </row>
    <row r="2174" spans="2:2" x14ac:dyDescent="0.3">
      <c r="B2174" s="3"/>
    </row>
    <row r="2175" spans="2:2" x14ac:dyDescent="0.3">
      <c r="B2175" s="3"/>
    </row>
    <row r="2176" spans="2:2" x14ac:dyDescent="0.3">
      <c r="B2176" s="3"/>
    </row>
    <row r="2177" spans="2:2" x14ac:dyDescent="0.3">
      <c r="B2177" s="3"/>
    </row>
    <row r="2178" spans="2:2" x14ac:dyDescent="0.3">
      <c r="B2178" s="3"/>
    </row>
    <row r="2179" spans="2:2" x14ac:dyDescent="0.3">
      <c r="B2179" s="3"/>
    </row>
    <row r="2180" spans="2:2" x14ac:dyDescent="0.3">
      <c r="B2180" s="3"/>
    </row>
    <row r="2181" spans="2:2" x14ac:dyDescent="0.3">
      <c r="B2181" s="3"/>
    </row>
    <row r="2182" spans="2:2" x14ac:dyDescent="0.3">
      <c r="B2182" s="3"/>
    </row>
    <row r="2183" spans="2:2" x14ac:dyDescent="0.3">
      <c r="B2183" s="3"/>
    </row>
    <row r="2184" spans="2:2" x14ac:dyDescent="0.3">
      <c r="B2184" s="3"/>
    </row>
    <row r="2185" spans="2:2" x14ac:dyDescent="0.3">
      <c r="B2185" s="3"/>
    </row>
    <row r="2186" spans="2:2" x14ac:dyDescent="0.3">
      <c r="B2186" s="3"/>
    </row>
    <row r="2187" spans="2:2" x14ac:dyDescent="0.3">
      <c r="B2187" s="3"/>
    </row>
    <row r="2188" spans="2:2" x14ac:dyDescent="0.3">
      <c r="B2188" s="3"/>
    </row>
    <row r="2189" spans="2:2" x14ac:dyDescent="0.3">
      <c r="B2189" s="3"/>
    </row>
    <row r="2190" spans="2:2" x14ac:dyDescent="0.3">
      <c r="B2190" s="3"/>
    </row>
    <row r="2191" spans="2:2" x14ac:dyDescent="0.3">
      <c r="B2191" s="3"/>
    </row>
    <row r="2192" spans="2:2" x14ac:dyDescent="0.3">
      <c r="B2192" s="3"/>
    </row>
    <row r="2193" spans="2:2" x14ac:dyDescent="0.3">
      <c r="B2193" s="3"/>
    </row>
    <row r="2194" spans="2:2" x14ac:dyDescent="0.3">
      <c r="B2194" s="3"/>
    </row>
    <row r="2195" spans="2:2" x14ac:dyDescent="0.3">
      <c r="B2195" s="3"/>
    </row>
    <row r="2196" spans="2:2" x14ac:dyDescent="0.3">
      <c r="B2196" s="3"/>
    </row>
    <row r="2197" spans="2:2" x14ac:dyDescent="0.3">
      <c r="B2197" s="3"/>
    </row>
    <row r="2198" spans="2:2" x14ac:dyDescent="0.3">
      <c r="B2198" s="3"/>
    </row>
    <row r="2199" spans="2:2" x14ac:dyDescent="0.3">
      <c r="B2199" s="3"/>
    </row>
    <row r="2200" spans="2:2" x14ac:dyDescent="0.3">
      <c r="B2200" s="3"/>
    </row>
    <row r="2201" spans="2:2" x14ac:dyDescent="0.3">
      <c r="B2201" s="3"/>
    </row>
    <row r="2202" spans="2:2" x14ac:dyDescent="0.3">
      <c r="B2202" s="3"/>
    </row>
    <row r="2203" spans="2:2" x14ac:dyDescent="0.3">
      <c r="B2203" s="3"/>
    </row>
    <row r="2204" spans="2:2" x14ac:dyDescent="0.3">
      <c r="B2204" s="3"/>
    </row>
    <row r="2205" spans="2:2" x14ac:dyDescent="0.3">
      <c r="B2205" s="3"/>
    </row>
    <row r="2206" spans="2:2" x14ac:dyDescent="0.3">
      <c r="B2206" s="3"/>
    </row>
    <row r="2207" spans="2:2" x14ac:dyDescent="0.3">
      <c r="B2207" s="3"/>
    </row>
    <row r="2208" spans="2:2" x14ac:dyDescent="0.3">
      <c r="B2208" s="3"/>
    </row>
    <row r="2209" spans="2:2" x14ac:dyDescent="0.3">
      <c r="B2209" s="3"/>
    </row>
    <row r="2210" spans="2:2" x14ac:dyDescent="0.3">
      <c r="B2210" s="3"/>
    </row>
    <row r="2211" spans="2:2" x14ac:dyDescent="0.3">
      <c r="B2211" s="3"/>
    </row>
    <row r="2212" spans="2:2" x14ac:dyDescent="0.3">
      <c r="B2212" s="3"/>
    </row>
    <row r="2213" spans="2:2" x14ac:dyDescent="0.3">
      <c r="B2213" s="3"/>
    </row>
    <row r="2214" spans="2:2" x14ac:dyDescent="0.3">
      <c r="B2214" s="3"/>
    </row>
    <row r="2215" spans="2:2" x14ac:dyDescent="0.3">
      <c r="B2215" s="3"/>
    </row>
    <row r="2216" spans="2:2" x14ac:dyDescent="0.3">
      <c r="B2216" s="3"/>
    </row>
    <row r="2217" spans="2:2" x14ac:dyDescent="0.3">
      <c r="B2217" s="3"/>
    </row>
    <row r="2218" spans="2:2" x14ac:dyDescent="0.3">
      <c r="B2218" s="3"/>
    </row>
    <row r="2219" spans="2:2" x14ac:dyDescent="0.3">
      <c r="B2219" s="3"/>
    </row>
    <row r="2220" spans="2:2" x14ac:dyDescent="0.3">
      <c r="B2220" s="3"/>
    </row>
    <row r="2221" spans="2:2" x14ac:dyDescent="0.3">
      <c r="B2221" s="3"/>
    </row>
    <row r="2222" spans="2:2" x14ac:dyDescent="0.3">
      <c r="B2222" s="3"/>
    </row>
    <row r="2223" spans="2:2" x14ac:dyDescent="0.3">
      <c r="B2223" s="3"/>
    </row>
    <row r="2224" spans="2:2" x14ac:dyDescent="0.3">
      <c r="B2224" s="3"/>
    </row>
    <row r="2225" spans="2:2" x14ac:dyDescent="0.3">
      <c r="B2225" s="3"/>
    </row>
    <row r="2226" spans="2:2" x14ac:dyDescent="0.3">
      <c r="B2226" s="3"/>
    </row>
    <row r="2227" spans="2:2" x14ac:dyDescent="0.3">
      <c r="B2227" s="3"/>
    </row>
    <row r="2228" spans="2:2" x14ac:dyDescent="0.3">
      <c r="B2228" s="3"/>
    </row>
    <row r="2229" spans="2:2" x14ac:dyDescent="0.3">
      <c r="B2229" s="3"/>
    </row>
    <row r="2230" spans="2:2" x14ac:dyDescent="0.3">
      <c r="B2230" s="3"/>
    </row>
    <row r="2231" spans="2:2" x14ac:dyDescent="0.3">
      <c r="B2231" s="3"/>
    </row>
    <row r="2232" spans="2:2" x14ac:dyDescent="0.3">
      <c r="B2232" s="3"/>
    </row>
    <row r="2233" spans="2:2" x14ac:dyDescent="0.3">
      <c r="B2233" s="3"/>
    </row>
    <row r="2234" spans="2:2" x14ac:dyDescent="0.3">
      <c r="B2234" s="3"/>
    </row>
    <row r="2235" spans="2:2" x14ac:dyDescent="0.3">
      <c r="B2235" s="3"/>
    </row>
    <row r="2236" spans="2:2" x14ac:dyDescent="0.3">
      <c r="B2236" s="3"/>
    </row>
    <row r="2237" spans="2:2" x14ac:dyDescent="0.3">
      <c r="B2237" s="3"/>
    </row>
    <row r="2238" spans="2:2" x14ac:dyDescent="0.3">
      <c r="B2238" s="3"/>
    </row>
    <row r="2239" spans="2:2" x14ac:dyDescent="0.3">
      <c r="B2239" s="3"/>
    </row>
    <row r="2240" spans="2:2" x14ac:dyDescent="0.3">
      <c r="B2240" s="3"/>
    </row>
    <row r="2241" spans="2:2" x14ac:dyDescent="0.3">
      <c r="B2241" s="3"/>
    </row>
    <row r="2242" spans="2:2" x14ac:dyDescent="0.3">
      <c r="B2242" s="3"/>
    </row>
    <row r="2243" spans="2:2" x14ac:dyDescent="0.3">
      <c r="B2243" s="3"/>
    </row>
    <row r="2244" spans="2:2" x14ac:dyDescent="0.3">
      <c r="B2244" s="3"/>
    </row>
    <row r="2245" spans="2:2" x14ac:dyDescent="0.3">
      <c r="B2245" s="3"/>
    </row>
    <row r="2246" spans="2:2" x14ac:dyDescent="0.3">
      <c r="B2246" s="3"/>
    </row>
    <row r="2247" spans="2:2" x14ac:dyDescent="0.3">
      <c r="B2247" s="3"/>
    </row>
    <row r="2248" spans="2:2" x14ac:dyDescent="0.3">
      <c r="B2248" s="3"/>
    </row>
    <row r="2249" spans="2:2" x14ac:dyDescent="0.3">
      <c r="B2249" s="3"/>
    </row>
    <row r="2250" spans="2:2" x14ac:dyDescent="0.3">
      <c r="B2250" s="3"/>
    </row>
    <row r="2251" spans="2:2" x14ac:dyDescent="0.3">
      <c r="B2251" s="3"/>
    </row>
    <row r="2252" spans="2:2" x14ac:dyDescent="0.3">
      <c r="B2252" s="3"/>
    </row>
    <row r="2253" spans="2:2" x14ac:dyDescent="0.3">
      <c r="B2253" s="3"/>
    </row>
    <row r="2254" spans="2:2" x14ac:dyDescent="0.3">
      <c r="B2254" s="3"/>
    </row>
    <row r="2255" spans="2:2" x14ac:dyDescent="0.3">
      <c r="B2255" s="3"/>
    </row>
    <row r="2256" spans="2:2" x14ac:dyDescent="0.3">
      <c r="B2256" s="3"/>
    </row>
    <row r="2257" spans="2:2" x14ac:dyDescent="0.3">
      <c r="B2257" s="3"/>
    </row>
    <row r="2258" spans="2:2" x14ac:dyDescent="0.3">
      <c r="B2258" s="3"/>
    </row>
    <row r="2259" spans="2:2" x14ac:dyDescent="0.3">
      <c r="B2259" s="3"/>
    </row>
    <row r="2260" spans="2:2" x14ac:dyDescent="0.3">
      <c r="B2260" s="3"/>
    </row>
    <row r="2261" spans="2:2" x14ac:dyDescent="0.3">
      <c r="B2261" s="3"/>
    </row>
    <row r="2262" spans="2:2" x14ac:dyDescent="0.3">
      <c r="B2262" s="3"/>
    </row>
    <row r="2263" spans="2:2" x14ac:dyDescent="0.3">
      <c r="B2263" s="3"/>
    </row>
    <row r="2264" spans="2:2" x14ac:dyDescent="0.3">
      <c r="B2264" s="3"/>
    </row>
    <row r="2265" spans="2:2" x14ac:dyDescent="0.3">
      <c r="B2265" s="3"/>
    </row>
    <row r="2266" spans="2:2" x14ac:dyDescent="0.3">
      <c r="B2266" s="3"/>
    </row>
    <row r="2267" spans="2:2" x14ac:dyDescent="0.3">
      <c r="B2267" s="3"/>
    </row>
    <row r="2268" spans="2:2" x14ac:dyDescent="0.3">
      <c r="B2268" s="3"/>
    </row>
    <row r="2269" spans="2:2" x14ac:dyDescent="0.3">
      <c r="B2269" s="3"/>
    </row>
    <row r="2270" spans="2:2" x14ac:dyDescent="0.3">
      <c r="B2270" s="3"/>
    </row>
    <row r="2271" spans="2:2" x14ac:dyDescent="0.3">
      <c r="B2271" s="3"/>
    </row>
    <row r="2272" spans="2:2" x14ac:dyDescent="0.3">
      <c r="B2272" s="3"/>
    </row>
    <row r="2273" spans="2:2" x14ac:dyDescent="0.3">
      <c r="B2273" s="3"/>
    </row>
    <row r="2274" spans="2:2" x14ac:dyDescent="0.3">
      <c r="B2274" s="3"/>
    </row>
    <row r="2275" spans="2:2" x14ac:dyDescent="0.3">
      <c r="B2275" s="3"/>
    </row>
    <row r="2276" spans="2:2" x14ac:dyDescent="0.3">
      <c r="B2276" s="3"/>
    </row>
    <row r="2277" spans="2:2" x14ac:dyDescent="0.3">
      <c r="B2277" s="3"/>
    </row>
    <row r="2278" spans="2:2" x14ac:dyDescent="0.3">
      <c r="B2278" s="3"/>
    </row>
    <row r="2279" spans="2:2" x14ac:dyDescent="0.3">
      <c r="B2279" s="3"/>
    </row>
    <row r="2280" spans="2:2" x14ac:dyDescent="0.3">
      <c r="B2280" s="3"/>
    </row>
    <row r="2281" spans="2:2" x14ac:dyDescent="0.3">
      <c r="B2281" s="3"/>
    </row>
    <row r="2282" spans="2:2" x14ac:dyDescent="0.3">
      <c r="B2282" s="3"/>
    </row>
    <row r="2283" spans="2:2" x14ac:dyDescent="0.3">
      <c r="B2283" s="3"/>
    </row>
    <row r="2284" spans="2:2" x14ac:dyDescent="0.3">
      <c r="B2284" s="3"/>
    </row>
    <row r="2285" spans="2:2" x14ac:dyDescent="0.3">
      <c r="B2285" s="3"/>
    </row>
    <row r="2286" spans="2:2" x14ac:dyDescent="0.3">
      <c r="B2286" s="3"/>
    </row>
    <row r="2287" spans="2:2" x14ac:dyDescent="0.3">
      <c r="B2287" s="3"/>
    </row>
    <row r="2288" spans="2:2" x14ac:dyDescent="0.3">
      <c r="B2288" s="3"/>
    </row>
    <row r="2289" spans="2:2" x14ac:dyDescent="0.3">
      <c r="B2289" s="3"/>
    </row>
    <row r="2290" spans="2:2" x14ac:dyDescent="0.3">
      <c r="B2290" s="3"/>
    </row>
    <row r="2291" spans="2:2" x14ac:dyDescent="0.3">
      <c r="B2291" s="3"/>
    </row>
    <row r="2292" spans="2:2" x14ac:dyDescent="0.3">
      <c r="B2292" s="3"/>
    </row>
    <row r="2293" spans="2:2" x14ac:dyDescent="0.3">
      <c r="B2293" s="3"/>
    </row>
    <row r="2294" spans="2:2" x14ac:dyDescent="0.3">
      <c r="B2294" s="3"/>
    </row>
    <row r="2295" spans="2:2" x14ac:dyDescent="0.3">
      <c r="B2295" s="3"/>
    </row>
    <row r="2296" spans="2:2" x14ac:dyDescent="0.3">
      <c r="B2296" s="3"/>
    </row>
    <row r="2297" spans="2:2" x14ac:dyDescent="0.3">
      <c r="B2297" s="3"/>
    </row>
    <row r="2298" spans="2:2" x14ac:dyDescent="0.3">
      <c r="B2298" s="3"/>
    </row>
    <row r="2299" spans="2:2" x14ac:dyDescent="0.3">
      <c r="B2299" s="3"/>
    </row>
    <row r="2300" spans="2:2" x14ac:dyDescent="0.3">
      <c r="B2300" s="3"/>
    </row>
    <row r="2301" spans="2:2" x14ac:dyDescent="0.3">
      <c r="B2301" s="3"/>
    </row>
    <row r="2302" spans="2:2" x14ac:dyDescent="0.3">
      <c r="B2302" s="3"/>
    </row>
    <row r="2303" spans="2:2" x14ac:dyDescent="0.3">
      <c r="B2303" s="3"/>
    </row>
    <row r="2304" spans="2:2" x14ac:dyDescent="0.3">
      <c r="B2304" s="3"/>
    </row>
    <row r="2305" spans="2:2" x14ac:dyDescent="0.3">
      <c r="B2305" s="3"/>
    </row>
    <row r="2306" spans="2:2" x14ac:dyDescent="0.3">
      <c r="B2306" s="3"/>
    </row>
    <row r="2307" spans="2:2" x14ac:dyDescent="0.3">
      <c r="B2307" s="3"/>
    </row>
    <row r="2308" spans="2:2" x14ac:dyDescent="0.3">
      <c r="B2308" s="3"/>
    </row>
    <row r="2309" spans="2:2" x14ac:dyDescent="0.3">
      <c r="B2309" s="3"/>
    </row>
    <row r="2310" spans="2:2" x14ac:dyDescent="0.3">
      <c r="B2310" s="3"/>
    </row>
    <row r="2311" spans="2:2" x14ac:dyDescent="0.3">
      <c r="B2311" s="3"/>
    </row>
    <row r="2312" spans="2:2" x14ac:dyDescent="0.3">
      <c r="B2312" s="3"/>
    </row>
    <row r="2313" spans="2:2" x14ac:dyDescent="0.3">
      <c r="B2313" s="3"/>
    </row>
    <row r="2314" spans="2:2" x14ac:dyDescent="0.3">
      <c r="B2314" s="3"/>
    </row>
    <row r="2315" spans="2:2" x14ac:dyDescent="0.3">
      <c r="B2315" s="3"/>
    </row>
    <row r="2316" spans="2:2" x14ac:dyDescent="0.3">
      <c r="B2316" s="3"/>
    </row>
    <row r="2317" spans="2:2" x14ac:dyDescent="0.3">
      <c r="B2317" s="3"/>
    </row>
    <row r="2318" spans="2:2" x14ac:dyDescent="0.3">
      <c r="B2318" s="3"/>
    </row>
    <row r="2319" spans="2:2" x14ac:dyDescent="0.3">
      <c r="B2319" s="3"/>
    </row>
    <row r="2320" spans="2:2" x14ac:dyDescent="0.3">
      <c r="B2320" s="3"/>
    </row>
    <row r="2321" spans="2:2" x14ac:dyDescent="0.3">
      <c r="B2321" s="3"/>
    </row>
    <row r="2322" spans="2:2" x14ac:dyDescent="0.3">
      <c r="B2322" s="3"/>
    </row>
    <row r="2323" spans="2:2" x14ac:dyDescent="0.3">
      <c r="B2323" s="3"/>
    </row>
    <row r="2324" spans="2:2" x14ac:dyDescent="0.3">
      <c r="B2324" s="3"/>
    </row>
    <row r="2325" spans="2:2" x14ac:dyDescent="0.3">
      <c r="B2325" s="3"/>
    </row>
    <row r="2326" spans="2:2" x14ac:dyDescent="0.3">
      <c r="B2326" s="3"/>
    </row>
    <row r="2327" spans="2:2" x14ac:dyDescent="0.3">
      <c r="B2327" s="3"/>
    </row>
    <row r="2328" spans="2:2" x14ac:dyDescent="0.3">
      <c r="B2328" s="3"/>
    </row>
    <row r="2329" spans="2:2" x14ac:dyDescent="0.3">
      <c r="B2329" s="3"/>
    </row>
    <row r="2330" spans="2:2" x14ac:dyDescent="0.3">
      <c r="B2330" s="3"/>
    </row>
    <row r="2331" spans="2:2" x14ac:dyDescent="0.3">
      <c r="B2331" s="3"/>
    </row>
    <row r="2332" spans="2:2" x14ac:dyDescent="0.3">
      <c r="B2332" s="3"/>
    </row>
    <row r="2333" spans="2:2" x14ac:dyDescent="0.3">
      <c r="B2333" s="3"/>
    </row>
    <row r="2334" spans="2:2" x14ac:dyDescent="0.3">
      <c r="B2334" s="3"/>
    </row>
    <row r="2335" spans="2:2" x14ac:dyDescent="0.3">
      <c r="B2335" s="3"/>
    </row>
    <row r="2336" spans="2:2" x14ac:dyDescent="0.3">
      <c r="B2336" s="3"/>
    </row>
    <row r="2337" spans="2:2" x14ac:dyDescent="0.3">
      <c r="B2337" s="3"/>
    </row>
    <row r="2338" spans="2:2" x14ac:dyDescent="0.3">
      <c r="B2338" s="3"/>
    </row>
    <row r="2339" spans="2:2" x14ac:dyDescent="0.3">
      <c r="B2339" s="3"/>
    </row>
    <row r="2340" spans="2:2" x14ac:dyDescent="0.3">
      <c r="B2340" s="3"/>
    </row>
    <row r="2341" spans="2:2" x14ac:dyDescent="0.3">
      <c r="B2341" s="3"/>
    </row>
    <row r="2342" spans="2:2" x14ac:dyDescent="0.3">
      <c r="B2342" s="3"/>
    </row>
    <row r="2343" spans="2:2" x14ac:dyDescent="0.3">
      <c r="B2343" s="3"/>
    </row>
    <row r="2344" spans="2:2" x14ac:dyDescent="0.3">
      <c r="B2344" s="3"/>
    </row>
    <row r="2345" spans="2:2" x14ac:dyDescent="0.3">
      <c r="B2345" s="3"/>
    </row>
    <row r="2346" spans="2:2" x14ac:dyDescent="0.3">
      <c r="B2346" s="3"/>
    </row>
    <row r="2347" spans="2:2" x14ac:dyDescent="0.3">
      <c r="B2347" s="3"/>
    </row>
    <row r="2348" spans="2:2" x14ac:dyDescent="0.3">
      <c r="B2348" s="3"/>
    </row>
    <row r="2349" spans="2:2" x14ac:dyDescent="0.3">
      <c r="B2349" s="3"/>
    </row>
    <row r="2350" spans="2:2" x14ac:dyDescent="0.3">
      <c r="B2350" s="3"/>
    </row>
    <row r="2351" spans="2:2" x14ac:dyDescent="0.3">
      <c r="B2351" s="3"/>
    </row>
    <row r="2352" spans="2:2" x14ac:dyDescent="0.3">
      <c r="B2352" s="3"/>
    </row>
    <row r="2353" spans="2:2" x14ac:dyDescent="0.3">
      <c r="B2353" s="3"/>
    </row>
    <row r="2354" spans="2:2" x14ac:dyDescent="0.3">
      <c r="B2354" s="3"/>
    </row>
    <row r="2355" spans="2:2" x14ac:dyDescent="0.3">
      <c r="B2355" s="3"/>
    </row>
    <row r="2356" spans="2:2" x14ac:dyDescent="0.3">
      <c r="B2356" s="3"/>
    </row>
    <row r="2357" spans="2:2" x14ac:dyDescent="0.3">
      <c r="B2357" s="3"/>
    </row>
    <row r="2358" spans="2:2" x14ac:dyDescent="0.3">
      <c r="B2358" s="3"/>
    </row>
    <row r="2359" spans="2:2" x14ac:dyDescent="0.3">
      <c r="B2359" s="3"/>
    </row>
    <row r="2360" spans="2:2" x14ac:dyDescent="0.3">
      <c r="B2360" s="3"/>
    </row>
    <row r="2361" spans="2:2" x14ac:dyDescent="0.3">
      <c r="B2361" s="3"/>
    </row>
    <row r="2362" spans="2:2" x14ac:dyDescent="0.3">
      <c r="B2362" s="3"/>
    </row>
    <row r="2363" spans="2:2" x14ac:dyDescent="0.3">
      <c r="B2363" s="3"/>
    </row>
    <row r="2364" spans="2:2" x14ac:dyDescent="0.3">
      <c r="B2364" s="3"/>
    </row>
    <row r="2365" spans="2:2" x14ac:dyDescent="0.3">
      <c r="B2365" s="3"/>
    </row>
    <row r="2366" spans="2:2" x14ac:dyDescent="0.3">
      <c r="B2366" s="3"/>
    </row>
    <row r="2367" spans="2:2" x14ac:dyDescent="0.3">
      <c r="B2367" s="3"/>
    </row>
    <row r="2368" spans="2:2" x14ac:dyDescent="0.3">
      <c r="B2368" s="3"/>
    </row>
    <row r="2369" spans="2:2" x14ac:dyDescent="0.3">
      <c r="B2369" s="3"/>
    </row>
    <row r="2370" spans="2:2" x14ac:dyDescent="0.3">
      <c r="B2370" s="3"/>
    </row>
    <row r="2371" spans="2:2" x14ac:dyDescent="0.3">
      <c r="B2371" s="3"/>
    </row>
    <row r="2372" spans="2:2" x14ac:dyDescent="0.3">
      <c r="B2372" s="3"/>
    </row>
    <row r="2373" spans="2:2" x14ac:dyDescent="0.3">
      <c r="B2373" s="3"/>
    </row>
    <row r="2374" spans="2:2" x14ac:dyDescent="0.3">
      <c r="B2374" s="3"/>
    </row>
    <row r="2375" spans="2:2" x14ac:dyDescent="0.3">
      <c r="B2375" s="3"/>
    </row>
    <row r="2376" spans="2:2" x14ac:dyDescent="0.3">
      <c r="B2376" s="3"/>
    </row>
    <row r="2377" spans="2:2" x14ac:dyDescent="0.3">
      <c r="B2377" s="3"/>
    </row>
    <row r="2378" spans="2:2" x14ac:dyDescent="0.3">
      <c r="B2378" s="3"/>
    </row>
    <row r="2379" spans="2:2" x14ac:dyDescent="0.3">
      <c r="B2379" s="3"/>
    </row>
    <row r="2380" spans="2:2" x14ac:dyDescent="0.3">
      <c r="B2380" s="3"/>
    </row>
    <row r="2381" spans="2:2" x14ac:dyDescent="0.3">
      <c r="B2381" s="3"/>
    </row>
    <row r="2382" spans="2:2" x14ac:dyDescent="0.3">
      <c r="B2382" s="3"/>
    </row>
    <row r="2383" spans="2:2" x14ac:dyDescent="0.3">
      <c r="B2383" s="3"/>
    </row>
    <row r="2384" spans="2:2" x14ac:dyDescent="0.3">
      <c r="B2384" s="3"/>
    </row>
    <row r="2385" spans="2:2" x14ac:dyDescent="0.3">
      <c r="B2385" s="3"/>
    </row>
    <row r="2386" spans="2:2" x14ac:dyDescent="0.3">
      <c r="B2386" s="3"/>
    </row>
    <row r="2387" spans="2:2" x14ac:dyDescent="0.3">
      <c r="B2387" s="3"/>
    </row>
    <row r="2388" spans="2:2" x14ac:dyDescent="0.3">
      <c r="B2388" s="3"/>
    </row>
    <row r="2389" spans="2:2" x14ac:dyDescent="0.3">
      <c r="B2389" s="3"/>
    </row>
    <row r="2390" spans="2:2" x14ac:dyDescent="0.3">
      <c r="B2390" s="3"/>
    </row>
    <row r="2391" spans="2:2" x14ac:dyDescent="0.3">
      <c r="B2391" s="3"/>
    </row>
    <row r="2392" spans="2:2" x14ac:dyDescent="0.3">
      <c r="B2392" s="3"/>
    </row>
    <row r="2393" spans="2:2" x14ac:dyDescent="0.3">
      <c r="B2393" s="3"/>
    </row>
    <row r="2394" spans="2:2" x14ac:dyDescent="0.3">
      <c r="B2394" s="3"/>
    </row>
    <row r="2395" spans="2:2" x14ac:dyDescent="0.3">
      <c r="B2395" s="3"/>
    </row>
    <row r="2396" spans="2:2" x14ac:dyDescent="0.3">
      <c r="B2396" s="3"/>
    </row>
    <row r="2397" spans="2:2" x14ac:dyDescent="0.3">
      <c r="B2397" s="3"/>
    </row>
    <row r="2398" spans="2:2" x14ac:dyDescent="0.3">
      <c r="B2398" s="3"/>
    </row>
    <row r="2399" spans="2:2" x14ac:dyDescent="0.3">
      <c r="B2399" s="3"/>
    </row>
    <row r="2400" spans="2:2" x14ac:dyDescent="0.3">
      <c r="B2400" s="3"/>
    </row>
    <row r="2401" spans="2:2" x14ac:dyDescent="0.3">
      <c r="B2401" s="3"/>
    </row>
    <row r="2402" spans="2:2" x14ac:dyDescent="0.3">
      <c r="B2402" s="3"/>
    </row>
    <row r="2403" spans="2:2" x14ac:dyDescent="0.3">
      <c r="B2403" s="3"/>
    </row>
    <row r="2404" spans="2:2" x14ac:dyDescent="0.3">
      <c r="B2404" s="3"/>
    </row>
    <row r="2405" spans="2:2" x14ac:dyDescent="0.3">
      <c r="B2405" s="3"/>
    </row>
    <row r="2406" spans="2:2" x14ac:dyDescent="0.3">
      <c r="B2406" s="3"/>
    </row>
    <row r="2407" spans="2:2" x14ac:dyDescent="0.3">
      <c r="B2407" s="3"/>
    </row>
    <row r="2408" spans="2:2" x14ac:dyDescent="0.3">
      <c r="B2408" s="3"/>
    </row>
    <row r="2409" spans="2:2" x14ac:dyDescent="0.3">
      <c r="B2409" s="3"/>
    </row>
    <row r="2410" spans="2:2" x14ac:dyDescent="0.3">
      <c r="B2410" s="3"/>
    </row>
    <row r="2411" spans="2:2" x14ac:dyDescent="0.3">
      <c r="B2411" s="3"/>
    </row>
    <row r="2412" spans="2:2" x14ac:dyDescent="0.3">
      <c r="B2412" s="3"/>
    </row>
    <row r="2413" spans="2:2" x14ac:dyDescent="0.3">
      <c r="B2413" s="3"/>
    </row>
    <row r="2414" spans="2:2" x14ac:dyDescent="0.3">
      <c r="B2414" s="3"/>
    </row>
    <row r="2415" spans="2:2" x14ac:dyDescent="0.3">
      <c r="B2415" s="3"/>
    </row>
    <row r="2416" spans="2:2" x14ac:dyDescent="0.3">
      <c r="B2416" s="3"/>
    </row>
    <row r="2417" spans="2:2" x14ac:dyDescent="0.3">
      <c r="B2417" s="3"/>
    </row>
    <row r="2418" spans="2:2" x14ac:dyDescent="0.3">
      <c r="B2418" s="3"/>
    </row>
    <row r="2419" spans="2:2" x14ac:dyDescent="0.3">
      <c r="B2419" s="3"/>
    </row>
    <row r="2420" spans="2:2" x14ac:dyDescent="0.3">
      <c r="B2420" s="3"/>
    </row>
    <row r="2421" spans="2:2" x14ac:dyDescent="0.3">
      <c r="B2421" s="3"/>
    </row>
    <row r="2422" spans="2:2" x14ac:dyDescent="0.3">
      <c r="B2422" s="3"/>
    </row>
    <row r="2423" spans="2:2" x14ac:dyDescent="0.3">
      <c r="B2423" s="3"/>
    </row>
    <row r="2424" spans="2:2" x14ac:dyDescent="0.3">
      <c r="B2424" s="3"/>
    </row>
    <row r="2425" spans="2:2" x14ac:dyDescent="0.3">
      <c r="B2425" s="3"/>
    </row>
    <row r="2426" spans="2:2" x14ac:dyDescent="0.3">
      <c r="B2426" s="3"/>
    </row>
    <row r="2427" spans="2:2" x14ac:dyDescent="0.3">
      <c r="B2427" s="3"/>
    </row>
    <row r="2428" spans="2:2" x14ac:dyDescent="0.3">
      <c r="B2428" s="3"/>
    </row>
    <row r="2429" spans="2:2" x14ac:dyDescent="0.3">
      <c r="B2429" s="3"/>
    </row>
    <row r="2430" spans="2:2" x14ac:dyDescent="0.3">
      <c r="B2430" s="3"/>
    </row>
    <row r="2431" spans="2:2" x14ac:dyDescent="0.3">
      <c r="B2431" s="3"/>
    </row>
    <row r="2432" spans="2:2" x14ac:dyDescent="0.3">
      <c r="B2432" s="3"/>
    </row>
    <row r="2433" spans="2:2" x14ac:dyDescent="0.3">
      <c r="B2433" s="3"/>
    </row>
    <row r="2434" spans="2:2" x14ac:dyDescent="0.3">
      <c r="B2434" s="3"/>
    </row>
    <row r="2435" spans="2:2" x14ac:dyDescent="0.3">
      <c r="B2435" s="3"/>
    </row>
    <row r="2436" spans="2:2" x14ac:dyDescent="0.3">
      <c r="B2436" s="3"/>
    </row>
    <row r="2437" spans="2:2" x14ac:dyDescent="0.3">
      <c r="B2437" s="3"/>
    </row>
    <row r="2438" spans="2:2" x14ac:dyDescent="0.3">
      <c r="B2438" s="3"/>
    </row>
    <row r="2439" spans="2:2" x14ac:dyDescent="0.3">
      <c r="B2439" s="3"/>
    </row>
    <row r="2440" spans="2:2" x14ac:dyDescent="0.3">
      <c r="B2440" s="3"/>
    </row>
    <row r="2441" spans="2:2" x14ac:dyDescent="0.3">
      <c r="B2441" s="3"/>
    </row>
    <row r="2442" spans="2:2" x14ac:dyDescent="0.3">
      <c r="B2442" s="3"/>
    </row>
    <row r="2443" spans="2:2" x14ac:dyDescent="0.3">
      <c r="B2443" s="3"/>
    </row>
    <row r="2444" spans="2:2" x14ac:dyDescent="0.3">
      <c r="B2444" s="3"/>
    </row>
    <row r="2445" spans="2:2" x14ac:dyDescent="0.3">
      <c r="B2445" s="3"/>
    </row>
    <row r="2446" spans="2:2" x14ac:dyDescent="0.3">
      <c r="B2446" s="3"/>
    </row>
    <row r="2447" spans="2:2" x14ac:dyDescent="0.3">
      <c r="B2447" s="3"/>
    </row>
    <row r="2448" spans="2:2" x14ac:dyDescent="0.3">
      <c r="B2448" s="3"/>
    </row>
    <row r="2449" spans="2:2" x14ac:dyDescent="0.3">
      <c r="B2449" s="3"/>
    </row>
    <row r="2450" spans="2:2" x14ac:dyDescent="0.3">
      <c r="B2450" s="3"/>
    </row>
    <row r="2451" spans="2:2" x14ac:dyDescent="0.3">
      <c r="B2451" s="3"/>
    </row>
    <row r="2452" spans="2:2" x14ac:dyDescent="0.3">
      <c r="B2452" s="3"/>
    </row>
    <row r="2453" spans="2:2" x14ac:dyDescent="0.3">
      <c r="B2453" s="3"/>
    </row>
    <row r="2454" spans="2:2" x14ac:dyDescent="0.3">
      <c r="B2454" s="3"/>
    </row>
    <row r="2455" spans="2:2" x14ac:dyDescent="0.3">
      <c r="B2455" s="3"/>
    </row>
    <row r="2456" spans="2:2" x14ac:dyDescent="0.3">
      <c r="B2456" s="3"/>
    </row>
    <row r="2457" spans="2:2" x14ac:dyDescent="0.3">
      <c r="B2457" s="3"/>
    </row>
    <row r="2458" spans="2:2" x14ac:dyDescent="0.3">
      <c r="B2458" s="3"/>
    </row>
    <row r="2459" spans="2:2" x14ac:dyDescent="0.3">
      <c r="B2459" s="3"/>
    </row>
    <row r="2460" spans="2:2" x14ac:dyDescent="0.3">
      <c r="B2460" s="3"/>
    </row>
    <row r="2461" spans="2:2" x14ac:dyDescent="0.3">
      <c r="B2461" s="3"/>
    </row>
    <row r="2462" spans="2:2" x14ac:dyDescent="0.3">
      <c r="B2462" s="3"/>
    </row>
    <row r="2463" spans="2:2" x14ac:dyDescent="0.3">
      <c r="B2463" s="3"/>
    </row>
    <row r="2464" spans="2:2" x14ac:dyDescent="0.3">
      <c r="B2464" s="3"/>
    </row>
    <row r="2465" spans="2:2" x14ac:dyDescent="0.3">
      <c r="B2465" s="3"/>
    </row>
    <row r="2466" spans="2:2" x14ac:dyDescent="0.3">
      <c r="B2466" s="3"/>
    </row>
    <row r="2467" spans="2:2" x14ac:dyDescent="0.3">
      <c r="B2467" s="3"/>
    </row>
    <row r="2468" spans="2:2" x14ac:dyDescent="0.3">
      <c r="B2468" s="3"/>
    </row>
    <row r="2469" spans="2:2" x14ac:dyDescent="0.3">
      <c r="B2469" s="3"/>
    </row>
    <row r="2470" spans="2:2" x14ac:dyDescent="0.3">
      <c r="B2470" s="3"/>
    </row>
    <row r="2471" spans="2:2" x14ac:dyDescent="0.3">
      <c r="B2471" s="3"/>
    </row>
    <row r="2472" spans="2:2" x14ac:dyDescent="0.3">
      <c r="B2472" s="3"/>
    </row>
    <row r="2473" spans="2:2" x14ac:dyDescent="0.3">
      <c r="B2473" s="3"/>
    </row>
    <row r="2474" spans="2:2" x14ac:dyDescent="0.3">
      <c r="B2474" s="3"/>
    </row>
    <row r="2475" spans="2:2" x14ac:dyDescent="0.3">
      <c r="B2475" s="3"/>
    </row>
    <row r="2476" spans="2:2" x14ac:dyDescent="0.3">
      <c r="B2476" s="3"/>
    </row>
    <row r="2477" spans="2:2" x14ac:dyDescent="0.3">
      <c r="B2477" s="3"/>
    </row>
    <row r="2478" spans="2:2" x14ac:dyDescent="0.3">
      <c r="B2478" s="3"/>
    </row>
    <row r="2479" spans="2:2" x14ac:dyDescent="0.3">
      <c r="B2479" s="3"/>
    </row>
    <row r="2480" spans="2:2" x14ac:dyDescent="0.3">
      <c r="B2480" s="3"/>
    </row>
    <row r="2481" spans="2:2" x14ac:dyDescent="0.3">
      <c r="B2481" s="3"/>
    </row>
    <row r="2482" spans="2:2" x14ac:dyDescent="0.3">
      <c r="B2482" s="3"/>
    </row>
    <row r="2483" spans="2:2" x14ac:dyDescent="0.3">
      <c r="B2483" s="3"/>
    </row>
    <row r="2484" spans="2:2" x14ac:dyDescent="0.3">
      <c r="B2484" s="3"/>
    </row>
    <row r="2485" spans="2:2" x14ac:dyDescent="0.3">
      <c r="B2485" s="3"/>
    </row>
    <row r="2486" spans="2:2" x14ac:dyDescent="0.3">
      <c r="B2486" s="3"/>
    </row>
    <row r="2487" spans="2:2" x14ac:dyDescent="0.3">
      <c r="B2487" s="3"/>
    </row>
    <row r="2488" spans="2:2" x14ac:dyDescent="0.3">
      <c r="B2488" s="3"/>
    </row>
    <row r="2489" spans="2:2" x14ac:dyDescent="0.3">
      <c r="B2489" s="3"/>
    </row>
    <row r="2490" spans="2:2" x14ac:dyDescent="0.3">
      <c r="B2490" s="3"/>
    </row>
    <row r="2491" spans="2:2" x14ac:dyDescent="0.3">
      <c r="B2491" s="3"/>
    </row>
    <row r="2492" spans="2:2" x14ac:dyDescent="0.3">
      <c r="B2492" s="3"/>
    </row>
    <row r="2493" spans="2:2" x14ac:dyDescent="0.3">
      <c r="B2493" s="3"/>
    </row>
    <row r="2494" spans="2:2" x14ac:dyDescent="0.3">
      <c r="B2494" s="3"/>
    </row>
    <row r="2495" spans="2:2" x14ac:dyDescent="0.3">
      <c r="B2495" s="3"/>
    </row>
    <row r="2496" spans="2:2" x14ac:dyDescent="0.3">
      <c r="B2496" s="3"/>
    </row>
    <row r="2497" spans="2:2" x14ac:dyDescent="0.3">
      <c r="B2497" s="3"/>
    </row>
    <row r="2498" spans="2:2" x14ac:dyDescent="0.3">
      <c r="B2498" s="3"/>
    </row>
    <row r="2499" spans="2:2" x14ac:dyDescent="0.3">
      <c r="B2499" s="3"/>
    </row>
    <row r="2500" spans="2:2" x14ac:dyDescent="0.3">
      <c r="B2500" s="3"/>
    </row>
    <row r="2501" spans="2:2" x14ac:dyDescent="0.3">
      <c r="B2501" s="3"/>
    </row>
    <row r="2502" spans="2:2" x14ac:dyDescent="0.3">
      <c r="B2502" s="3"/>
    </row>
    <row r="2503" spans="2:2" x14ac:dyDescent="0.3">
      <c r="B2503" s="3"/>
    </row>
    <row r="2504" spans="2:2" x14ac:dyDescent="0.3">
      <c r="B2504" s="3"/>
    </row>
    <row r="2505" spans="2:2" x14ac:dyDescent="0.3">
      <c r="B2505" s="3"/>
    </row>
    <row r="2506" spans="2:2" x14ac:dyDescent="0.3">
      <c r="B2506" s="3"/>
    </row>
    <row r="2507" spans="2:2" x14ac:dyDescent="0.3">
      <c r="B2507" s="3"/>
    </row>
    <row r="2508" spans="2:2" x14ac:dyDescent="0.3">
      <c r="B2508" s="3"/>
    </row>
    <row r="2509" spans="2:2" x14ac:dyDescent="0.3">
      <c r="B2509" s="3"/>
    </row>
    <row r="2510" spans="2:2" x14ac:dyDescent="0.3">
      <c r="B2510" s="3"/>
    </row>
    <row r="2511" spans="2:2" x14ac:dyDescent="0.3">
      <c r="B2511" s="3"/>
    </row>
    <row r="2512" spans="2:2" x14ac:dyDescent="0.3">
      <c r="B2512" s="3"/>
    </row>
    <row r="2513" spans="2:2" x14ac:dyDescent="0.3">
      <c r="B2513" s="3"/>
    </row>
    <row r="2514" spans="2:2" x14ac:dyDescent="0.3">
      <c r="B2514" s="3"/>
    </row>
    <row r="2515" spans="2:2" x14ac:dyDescent="0.3">
      <c r="B2515" s="3"/>
    </row>
    <row r="2516" spans="2:2" x14ac:dyDescent="0.3">
      <c r="B2516" s="3"/>
    </row>
    <row r="2517" spans="2:2" x14ac:dyDescent="0.3">
      <c r="B2517" s="3"/>
    </row>
    <row r="2518" spans="2:2" x14ac:dyDescent="0.3">
      <c r="B2518" s="3"/>
    </row>
    <row r="2519" spans="2:2" x14ac:dyDescent="0.3">
      <c r="B2519" s="3"/>
    </row>
    <row r="2520" spans="2:2" x14ac:dyDescent="0.3">
      <c r="B2520" s="3"/>
    </row>
    <row r="2521" spans="2:2" x14ac:dyDescent="0.3">
      <c r="B2521" s="3"/>
    </row>
    <row r="2522" spans="2:2" x14ac:dyDescent="0.3">
      <c r="B2522" s="3"/>
    </row>
    <row r="2523" spans="2:2" x14ac:dyDescent="0.3">
      <c r="B2523" s="3"/>
    </row>
    <row r="2524" spans="2:2" x14ac:dyDescent="0.3">
      <c r="B2524" s="3"/>
    </row>
    <row r="2525" spans="2:2" x14ac:dyDescent="0.3">
      <c r="B2525" s="3"/>
    </row>
    <row r="2526" spans="2:2" x14ac:dyDescent="0.3">
      <c r="B2526" s="3"/>
    </row>
    <row r="2527" spans="2:2" x14ac:dyDescent="0.3">
      <c r="B2527" s="3"/>
    </row>
    <row r="2528" spans="2:2" x14ac:dyDescent="0.3">
      <c r="B2528" s="3"/>
    </row>
    <row r="2529" spans="2:2" x14ac:dyDescent="0.3">
      <c r="B2529" s="3"/>
    </row>
    <row r="2530" spans="2:2" x14ac:dyDescent="0.3">
      <c r="B2530" s="3"/>
    </row>
    <row r="2531" spans="2:2" x14ac:dyDescent="0.3">
      <c r="B2531" s="3"/>
    </row>
    <row r="2532" spans="2:2" x14ac:dyDescent="0.3">
      <c r="B2532" s="3"/>
    </row>
    <row r="2533" spans="2:2" x14ac:dyDescent="0.3">
      <c r="B2533" s="3"/>
    </row>
    <row r="2534" spans="2:2" x14ac:dyDescent="0.3">
      <c r="B2534" s="3"/>
    </row>
    <row r="2535" spans="2:2" x14ac:dyDescent="0.3">
      <c r="B2535" s="3"/>
    </row>
    <row r="2536" spans="2:2" x14ac:dyDescent="0.3">
      <c r="B2536" s="3"/>
    </row>
    <row r="2537" spans="2:2" x14ac:dyDescent="0.3">
      <c r="B2537" s="3"/>
    </row>
    <row r="2538" spans="2:2" x14ac:dyDescent="0.3">
      <c r="B2538" s="3"/>
    </row>
    <row r="2539" spans="2:2" x14ac:dyDescent="0.3">
      <c r="B2539" s="3"/>
    </row>
    <row r="2540" spans="2:2" x14ac:dyDescent="0.3">
      <c r="B2540" s="3"/>
    </row>
    <row r="2541" spans="2:2" x14ac:dyDescent="0.3">
      <c r="B2541" s="3"/>
    </row>
    <row r="2542" spans="2:2" x14ac:dyDescent="0.3">
      <c r="B2542" s="3"/>
    </row>
    <row r="2543" spans="2:2" x14ac:dyDescent="0.3">
      <c r="B2543" s="3"/>
    </row>
    <row r="2544" spans="2:2" x14ac:dyDescent="0.3">
      <c r="B2544" s="3"/>
    </row>
    <row r="2545" spans="2:2" x14ac:dyDescent="0.3">
      <c r="B2545" s="3"/>
    </row>
    <row r="2546" spans="2:2" x14ac:dyDescent="0.3">
      <c r="B2546" s="3"/>
    </row>
    <row r="2547" spans="2:2" x14ac:dyDescent="0.3">
      <c r="B2547" s="3"/>
    </row>
    <row r="2548" spans="2:2" x14ac:dyDescent="0.3">
      <c r="B2548" s="3"/>
    </row>
    <row r="2549" spans="2:2" x14ac:dyDescent="0.3">
      <c r="B2549" s="3"/>
    </row>
    <row r="2550" spans="2:2" x14ac:dyDescent="0.3">
      <c r="B2550" s="3"/>
    </row>
    <row r="2551" spans="2:2" x14ac:dyDescent="0.3">
      <c r="B2551" s="3"/>
    </row>
    <row r="2552" spans="2:2" x14ac:dyDescent="0.3">
      <c r="B2552" s="3"/>
    </row>
    <row r="2553" spans="2:2" x14ac:dyDescent="0.3">
      <c r="B2553" s="3"/>
    </row>
    <row r="2554" spans="2:2" x14ac:dyDescent="0.3">
      <c r="B2554" s="3"/>
    </row>
    <row r="2555" spans="2:2" x14ac:dyDescent="0.3">
      <c r="B2555" s="3"/>
    </row>
    <row r="2556" spans="2:2" x14ac:dyDescent="0.3">
      <c r="B2556" s="3"/>
    </row>
    <row r="2557" spans="2:2" x14ac:dyDescent="0.3">
      <c r="B2557" s="3"/>
    </row>
    <row r="2558" spans="2:2" x14ac:dyDescent="0.3">
      <c r="B2558" s="3"/>
    </row>
    <row r="2559" spans="2:2" x14ac:dyDescent="0.3">
      <c r="B2559" s="3"/>
    </row>
    <row r="2560" spans="2:2" x14ac:dyDescent="0.3">
      <c r="B2560" s="3"/>
    </row>
    <row r="2561" spans="2:2" x14ac:dyDescent="0.3">
      <c r="B2561" s="3"/>
    </row>
    <row r="2562" spans="2:2" x14ac:dyDescent="0.3">
      <c r="B2562" s="3"/>
    </row>
    <row r="2563" spans="2:2" x14ac:dyDescent="0.3">
      <c r="B2563" s="3"/>
    </row>
    <row r="2564" spans="2:2" x14ac:dyDescent="0.3">
      <c r="B2564" s="3"/>
    </row>
    <row r="2565" spans="2:2" x14ac:dyDescent="0.3">
      <c r="B2565" s="3"/>
    </row>
    <row r="2566" spans="2:2" x14ac:dyDescent="0.3">
      <c r="B2566" s="3"/>
    </row>
    <row r="2567" spans="2:2" x14ac:dyDescent="0.3">
      <c r="B2567" s="3"/>
    </row>
    <row r="2568" spans="2:2" x14ac:dyDescent="0.3">
      <c r="B2568" s="3"/>
    </row>
    <row r="2569" spans="2:2" x14ac:dyDescent="0.3">
      <c r="B2569" s="3"/>
    </row>
    <row r="2570" spans="2:2" x14ac:dyDescent="0.3">
      <c r="B2570" s="3"/>
    </row>
    <row r="2571" spans="2:2" x14ac:dyDescent="0.3">
      <c r="B2571" s="3"/>
    </row>
    <row r="2572" spans="2:2" x14ac:dyDescent="0.3">
      <c r="B2572" s="3"/>
    </row>
    <row r="2573" spans="2:2" x14ac:dyDescent="0.3">
      <c r="B2573" s="3"/>
    </row>
    <row r="2574" spans="2:2" x14ac:dyDescent="0.3">
      <c r="B2574" s="3"/>
    </row>
    <row r="2575" spans="2:2" x14ac:dyDescent="0.3">
      <c r="B2575" s="3"/>
    </row>
    <row r="2576" spans="2:2" x14ac:dyDescent="0.3">
      <c r="B2576" s="3"/>
    </row>
    <row r="2577" spans="2:2" x14ac:dyDescent="0.3">
      <c r="B2577" s="3"/>
    </row>
    <row r="2578" spans="2:2" x14ac:dyDescent="0.3">
      <c r="B2578" s="3"/>
    </row>
    <row r="2579" spans="2:2" x14ac:dyDescent="0.3">
      <c r="B2579" s="3"/>
    </row>
    <row r="2580" spans="2:2" x14ac:dyDescent="0.3">
      <c r="B2580" s="3"/>
    </row>
    <row r="2581" spans="2:2" x14ac:dyDescent="0.3">
      <c r="B2581" s="3"/>
    </row>
    <row r="2582" spans="2:2" x14ac:dyDescent="0.3">
      <c r="B2582" s="3"/>
    </row>
    <row r="2583" spans="2:2" x14ac:dyDescent="0.3">
      <c r="B2583" s="3"/>
    </row>
    <row r="2584" spans="2:2" x14ac:dyDescent="0.3">
      <c r="B2584" s="3"/>
    </row>
    <row r="2585" spans="2:2" x14ac:dyDescent="0.3">
      <c r="B2585" s="3"/>
    </row>
    <row r="2586" spans="2:2" x14ac:dyDescent="0.3">
      <c r="B2586" s="3"/>
    </row>
    <row r="2587" spans="2:2" x14ac:dyDescent="0.3">
      <c r="B2587" s="3"/>
    </row>
    <row r="2588" spans="2:2" x14ac:dyDescent="0.3">
      <c r="B2588" s="3"/>
    </row>
    <row r="2589" spans="2:2" x14ac:dyDescent="0.3">
      <c r="B2589" s="3"/>
    </row>
    <row r="2590" spans="2:2" x14ac:dyDescent="0.3">
      <c r="B2590" s="3"/>
    </row>
    <row r="2591" spans="2:2" x14ac:dyDescent="0.3">
      <c r="B2591" s="3"/>
    </row>
    <row r="2592" spans="2:2" x14ac:dyDescent="0.3">
      <c r="B2592" s="3"/>
    </row>
    <row r="2593" spans="2:2" x14ac:dyDescent="0.3">
      <c r="B2593" s="3"/>
    </row>
    <row r="2594" spans="2:2" x14ac:dyDescent="0.3">
      <c r="B2594" s="3"/>
    </row>
    <row r="2595" spans="2:2" x14ac:dyDescent="0.3">
      <c r="B2595" s="3"/>
    </row>
    <row r="2596" spans="2:2" x14ac:dyDescent="0.3">
      <c r="B2596" s="3"/>
    </row>
    <row r="2597" spans="2:2" x14ac:dyDescent="0.3">
      <c r="B2597" s="3"/>
    </row>
    <row r="2598" spans="2:2" x14ac:dyDescent="0.3">
      <c r="B2598" s="3"/>
    </row>
    <row r="2599" spans="2:2" x14ac:dyDescent="0.3">
      <c r="B2599" s="3"/>
    </row>
    <row r="2600" spans="2:2" x14ac:dyDescent="0.3">
      <c r="B2600" s="3"/>
    </row>
    <row r="2601" spans="2:2" x14ac:dyDescent="0.3">
      <c r="B2601" s="3"/>
    </row>
    <row r="2602" spans="2:2" x14ac:dyDescent="0.3">
      <c r="B2602" s="3"/>
    </row>
    <row r="2603" spans="2:2" x14ac:dyDescent="0.3">
      <c r="B2603" s="3"/>
    </row>
    <row r="2604" spans="2:2" x14ac:dyDescent="0.3">
      <c r="B2604" s="3"/>
    </row>
    <row r="2605" spans="2:2" x14ac:dyDescent="0.3">
      <c r="B2605" s="3"/>
    </row>
    <row r="2606" spans="2:2" x14ac:dyDescent="0.3">
      <c r="B2606" s="3"/>
    </row>
    <row r="2607" spans="2:2" x14ac:dyDescent="0.3">
      <c r="B2607" s="3"/>
    </row>
    <row r="2608" spans="2:2" x14ac:dyDescent="0.3">
      <c r="B2608" s="3"/>
    </row>
    <row r="2609" spans="2:2" x14ac:dyDescent="0.3">
      <c r="B2609" s="3"/>
    </row>
    <row r="2610" spans="2:2" x14ac:dyDescent="0.3">
      <c r="B2610" s="3"/>
    </row>
    <row r="2611" spans="2:2" x14ac:dyDescent="0.3">
      <c r="B2611" s="3"/>
    </row>
    <row r="2612" spans="2:2" x14ac:dyDescent="0.3">
      <c r="B2612" s="3"/>
    </row>
    <row r="2613" spans="2:2" x14ac:dyDescent="0.3">
      <c r="B2613" s="3"/>
    </row>
    <row r="2614" spans="2:2" x14ac:dyDescent="0.3">
      <c r="B2614" s="3"/>
    </row>
    <row r="2615" spans="2:2" x14ac:dyDescent="0.3">
      <c r="B2615" s="3"/>
    </row>
    <row r="2616" spans="2:2" x14ac:dyDescent="0.3">
      <c r="B2616" s="3"/>
    </row>
    <row r="2617" spans="2:2" x14ac:dyDescent="0.3">
      <c r="B2617" s="3"/>
    </row>
    <row r="2618" spans="2:2" x14ac:dyDescent="0.3">
      <c r="B2618" s="3"/>
    </row>
    <row r="2619" spans="2:2" x14ac:dyDescent="0.3">
      <c r="B2619" s="3"/>
    </row>
    <row r="2620" spans="2:2" x14ac:dyDescent="0.3">
      <c r="B2620" s="3"/>
    </row>
    <row r="2621" spans="2:2" x14ac:dyDescent="0.3">
      <c r="B2621" s="3"/>
    </row>
    <row r="2622" spans="2:2" x14ac:dyDescent="0.3">
      <c r="B2622" s="3"/>
    </row>
    <row r="2623" spans="2:2" x14ac:dyDescent="0.3">
      <c r="B2623" s="3"/>
    </row>
    <row r="2624" spans="2:2" x14ac:dyDescent="0.3">
      <c r="B2624" s="3"/>
    </row>
    <row r="2625" spans="2:2" x14ac:dyDescent="0.3">
      <c r="B2625" s="3"/>
    </row>
    <row r="2626" spans="2:2" x14ac:dyDescent="0.3">
      <c r="B2626" s="3"/>
    </row>
    <row r="2627" spans="2:2" x14ac:dyDescent="0.3">
      <c r="B2627" s="3"/>
    </row>
    <row r="2628" spans="2:2" x14ac:dyDescent="0.3">
      <c r="B2628" s="3"/>
    </row>
    <row r="2629" spans="2:2" x14ac:dyDescent="0.3">
      <c r="B2629" s="3"/>
    </row>
    <row r="2630" spans="2:2" x14ac:dyDescent="0.3">
      <c r="B2630" s="3"/>
    </row>
    <row r="2631" spans="2:2" x14ac:dyDescent="0.3">
      <c r="B2631" s="3"/>
    </row>
    <row r="2632" spans="2:2" x14ac:dyDescent="0.3">
      <c r="B2632" s="3"/>
    </row>
    <row r="2633" spans="2:2" x14ac:dyDescent="0.3">
      <c r="B2633" s="3"/>
    </row>
    <row r="2634" spans="2:2" x14ac:dyDescent="0.3">
      <c r="B2634" s="3"/>
    </row>
    <row r="2635" spans="2:2" x14ac:dyDescent="0.3">
      <c r="B2635" s="3"/>
    </row>
    <row r="2636" spans="2:2" x14ac:dyDescent="0.3">
      <c r="B2636" s="3"/>
    </row>
    <row r="2637" spans="2:2" x14ac:dyDescent="0.3">
      <c r="B2637" s="3"/>
    </row>
    <row r="2638" spans="2:2" x14ac:dyDescent="0.3">
      <c r="B2638" s="3"/>
    </row>
    <row r="2639" spans="2:2" x14ac:dyDescent="0.3">
      <c r="B2639" s="3"/>
    </row>
    <row r="2640" spans="2:2" x14ac:dyDescent="0.3">
      <c r="B2640" s="3"/>
    </row>
    <row r="2641" spans="2:2" x14ac:dyDescent="0.3">
      <c r="B2641" s="3"/>
    </row>
    <row r="2642" spans="2:2" x14ac:dyDescent="0.3">
      <c r="B2642" s="3"/>
    </row>
    <row r="2643" spans="2:2" x14ac:dyDescent="0.3">
      <c r="B2643" s="3"/>
    </row>
    <row r="2644" spans="2:2" x14ac:dyDescent="0.3">
      <c r="B2644" s="3"/>
    </row>
    <row r="2645" spans="2:2" x14ac:dyDescent="0.3">
      <c r="B2645" s="3"/>
    </row>
    <row r="2646" spans="2:2" x14ac:dyDescent="0.3">
      <c r="B2646" s="3"/>
    </row>
    <row r="2647" spans="2:2" x14ac:dyDescent="0.3">
      <c r="B2647" s="3"/>
    </row>
    <row r="2648" spans="2:2" x14ac:dyDescent="0.3">
      <c r="B2648" s="3"/>
    </row>
    <row r="2649" spans="2:2" x14ac:dyDescent="0.3">
      <c r="B2649" s="3"/>
    </row>
    <row r="2650" spans="2:2" x14ac:dyDescent="0.3">
      <c r="B2650" s="3"/>
    </row>
    <row r="2651" spans="2:2" x14ac:dyDescent="0.3">
      <c r="B2651" s="3"/>
    </row>
    <row r="2652" spans="2:2" x14ac:dyDescent="0.3">
      <c r="B2652" s="3"/>
    </row>
    <row r="2653" spans="2:2" x14ac:dyDescent="0.3">
      <c r="B2653" s="3"/>
    </row>
    <row r="2654" spans="2:2" x14ac:dyDescent="0.3">
      <c r="B2654" s="3"/>
    </row>
    <row r="2655" spans="2:2" x14ac:dyDescent="0.3">
      <c r="B2655" s="3"/>
    </row>
    <row r="2656" spans="2:2" x14ac:dyDescent="0.3">
      <c r="B2656" s="3"/>
    </row>
    <row r="2657" spans="2:2" x14ac:dyDescent="0.3">
      <c r="B2657" s="3"/>
    </row>
    <row r="2658" spans="2:2" x14ac:dyDescent="0.3">
      <c r="B2658" s="3"/>
    </row>
    <row r="2659" spans="2:2" x14ac:dyDescent="0.3">
      <c r="B2659" s="3"/>
    </row>
    <row r="2660" spans="2:2" x14ac:dyDescent="0.3">
      <c r="B2660" s="3"/>
    </row>
    <row r="2661" spans="2:2" x14ac:dyDescent="0.3">
      <c r="B2661" s="3"/>
    </row>
    <row r="2662" spans="2:2" x14ac:dyDescent="0.3">
      <c r="B2662" s="3"/>
    </row>
    <row r="2663" spans="2:2" x14ac:dyDescent="0.3">
      <c r="B2663" s="3"/>
    </row>
    <row r="2664" spans="2:2" x14ac:dyDescent="0.3">
      <c r="B2664" s="3"/>
    </row>
    <row r="2665" spans="2:2" x14ac:dyDescent="0.3">
      <c r="B2665" s="3"/>
    </row>
    <row r="2666" spans="2:2" x14ac:dyDescent="0.3">
      <c r="B2666" s="3"/>
    </row>
    <row r="2667" spans="2:2" x14ac:dyDescent="0.3">
      <c r="B2667" s="3"/>
    </row>
    <row r="2668" spans="2:2" x14ac:dyDescent="0.3">
      <c r="B2668" s="3"/>
    </row>
    <row r="2669" spans="2:2" x14ac:dyDescent="0.3">
      <c r="B2669" s="3"/>
    </row>
    <row r="2670" spans="2:2" x14ac:dyDescent="0.3">
      <c r="B2670" s="3"/>
    </row>
    <row r="2671" spans="2:2" x14ac:dyDescent="0.3">
      <c r="B2671" s="3"/>
    </row>
    <row r="2672" spans="2:2" x14ac:dyDescent="0.3">
      <c r="B2672" s="3"/>
    </row>
    <row r="2673" spans="2:2" x14ac:dyDescent="0.3">
      <c r="B2673" s="3"/>
    </row>
    <row r="2674" spans="2:2" x14ac:dyDescent="0.3">
      <c r="B2674" s="3"/>
    </row>
    <row r="2675" spans="2:2" x14ac:dyDescent="0.3">
      <c r="B2675" s="3"/>
    </row>
    <row r="2676" spans="2:2" x14ac:dyDescent="0.3">
      <c r="B2676" s="3"/>
    </row>
    <row r="2677" spans="2:2" x14ac:dyDescent="0.3">
      <c r="B2677" s="3"/>
    </row>
    <row r="2678" spans="2:2" x14ac:dyDescent="0.3">
      <c r="B2678" s="3"/>
    </row>
    <row r="2679" spans="2:2" x14ac:dyDescent="0.3">
      <c r="B2679" s="3"/>
    </row>
    <row r="2680" spans="2:2" x14ac:dyDescent="0.3">
      <c r="B2680" s="3"/>
    </row>
    <row r="2681" spans="2:2" x14ac:dyDescent="0.3">
      <c r="B2681" s="3"/>
    </row>
    <row r="2682" spans="2:2" x14ac:dyDescent="0.3">
      <c r="B2682" s="3"/>
    </row>
    <row r="2683" spans="2:2" x14ac:dyDescent="0.3">
      <c r="B2683" s="3"/>
    </row>
    <row r="2684" spans="2:2" x14ac:dyDescent="0.3">
      <c r="B2684" s="3"/>
    </row>
    <row r="2685" spans="2:2" x14ac:dyDescent="0.3">
      <c r="B2685" s="3"/>
    </row>
    <row r="2686" spans="2:2" x14ac:dyDescent="0.3">
      <c r="B2686" s="3"/>
    </row>
    <row r="2687" spans="2:2" x14ac:dyDescent="0.3">
      <c r="B2687" s="3"/>
    </row>
    <row r="2688" spans="2:2" x14ac:dyDescent="0.3">
      <c r="B2688" s="3"/>
    </row>
    <row r="2689" spans="2:2" x14ac:dyDescent="0.3">
      <c r="B2689" s="3"/>
    </row>
    <row r="2690" spans="2:2" x14ac:dyDescent="0.3">
      <c r="B2690" s="3"/>
    </row>
    <row r="2691" spans="2:2" x14ac:dyDescent="0.3">
      <c r="B2691" s="3"/>
    </row>
    <row r="2692" spans="2:2" x14ac:dyDescent="0.3">
      <c r="B2692" s="3"/>
    </row>
    <row r="2693" spans="2:2" x14ac:dyDescent="0.3">
      <c r="B2693" s="3"/>
    </row>
    <row r="2694" spans="2:2" x14ac:dyDescent="0.3">
      <c r="B2694" s="3"/>
    </row>
    <row r="2695" spans="2:2" x14ac:dyDescent="0.3">
      <c r="B2695" s="3"/>
    </row>
    <row r="2696" spans="2:2" x14ac:dyDescent="0.3">
      <c r="B2696" s="3"/>
    </row>
    <row r="2697" spans="2:2" x14ac:dyDescent="0.3">
      <c r="B2697" s="3"/>
    </row>
    <row r="2698" spans="2:2" x14ac:dyDescent="0.3">
      <c r="B2698" s="3"/>
    </row>
    <row r="2699" spans="2:2" x14ac:dyDescent="0.3">
      <c r="B2699" s="3"/>
    </row>
    <row r="2700" spans="2:2" x14ac:dyDescent="0.3">
      <c r="B2700" s="3"/>
    </row>
    <row r="2701" spans="2:2" x14ac:dyDescent="0.3">
      <c r="B2701" s="3"/>
    </row>
    <row r="2702" spans="2:2" x14ac:dyDescent="0.3">
      <c r="B2702" s="3"/>
    </row>
    <row r="2703" spans="2:2" x14ac:dyDescent="0.3">
      <c r="B2703" s="3"/>
    </row>
    <row r="2704" spans="2:2" x14ac:dyDescent="0.3">
      <c r="B2704" s="3"/>
    </row>
    <row r="2705" spans="2:2" x14ac:dyDescent="0.3">
      <c r="B2705" s="3"/>
    </row>
    <row r="2706" spans="2:2" x14ac:dyDescent="0.3">
      <c r="B2706" s="3"/>
    </row>
  </sheetData>
  <pageMargins left="0.7" right="0.7" top="0.75" bottom="0.75" header="0.3" footer="0.3"/>
  <pageSetup paperSize="9" orientation="portrait" r:id="rId1"/>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3087BE-61AE-45FD-BAE7-5C9F57D8BF8F}">
  <dimension ref="A1:H52"/>
  <sheetViews>
    <sheetView workbookViewId="0"/>
  </sheetViews>
  <sheetFormatPr defaultColWidth="9.1796875" defaultRowHeight="14" x14ac:dyDescent="0.3"/>
  <cols>
    <col min="1" max="14" width="15.7265625" style="1" customWidth="1"/>
    <col min="15" max="16384" width="9.1796875" style="1"/>
  </cols>
  <sheetData>
    <row r="1" spans="1:8" x14ac:dyDescent="0.3">
      <c r="A1" s="1" t="s">
        <v>4</v>
      </c>
      <c r="B1" s="1">
        <v>20</v>
      </c>
    </row>
    <row r="2" spans="1:8" x14ac:dyDescent="0.3">
      <c r="A2" s="1" t="s">
        <v>3</v>
      </c>
      <c r="B2" s="1" t="s">
        <v>182</v>
      </c>
    </row>
    <row r="3" spans="1:8" x14ac:dyDescent="0.3">
      <c r="A3" s="1" t="s">
        <v>5</v>
      </c>
      <c r="B3" s="1" t="s">
        <v>183</v>
      </c>
    </row>
    <row r="4" spans="1:8" x14ac:dyDescent="0.3">
      <c r="A4" s="1" t="s">
        <v>2</v>
      </c>
      <c r="B4" s="1" t="s">
        <v>184</v>
      </c>
    </row>
    <row r="5" spans="1:8" x14ac:dyDescent="0.3">
      <c r="A5" s="1" t="s">
        <v>1</v>
      </c>
      <c r="B5" s="13" t="s">
        <v>163</v>
      </c>
    </row>
    <row r="7" spans="1:8" x14ac:dyDescent="0.3">
      <c r="B7" s="12" t="s">
        <v>193</v>
      </c>
      <c r="C7" s="12"/>
      <c r="D7" s="12"/>
      <c r="F7" s="12" t="s">
        <v>192</v>
      </c>
      <c r="G7" s="12"/>
      <c r="H7" s="12"/>
    </row>
    <row r="8" spans="1:8" x14ac:dyDescent="0.3">
      <c r="B8" s="1" t="s">
        <v>189</v>
      </c>
      <c r="C8" s="1" t="s">
        <v>190</v>
      </c>
      <c r="D8" s="1" t="s">
        <v>191</v>
      </c>
      <c r="F8" s="1" t="s">
        <v>186</v>
      </c>
      <c r="G8" s="1" t="s">
        <v>187</v>
      </c>
      <c r="H8" s="1" t="s">
        <v>188</v>
      </c>
    </row>
    <row r="9" spans="1:8" x14ac:dyDescent="0.3">
      <c r="A9" s="1" t="s">
        <v>185</v>
      </c>
      <c r="B9" s="17"/>
      <c r="C9" s="17">
        <v>0.22927506070065884</v>
      </c>
      <c r="D9" s="17">
        <v>-8.4507042253521125E-2</v>
      </c>
      <c r="F9" s="17" t="s">
        <v>11</v>
      </c>
      <c r="G9" s="17">
        <v>-0.11822988057750916</v>
      </c>
      <c r="H9" s="17">
        <v>-0.32982515978239402</v>
      </c>
    </row>
    <row r="10" spans="1:8" x14ac:dyDescent="0.3">
      <c r="A10" s="1" t="s">
        <v>23</v>
      </c>
      <c r="B10" s="17">
        <v>0.25582481036130411</v>
      </c>
      <c r="C10" s="17">
        <v>0.28424472116946409</v>
      </c>
      <c r="D10" s="17">
        <v>-0.16709292412617216</v>
      </c>
      <c r="F10" s="17">
        <v>0.24389136206641826</v>
      </c>
      <c r="G10" s="17">
        <v>-0.32909939489858264</v>
      </c>
      <c r="H10" s="17">
        <v>-0.50153102448242415</v>
      </c>
    </row>
    <row r="11" spans="1:8" x14ac:dyDescent="0.3">
      <c r="A11" s="7"/>
      <c r="B11" s="3"/>
      <c r="C11" s="3"/>
    </row>
    <row r="12" spans="1:8" x14ac:dyDescent="0.3">
      <c r="A12" s="7"/>
      <c r="B12" s="3"/>
      <c r="C12" s="3"/>
    </row>
    <row r="13" spans="1:8" x14ac:dyDescent="0.3">
      <c r="A13" s="7"/>
      <c r="B13" s="3"/>
      <c r="C13" s="3"/>
    </row>
    <row r="14" spans="1:8" x14ac:dyDescent="0.3">
      <c r="A14" s="7"/>
      <c r="B14" s="3"/>
      <c r="C14" s="3"/>
    </row>
    <row r="15" spans="1:8" x14ac:dyDescent="0.3">
      <c r="A15" s="7"/>
      <c r="B15" s="3"/>
      <c r="C15" s="3"/>
    </row>
    <row r="16" spans="1:8" x14ac:dyDescent="0.3">
      <c r="A16" s="7"/>
      <c r="B16" s="3"/>
      <c r="C16" s="3"/>
    </row>
    <row r="17" spans="1:3" x14ac:dyDescent="0.3">
      <c r="A17" s="7"/>
      <c r="B17" s="3"/>
      <c r="C17" s="3"/>
    </row>
    <row r="18" spans="1:3" x14ac:dyDescent="0.3">
      <c r="A18" s="7"/>
      <c r="B18" s="3"/>
      <c r="C18" s="3"/>
    </row>
    <row r="19" spans="1:3" x14ac:dyDescent="0.3">
      <c r="A19" s="7"/>
      <c r="B19" s="3"/>
      <c r="C19" s="3"/>
    </row>
    <row r="20" spans="1:3" x14ac:dyDescent="0.3">
      <c r="A20" s="7"/>
      <c r="B20" s="3"/>
      <c r="C20" s="3"/>
    </row>
    <row r="21" spans="1:3" x14ac:dyDescent="0.3">
      <c r="A21" s="7"/>
      <c r="B21" s="3"/>
      <c r="C21" s="3"/>
    </row>
    <row r="22" spans="1:3" x14ac:dyDescent="0.3">
      <c r="A22" s="7"/>
      <c r="B22" s="3"/>
      <c r="C22" s="3"/>
    </row>
    <row r="23" spans="1:3" x14ac:dyDescent="0.3">
      <c r="A23" s="7"/>
      <c r="B23" s="3"/>
      <c r="C23" s="3"/>
    </row>
    <row r="24" spans="1:3" x14ac:dyDescent="0.3">
      <c r="A24" s="7"/>
      <c r="B24" s="3"/>
      <c r="C24" s="3"/>
    </row>
    <row r="25" spans="1:3" x14ac:dyDescent="0.3">
      <c r="A25" s="7"/>
      <c r="B25" s="3"/>
      <c r="C25" s="3"/>
    </row>
    <row r="26" spans="1:3" x14ac:dyDescent="0.3">
      <c r="A26" s="7"/>
      <c r="B26" s="3"/>
      <c r="C26" s="3"/>
    </row>
    <row r="27" spans="1:3" x14ac:dyDescent="0.3">
      <c r="A27" s="7"/>
      <c r="B27" s="3"/>
      <c r="C27" s="3"/>
    </row>
    <row r="28" spans="1:3" x14ac:dyDescent="0.3">
      <c r="A28" s="7"/>
      <c r="B28" s="3"/>
      <c r="C28" s="3"/>
    </row>
    <row r="29" spans="1:3" x14ac:dyDescent="0.3">
      <c r="A29" s="7"/>
      <c r="B29" s="3"/>
      <c r="C29" s="3"/>
    </row>
    <row r="30" spans="1:3" x14ac:dyDescent="0.3">
      <c r="A30" s="7"/>
      <c r="B30" s="3"/>
      <c r="C30" s="3"/>
    </row>
    <row r="31" spans="1:3" x14ac:dyDescent="0.3">
      <c r="A31" s="7"/>
      <c r="B31" s="3"/>
      <c r="C31" s="3"/>
    </row>
    <row r="32" spans="1:3" x14ac:dyDescent="0.3">
      <c r="A32" s="7"/>
      <c r="B32" s="3"/>
      <c r="C32" s="3"/>
    </row>
    <row r="33" spans="1:3" x14ac:dyDescent="0.3">
      <c r="A33" s="7"/>
      <c r="B33" s="3"/>
      <c r="C33" s="3"/>
    </row>
    <row r="34" spans="1:3" x14ac:dyDescent="0.3">
      <c r="A34" s="7"/>
      <c r="B34" s="3"/>
      <c r="C34" s="3"/>
    </row>
    <row r="35" spans="1:3" x14ac:dyDescent="0.3">
      <c r="A35" s="7"/>
      <c r="B35" s="3"/>
      <c r="C35" s="3"/>
    </row>
    <row r="36" spans="1:3" x14ac:dyDescent="0.3">
      <c r="A36" s="7"/>
      <c r="B36" s="3"/>
      <c r="C36" s="3"/>
    </row>
    <row r="37" spans="1:3" x14ac:dyDescent="0.3">
      <c r="A37" s="7"/>
      <c r="B37" s="3"/>
      <c r="C37" s="3"/>
    </row>
    <row r="38" spans="1:3" x14ac:dyDescent="0.3">
      <c r="A38" s="7"/>
      <c r="B38" s="3"/>
      <c r="C38" s="3"/>
    </row>
    <row r="39" spans="1:3" x14ac:dyDescent="0.3">
      <c r="A39" s="7"/>
      <c r="B39" s="3"/>
      <c r="C39" s="3"/>
    </row>
    <row r="40" spans="1:3" x14ac:dyDescent="0.3">
      <c r="A40" s="7"/>
      <c r="B40" s="3"/>
      <c r="C40" s="3"/>
    </row>
    <row r="41" spans="1:3" x14ac:dyDescent="0.3">
      <c r="A41" s="7"/>
      <c r="B41" s="3"/>
      <c r="C41" s="3"/>
    </row>
    <row r="42" spans="1:3" x14ac:dyDescent="0.3">
      <c r="A42" s="7"/>
      <c r="B42" s="3"/>
      <c r="C42" s="3"/>
    </row>
    <row r="43" spans="1:3" x14ac:dyDescent="0.3">
      <c r="A43" s="7"/>
      <c r="B43" s="3"/>
      <c r="C43" s="3"/>
    </row>
    <row r="44" spans="1:3" x14ac:dyDescent="0.3">
      <c r="A44" s="7"/>
      <c r="B44" s="3"/>
      <c r="C44" s="3"/>
    </row>
    <row r="45" spans="1:3" x14ac:dyDescent="0.3">
      <c r="A45" s="7"/>
      <c r="B45" s="3"/>
      <c r="C45" s="3"/>
    </row>
    <row r="46" spans="1:3" x14ac:dyDescent="0.3">
      <c r="A46" s="7"/>
      <c r="B46" s="3"/>
      <c r="C46" s="3"/>
    </row>
    <row r="47" spans="1:3" x14ac:dyDescent="0.3">
      <c r="A47" s="7"/>
      <c r="B47" s="3"/>
      <c r="C47" s="3"/>
    </row>
    <row r="48" spans="1:3" x14ac:dyDescent="0.3">
      <c r="A48" s="7"/>
      <c r="B48" s="3"/>
      <c r="C48" s="3"/>
    </row>
    <row r="49" spans="1:4" x14ac:dyDescent="0.3">
      <c r="A49" s="7"/>
      <c r="B49" s="3"/>
      <c r="C49" s="3"/>
    </row>
    <row r="50" spans="1:4" x14ac:dyDescent="0.3">
      <c r="A50" s="6"/>
      <c r="B50" s="3"/>
      <c r="C50" s="3"/>
      <c r="D50" s="3"/>
    </row>
    <row r="51" spans="1:4" x14ac:dyDescent="0.3">
      <c r="A51" s="6"/>
      <c r="B51" s="3"/>
      <c r="C51" s="3"/>
      <c r="D51" s="3"/>
    </row>
    <row r="52" spans="1:4" x14ac:dyDescent="0.3">
      <c r="A52" s="6"/>
      <c r="B52" s="3"/>
      <c r="C52" s="3"/>
      <c r="D52" s="3"/>
    </row>
  </sheetData>
  <pageMargins left="0.7" right="0.7" top="0.75" bottom="0.75" header="0.3" footer="0.3"/>
  <pageSetup orientation="portrait" horizontalDpi="90" verticalDpi="9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0F3E4A-573C-48EF-B5C3-48F34ACFC288}">
  <dimension ref="A1:C747"/>
  <sheetViews>
    <sheetView workbookViewId="0"/>
  </sheetViews>
  <sheetFormatPr defaultColWidth="9.1796875" defaultRowHeight="14" x14ac:dyDescent="0.3"/>
  <cols>
    <col min="1" max="1" width="15.7265625" style="6" customWidth="1"/>
    <col min="2" max="2" width="17.26953125" style="8" customWidth="1"/>
    <col min="3" max="3" width="16.7265625" style="3" customWidth="1"/>
    <col min="4" max="14" width="15.7265625" style="1" customWidth="1"/>
    <col min="15" max="16384" width="9.1796875" style="1"/>
  </cols>
  <sheetData>
    <row r="1" spans="1:3" x14ac:dyDescent="0.3">
      <c r="A1" s="6" t="s">
        <v>4</v>
      </c>
      <c r="B1" s="7">
        <v>3</v>
      </c>
    </row>
    <row r="2" spans="1:3" x14ac:dyDescent="0.3">
      <c r="A2" s="6" t="s">
        <v>3</v>
      </c>
      <c r="B2" s="8" t="s">
        <v>33</v>
      </c>
    </row>
    <row r="3" spans="1:3" x14ac:dyDescent="0.3">
      <c r="A3" s="6" t="s">
        <v>5</v>
      </c>
      <c r="B3" s="8" t="s">
        <v>34</v>
      </c>
    </row>
    <row r="4" spans="1:3" x14ac:dyDescent="0.3">
      <c r="A4" s="6" t="s">
        <v>2</v>
      </c>
      <c r="B4" s="8" t="s">
        <v>0</v>
      </c>
    </row>
    <row r="5" spans="1:3" x14ac:dyDescent="0.3">
      <c r="A5" s="6" t="s">
        <v>1</v>
      </c>
    </row>
    <row r="7" spans="1:3" x14ac:dyDescent="0.3">
      <c r="A7" s="6" t="s">
        <v>8</v>
      </c>
      <c r="B7" s="8" t="s">
        <v>35</v>
      </c>
      <c r="C7" s="3" t="s">
        <v>36</v>
      </c>
    </row>
    <row r="8" spans="1:3" x14ac:dyDescent="0.3">
      <c r="A8" s="6">
        <v>44928</v>
      </c>
      <c r="B8" s="8">
        <v>0.9374707040404987</v>
      </c>
      <c r="C8" s="3">
        <v>171.67999999999998</v>
      </c>
    </row>
    <row r="9" spans="1:3" x14ac:dyDescent="0.3">
      <c r="A9" s="6">
        <v>44929</v>
      </c>
      <c r="B9" s="8">
        <v>0.94804702313234746</v>
      </c>
      <c r="C9" s="3">
        <v>169.99000000000004</v>
      </c>
    </row>
    <row r="10" spans="1:3" x14ac:dyDescent="0.3">
      <c r="A10" s="6">
        <v>44930</v>
      </c>
      <c r="B10" s="8">
        <v>0.94304036212749909</v>
      </c>
      <c r="C10" s="3">
        <v>177.43999999999994</v>
      </c>
    </row>
    <row r="11" spans="1:3" x14ac:dyDescent="0.3">
      <c r="A11" s="6">
        <v>44931</v>
      </c>
      <c r="B11" s="8">
        <v>0.95038965976050183</v>
      </c>
      <c r="C11" s="3">
        <v>180.66000000000005</v>
      </c>
    </row>
    <row r="12" spans="1:3" x14ac:dyDescent="0.3">
      <c r="A12" s="6">
        <v>44932</v>
      </c>
      <c r="B12" s="8">
        <v>0.9394964299135663</v>
      </c>
      <c r="C12" s="3">
        <v>166.64</v>
      </c>
    </row>
    <row r="13" spans="1:3" x14ac:dyDescent="0.3">
      <c r="A13" s="6">
        <v>44935</v>
      </c>
      <c r="B13" s="8">
        <v>0.93196644920782856</v>
      </c>
      <c r="C13" s="3">
        <v>159.57</v>
      </c>
    </row>
    <row r="14" spans="1:3" x14ac:dyDescent="0.3">
      <c r="A14" s="6">
        <v>44936</v>
      </c>
      <c r="B14" s="8">
        <v>0.93170595360104358</v>
      </c>
      <c r="C14" s="3">
        <v>159.32000000000005</v>
      </c>
    </row>
    <row r="15" spans="1:3" x14ac:dyDescent="0.3">
      <c r="A15" s="6">
        <v>44937</v>
      </c>
      <c r="B15" s="8">
        <v>0.92962721948498639</v>
      </c>
      <c r="C15" s="3">
        <v>162.99</v>
      </c>
    </row>
    <row r="16" spans="1:3" x14ac:dyDescent="0.3">
      <c r="A16" s="6">
        <v>44938</v>
      </c>
      <c r="B16" s="8">
        <v>0.92140422003132783</v>
      </c>
      <c r="C16" s="3">
        <v>158.57000000000002</v>
      </c>
    </row>
    <row r="17" spans="1:3" x14ac:dyDescent="0.3">
      <c r="A17" s="6">
        <v>44939</v>
      </c>
      <c r="B17" s="8">
        <v>0.92336103416435833</v>
      </c>
      <c r="C17" s="3">
        <v>163.91</v>
      </c>
    </row>
    <row r="18" spans="1:3" x14ac:dyDescent="0.3">
      <c r="A18" s="6">
        <v>44942</v>
      </c>
      <c r="B18" s="8">
        <v>0.9240436148586213</v>
      </c>
      <c r="C18" s="3">
        <v>166.61</v>
      </c>
    </row>
    <row r="19" spans="1:3" x14ac:dyDescent="0.3">
      <c r="A19" s="6">
        <v>44943</v>
      </c>
      <c r="B19" s="8">
        <v>0.9269558769002596</v>
      </c>
      <c r="C19" s="3">
        <v>174.77</v>
      </c>
    </row>
    <row r="20" spans="1:3" x14ac:dyDescent="0.3">
      <c r="A20" s="6">
        <v>44944</v>
      </c>
      <c r="B20" s="8">
        <v>0.9264406151565685</v>
      </c>
      <c r="C20" s="3">
        <v>161.94999999999996</v>
      </c>
    </row>
    <row r="21" spans="1:3" x14ac:dyDescent="0.3">
      <c r="A21" s="6">
        <v>44945</v>
      </c>
      <c r="B21" s="8">
        <v>0.9231053263177329</v>
      </c>
      <c r="C21" s="3">
        <v>159.84000000000003</v>
      </c>
    </row>
    <row r="22" spans="1:3" x14ac:dyDescent="0.3">
      <c r="A22" s="6">
        <v>44946</v>
      </c>
      <c r="B22" s="8">
        <v>0.92114959469417845</v>
      </c>
      <c r="C22" s="3">
        <v>159.32000000000005</v>
      </c>
    </row>
    <row r="23" spans="1:3" x14ac:dyDescent="0.3">
      <c r="A23" s="6">
        <v>44949</v>
      </c>
      <c r="B23" s="8">
        <v>0.91979396615158204</v>
      </c>
      <c r="C23" s="3">
        <v>162.94000000000005</v>
      </c>
    </row>
    <row r="24" spans="1:3" x14ac:dyDescent="0.3">
      <c r="A24" s="6">
        <v>44950</v>
      </c>
      <c r="B24" s="8">
        <v>0.91852668320014697</v>
      </c>
      <c r="C24" s="3">
        <v>166.63000000000002</v>
      </c>
    </row>
    <row r="25" spans="1:3" x14ac:dyDescent="0.3">
      <c r="A25" s="6">
        <v>44951</v>
      </c>
      <c r="B25" s="8">
        <v>0.9160864785635765</v>
      </c>
      <c r="C25" s="3">
        <v>159.60000000000002</v>
      </c>
    </row>
    <row r="26" spans="1:3" x14ac:dyDescent="0.3">
      <c r="A26" s="6">
        <v>44952</v>
      </c>
      <c r="B26" s="8">
        <v>0.91810503121557108</v>
      </c>
      <c r="C26" s="3">
        <v>159.85999999999999</v>
      </c>
    </row>
    <row r="27" spans="1:3" x14ac:dyDescent="0.3">
      <c r="A27" s="6">
        <v>44953</v>
      </c>
      <c r="B27" s="8">
        <v>0.92013249907986749</v>
      </c>
      <c r="C27" s="3">
        <v>161.89999999999998</v>
      </c>
    </row>
    <row r="28" spans="1:3" x14ac:dyDescent="0.3">
      <c r="A28" s="6">
        <v>44956</v>
      </c>
      <c r="B28" s="8">
        <v>0.92157404847479496</v>
      </c>
      <c r="C28" s="3">
        <v>155.51</v>
      </c>
    </row>
    <row r="29" spans="1:3" x14ac:dyDescent="0.3">
      <c r="A29" s="6">
        <v>44957</v>
      </c>
      <c r="B29" s="8">
        <v>0.92055601583356339</v>
      </c>
      <c r="C29" s="3">
        <v>155.01000000000005</v>
      </c>
    </row>
    <row r="30" spans="1:3" x14ac:dyDescent="0.3">
      <c r="A30" s="6">
        <v>44958</v>
      </c>
      <c r="B30" s="8">
        <v>0.90991810737033674</v>
      </c>
      <c r="C30" s="3">
        <v>143.42999999999998</v>
      </c>
    </row>
    <row r="31" spans="1:3" x14ac:dyDescent="0.3">
      <c r="A31" s="6">
        <v>44959</v>
      </c>
      <c r="B31" s="8">
        <v>0.91659028414298815</v>
      </c>
      <c r="C31" s="3">
        <v>160.71999999999997</v>
      </c>
    </row>
    <row r="32" spans="1:3" x14ac:dyDescent="0.3">
      <c r="A32" s="6">
        <v>44960</v>
      </c>
      <c r="B32" s="8">
        <v>0.92635479388605846</v>
      </c>
      <c r="C32" s="3">
        <v>174.15999999999997</v>
      </c>
    </row>
    <row r="33" spans="1:3" x14ac:dyDescent="0.3">
      <c r="A33" s="6">
        <v>44963</v>
      </c>
      <c r="B33" s="8">
        <v>0.93231400335633041</v>
      </c>
      <c r="C33" s="3">
        <v>184.84000000000003</v>
      </c>
    </row>
    <row r="34" spans="1:3" x14ac:dyDescent="0.3">
      <c r="A34" s="6">
        <v>44964</v>
      </c>
      <c r="B34" s="8">
        <v>0.93231400335633041</v>
      </c>
      <c r="C34" s="3">
        <v>175.54000000000002</v>
      </c>
    </row>
    <row r="35" spans="1:3" x14ac:dyDescent="0.3">
      <c r="A35" s="6">
        <v>44965</v>
      </c>
      <c r="B35" s="8">
        <v>0.93353248693054525</v>
      </c>
      <c r="C35" s="3">
        <v>170.37999999999997</v>
      </c>
    </row>
    <row r="36" spans="1:3" x14ac:dyDescent="0.3">
      <c r="A36" s="6">
        <v>44966</v>
      </c>
      <c r="B36" s="8">
        <v>0.93109869646182486</v>
      </c>
      <c r="C36" s="3">
        <v>179</v>
      </c>
    </row>
    <row r="37" spans="1:3" x14ac:dyDescent="0.3">
      <c r="A37" s="6">
        <v>44967</v>
      </c>
      <c r="B37" s="8">
        <v>0.93650496347630641</v>
      </c>
      <c r="C37" s="3">
        <v>175.60000000000002</v>
      </c>
    </row>
    <row r="38" spans="1:3" x14ac:dyDescent="0.3">
      <c r="A38" s="6">
        <v>44970</v>
      </c>
      <c r="B38" s="8">
        <v>0.93257483913084027</v>
      </c>
      <c r="C38" s="3">
        <v>173.55</v>
      </c>
    </row>
    <row r="39" spans="1:3" x14ac:dyDescent="0.3">
      <c r="A39" s="6">
        <v>44971</v>
      </c>
      <c r="B39" s="8">
        <v>0.93127211771279561</v>
      </c>
      <c r="C39" s="3">
        <v>175.74</v>
      </c>
    </row>
    <row r="40" spans="1:3" x14ac:dyDescent="0.3">
      <c r="A40" s="6">
        <v>44972</v>
      </c>
      <c r="B40" s="8">
        <v>0.93554121059032658</v>
      </c>
      <c r="C40" s="3">
        <v>174.78999999999996</v>
      </c>
    </row>
    <row r="41" spans="1:3" x14ac:dyDescent="0.3">
      <c r="A41" s="6">
        <v>44973</v>
      </c>
      <c r="B41" s="8">
        <v>0.93685591156080206</v>
      </c>
      <c r="C41" s="3">
        <v>175.89999999999998</v>
      </c>
    </row>
    <row r="42" spans="1:3" x14ac:dyDescent="0.3">
      <c r="A42" s="6">
        <v>44974</v>
      </c>
      <c r="B42" s="8">
        <v>0.93501636278634881</v>
      </c>
      <c r="C42" s="3">
        <v>173.99000000000004</v>
      </c>
    </row>
    <row r="43" spans="1:3" x14ac:dyDescent="0.3">
      <c r="A43" s="6">
        <v>44977</v>
      </c>
      <c r="B43" s="8">
        <v>0.93580385551188472</v>
      </c>
      <c r="C43" s="3">
        <v>171.89000000000001</v>
      </c>
    </row>
    <row r="44" spans="1:3" x14ac:dyDescent="0.3">
      <c r="A44" s="6">
        <v>44978</v>
      </c>
      <c r="B44" s="8">
        <v>0.9391435011269722</v>
      </c>
      <c r="C44" s="3">
        <v>177.36</v>
      </c>
    </row>
    <row r="45" spans="1:3" x14ac:dyDescent="0.3">
      <c r="A45" s="6">
        <v>44979</v>
      </c>
      <c r="B45" s="8">
        <v>0.94295143800094294</v>
      </c>
      <c r="C45" s="3">
        <v>177.23</v>
      </c>
    </row>
    <row r="46" spans="1:3" x14ac:dyDescent="0.3">
      <c r="A46" s="6">
        <v>44980</v>
      </c>
      <c r="B46" s="8">
        <v>0.94375235938089841</v>
      </c>
      <c r="C46" s="3">
        <v>178.44000000000003</v>
      </c>
    </row>
    <row r="47" spans="1:3" x14ac:dyDescent="0.3">
      <c r="A47" s="6">
        <v>44981</v>
      </c>
      <c r="B47" s="8">
        <v>0.94804702313234746</v>
      </c>
      <c r="C47" s="3">
        <v>178.36000000000004</v>
      </c>
    </row>
    <row r="48" spans="1:3" x14ac:dyDescent="0.3">
      <c r="A48" s="6">
        <v>44984</v>
      </c>
      <c r="B48" s="8">
        <v>0.94259590913375435</v>
      </c>
      <c r="C48" s="3">
        <v>170.32999999999996</v>
      </c>
    </row>
    <row r="49" spans="1:3" x14ac:dyDescent="0.3">
      <c r="A49" s="6">
        <v>44985</v>
      </c>
      <c r="B49" s="8">
        <v>0.94553706505294999</v>
      </c>
      <c r="C49" s="3">
        <v>167.88000000000002</v>
      </c>
    </row>
    <row r="50" spans="1:3" x14ac:dyDescent="0.3">
      <c r="A50" s="6">
        <v>44986</v>
      </c>
      <c r="B50" s="8">
        <v>0.9373828271466067</v>
      </c>
      <c r="C50" s="3">
        <v>167.24</v>
      </c>
    </row>
    <row r="51" spans="1:3" x14ac:dyDescent="0.3">
      <c r="A51" s="6">
        <v>44987</v>
      </c>
      <c r="B51" s="8">
        <v>0.94366330093422657</v>
      </c>
      <c r="C51" s="3">
        <v>167</v>
      </c>
    </row>
    <row r="52" spans="1:3" x14ac:dyDescent="0.3">
      <c r="A52" s="6">
        <v>44988</v>
      </c>
      <c r="B52" s="8">
        <v>0.94029149036201232</v>
      </c>
      <c r="C52" s="3">
        <v>164.24999999999997</v>
      </c>
    </row>
    <row r="53" spans="1:3" x14ac:dyDescent="0.3">
      <c r="A53" s="6">
        <v>44991</v>
      </c>
      <c r="B53" s="8">
        <v>0.93624192491339753</v>
      </c>
      <c r="C53" s="3">
        <v>157.10999999999999</v>
      </c>
    </row>
    <row r="54" spans="1:3" x14ac:dyDescent="0.3">
      <c r="A54" s="6">
        <v>44992</v>
      </c>
      <c r="B54" s="8">
        <v>0.9479571523367144</v>
      </c>
      <c r="C54" s="3">
        <v>169.74</v>
      </c>
    </row>
    <row r="55" spans="1:3" x14ac:dyDescent="0.3">
      <c r="A55" s="6">
        <v>44993</v>
      </c>
      <c r="B55" s="8">
        <v>0.94831673779042203</v>
      </c>
      <c r="C55" s="3">
        <v>173.41000000000003</v>
      </c>
    </row>
    <row r="56" spans="1:3" x14ac:dyDescent="0.3">
      <c r="A56" s="6">
        <v>44994</v>
      </c>
      <c r="B56" s="8">
        <v>0.9450902561194594</v>
      </c>
      <c r="C56" s="3">
        <v>159.30000000000001</v>
      </c>
    </row>
    <row r="57" spans="1:3" x14ac:dyDescent="0.3">
      <c r="A57" s="6">
        <v>44995</v>
      </c>
      <c r="B57" s="8">
        <v>0.93958470356102597</v>
      </c>
      <c r="C57" s="3">
        <v>148.91999999999999</v>
      </c>
    </row>
    <row r="58" spans="1:3" x14ac:dyDescent="0.3">
      <c r="A58" s="6">
        <v>44998</v>
      </c>
      <c r="B58" s="8">
        <v>0.9318796011555307</v>
      </c>
      <c r="C58" s="3">
        <v>128.63999999999999</v>
      </c>
    </row>
    <row r="59" spans="1:3" x14ac:dyDescent="0.3">
      <c r="A59" s="6">
        <v>44999</v>
      </c>
      <c r="B59" s="8">
        <v>0.93170595360104358</v>
      </c>
      <c r="C59" s="3">
        <v>135.84</v>
      </c>
    </row>
    <row r="60" spans="1:3" x14ac:dyDescent="0.3">
      <c r="A60" s="6">
        <v>45000</v>
      </c>
      <c r="B60" s="8">
        <v>0.94544766947149472</v>
      </c>
      <c r="C60" s="3">
        <v>147.84</v>
      </c>
    </row>
    <row r="61" spans="1:3" x14ac:dyDescent="0.3">
      <c r="A61" s="6">
        <v>45001</v>
      </c>
      <c r="B61" s="8">
        <v>0.94250706880301605</v>
      </c>
      <c r="C61" s="3">
        <v>154.91999999999996</v>
      </c>
    </row>
    <row r="62" spans="1:3" x14ac:dyDescent="0.3">
      <c r="A62" s="6">
        <v>45002</v>
      </c>
      <c r="B62" s="8">
        <v>0.93720712277413309</v>
      </c>
      <c r="C62" s="3">
        <v>144.94000000000003</v>
      </c>
    </row>
    <row r="63" spans="1:3" x14ac:dyDescent="0.3">
      <c r="A63" s="6">
        <v>45005</v>
      </c>
      <c r="B63" s="8">
        <v>0.93274881074526628</v>
      </c>
      <c r="C63" s="3">
        <v>161.53</v>
      </c>
    </row>
    <row r="64" spans="1:3" x14ac:dyDescent="0.3">
      <c r="A64" s="6">
        <v>45006</v>
      </c>
      <c r="B64" s="8">
        <v>0.92867756315007433</v>
      </c>
      <c r="C64" s="3">
        <v>154.94000000000003</v>
      </c>
    </row>
    <row r="65" spans="1:3" x14ac:dyDescent="0.3">
      <c r="A65" s="6">
        <v>45007</v>
      </c>
      <c r="B65" s="8">
        <v>0.92114959469417845</v>
      </c>
      <c r="C65" s="3">
        <v>122.97000000000003</v>
      </c>
    </row>
    <row r="66" spans="1:3" x14ac:dyDescent="0.3">
      <c r="A66" s="6">
        <v>45008</v>
      </c>
      <c r="B66" s="8">
        <v>0.92327578247622566</v>
      </c>
      <c r="C66" s="3">
        <v>130.70000000000005</v>
      </c>
    </row>
    <row r="67" spans="1:3" x14ac:dyDescent="0.3">
      <c r="A67" s="6">
        <v>45009</v>
      </c>
      <c r="B67" s="8">
        <v>0.92936802973977695</v>
      </c>
      <c r="C67" s="3">
        <v>137.37000000000003</v>
      </c>
    </row>
    <row r="68" spans="1:3" x14ac:dyDescent="0.3">
      <c r="A68" s="6">
        <v>45012</v>
      </c>
      <c r="B68" s="8">
        <v>0.92609742544915719</v>
      </c>
      <c r="C68" s="3">
        <v>147.42000000000002</v>
      </c>
    </row>
    <row r="69" spans="1:3" x14ac:dyDescent="0.3">
      <c r="A69" s="6">
        <v>45013</v>
      </c>
      <c r="B69" s="8">
        <v>0.9220839096357768</v>
      </c>
      <c r="C69" s="3">
        <v>148.62999999999994</v>
      </c>
    </row>
    <row r="70" spans="1:3" x14ac:dyDescent="0.3">
      <c r="A70" s="6">
        <v>45014</v>
      </c>
      <c r="B70" s="8">
        <v>0.92216894135005534</v>
      </c>
      <c r="C70" s="3">
        <v>144.49000000000007</v>
      </c>
    </row>
    <row r="71" spans="1:3" x14ac:dyDescent="0.3">
      <c r="A71" s="6">
        <v>45015</v>
      </c>
      <c r="B71" s="8">
        <v>0.9170105456212746</v>
      </c>
      <c r="C71" s="3">
        <v>137.05000000000004</v>
      </c>
    </row>
    <row r="72" spans="1:3" x14ac:dyDescent="0.3">
      <c r="A72" s="6">
        <v>45016</v>
      </c>
      <c r="B72" s="8">
        <v>0.92259433527078138</v>
      </c>
      <c r="C72" s="3">
        <v>134.22999999999999</v>
      </c>
    </row>
    <row r="73" spans="1:3" x14ac:dyDescent="0.3">
      <c r="A73" s="6">
        <v>45019</v>
      </c>
      <c r="B73" s="8">
        <v>0.91751536838242032</v>
      </c>
      <c r="C73" s="3">
        <v>128.94</v>
      </c>
    </row>
    <row r="74" spans="1:3" x14ac:dyDescent="0.3">
      <c r="A74" s="6">
        <v>45020</v>
      </c>
      <c r="B74" s="8">
        <v>0.9129918743723181</v>
      </c>
      <c r="C74" s="3">
        <v>122.42999999999999</v>
      </c>
    </row>
    <row r="75" spans="1:3" x14ac:dyDescent="0.3">
      <c r="A75" s="6">
        <v>45021</v>
      </c>
      <c r="B75" s="8">
        <v>0.91709464416727804</v>
      </c>
      <c r="C75" s="3">
        <v>125.57999999999998</v>
      </c>
    </row>
    <row r="76" spans="1:3" x14ac:dyDescent="0.3">
      <c r="A76" s="6">
        <v>45022</v>
      </c>
      <c r="B76" s="8">
        <v>0.91558322651529023</v>
      </c>
      <c r="C76" s="3">
        <v>127.69000000000004</v>
      </c>
    </row>
    <row r="77" spans="1:3" x14ac:dyDescent="0.3">
      <c r="A77" s="6">
        <v>45023</v>
      </c>
      <c r="B77" s="8">
        <v>0.9170105456212746</v>
      </c>
      <c r="C77" s="3">
        <v>142.66</v>
      </c>
    </row>
    <row r="78" spans="1:3" x14ac:dyDescent="0.3">
      <c r="A78" s="6">
        <v>45026</v>
      </c>
      <c r="B78" s="8">
        <v>0.92089511004696556</v>
      </c>
      <c r="C78" s="3">
        <v>145.37</v>
      </c>
    </row>
    <row r="79" spans="1:3" x14ac:dyDescent="0.3">
      <c r="A79" s="6">
        <v>45027</v>
      </c>
      <c r="B79" s="8">
        <v>0.9164222873900294</v>
      </c>
      <c r="C79" s="3">
        <v>131.64000000000001</v>
      </c>
    </row>
    <row r="80" spans="1:3" x14ac:dyDescent="0.3">
      <c r="A80" s="6">
        <v>45028</v>
      </c>
      <c r="B80" s="8">
        <v>0.90975254730713251</v>
      </c>
      <c r="C80" s="3">
        <v>116.18000000000004</v>
      </c>
    </row>
    <row r="81" spans="1:3" x14ac:dyDescent="0.3">
      <c r="A81" s="6">
        <v>45029</v>
      </c>
      <c r="B81" s="8">
        <v>0.90530508781459351</v>
      </c>
      <c r="C81" s="3">
        <v>118.93000000000002</v>
      </c>
    </row>
    <row r="82" spans="1:3" x14ac:dyDescent="0.3">
      <c r="A82" s="6">
        <v>45030</v>
      </c>
      <c r="B82" s="8">
        <v>0.90975254730713251</v>
      </c>
      <c r="C82" s="3">
        <v>121.79000000000006</v>
      </c>
    </row>
    <row r="83" spans="1:3" x14ac:dyDescent="0.3">
      <c r="A83" s="6">
        <v>45033</v>
      </c>
      <c r="B83" s="8">
        <v>0.91524803221673068</v>
      </c>
      <c r="C83" s="3">
        <v>131.52000000000004</v>
      </c>
    </row>
    <row r="84" spans="1:3" x14ac:dyDescent="0.3">
      <c r="A84" s="6">
        <v>45034</v>
      </c>
      <c r="B84" s="8">
        <v>0.91141086401749916</v>
      </c>
      <c r="C84" s="3">
        <v>129.06999999999996</v>
      </c>
    </row>
    <row r="85" spans="1:3" x14ac:dyDescent="0.3">
      <c r="A85" s="6">
        <v>45035</v>
      </c>
      <c r="B85" s="8">
        <v>0.91282519397535378</v>
      </c>
      <c r="C85" s="3">
        <v>127.56999999999996</v>
      </c>
    </row>
    <row r="86" spans="1:3" x14ac:dyDescent="0.3">
      <c r="A86" s="6">
        <v>45036</v>
      </c>
      <c r="B86" s="8">
        <v>0.91157702825888787</v>
      </c>
      <c r="C86" s="3">
        <v>124.72999999999996</v>
      </c>
    </row>
    <row r="87" spans="1:3" x14ac:dyDescent="0.3">
      <c r="A87" s="6">
        <v>45037</v>
      </c>
      <c r="B87" s="8">
        <v>0.91024940833788459</v>
      </c>
      <c r="C87" s="3">
        <v>126.06000000000006</v>
      </c>
    </row>
    <row r="88" spans="1:3" x14ac:dyDescent="0.3">
      <c r="A88" s="6">
        <v>45040</v>
      </c>
      <c r="B88" s="8">
        <v>0.90530508781459351</v>
      </c>
      <c r="C88" s="3">
        <v>111.11999999999998</v>
      </c>
    </row>
    <row r="89" spans="1:3" x14ac:dyDescent="0.3">
      <c r="A89" s="6">
        <v>45041</v>
      </c>
      <c r="B89" s="8">
        <v>0.91132780461131879</v>
      </c>
      <c r="C89" s="3">
        <v>110.94</v>
      </c>
    </row>
    <row r="90" spans="1:3" x14ac:dyDescent="0.3">
      <c r="A90" s="6">
        <v>45042</v>
      </c>
      <c r="B90" s="8">
        <v>0.90571506204148167</v>
      </c>
      <c r="C90" s="3">
        <v>117.89</v>
      </c>
    </row>
    <row r="91" spans="1:3" x14ac:dyDescent="0.3">
      <c r="A91" s="6">
        <v>45043</v>
      </c>
      <c r="B91" s="8">
        <v>0.90678273485672833</v>
      </c>
      <c r="C91" s="3">
        <v>124.22</v>
      </c>
    </row>
    <row r="92" spans="1:3" x14ac:dyDescent="0.3">
      <c r="A92" s="6">
        <v>45044</v>
      </c>
      <c r="B92" s="8">
        <v>0.90752336872674466</v>
      </c>
      <c r="C92" s="3">
        <v>131.54000000000002</v>
      </c>
    </row>
    <row r="93" spans="1:3" x14ac:dyDescent="0.3">
      <c r="A93" s="6">
        <v>45047</v>
      </c>
      <c r="B93" s="8">
        <v>0.91107871720116629</v>
      </c>
      <c r="C93" s="3">
        <v>144.97</v>
      </c>
    </row>
    <row r="94" spans="1:3" x14ac:dyDescent="0.3">
      <c r="A94" s="6">
        <v>45048</v>
      </c>
      <c r="B94" s="8">
        <v>0.90917356123283921</v>
      </c>
      <c r="C94" s="3">
        <v>133.72999999999999</v>
      </c>
    </row>
    <row r="95" spans="1:3" x14ac:dyDescent="0.3">
      <c r="A95" s="6">
        <v>45049</v>
      </c>
      <c r="B95" s="8">
        <v>0.90399566082082805</v>
      </c>
      <c r="C95" s="3">
        <v>116.38000000000002</v>
      </c>
    </row>
    <row r="96" spans="1:3" x14ac:dyDescent="0.3">
      <c r="A96" s="6">
        <v>45050</v>
      </c>
      <c r="B96" s="8">
        <v>0.90810025426807128</v>
      </c>
      <c r="C96" s="3">
        <v>131.12999999999997</v>
      </c>
    </row>
    <row r="97" spans="1:3" x14ac:dyDescent="0.3">
      <c r="A97" s="6">
        <v>45051</v>
      </c>
      <c r="B97" s="8">
        <v>0.90752336872674466</v>
      </c>
      <c r="C97" s="3">
        <v>134.19</v>
      </c>
    </row>
    <row r="98" spans="1:3" x14ac:dyDescent="0.3">
      <c r="A98" s="6">
        <v>45054</v>
      </c>
      <c r="B98" s="8">
        <v>0.90876045074518352</v>
      </c>
      <c r="C98" s="3">
        <v>137.81999999999996</v>
      </c>
    </row>
    <row r="99" spans="1:3" x14ac:dyDescent="0.3">
      <c r="A99" s="6">
        <v>45055</v>
      </c>
      <c r="B99" s="8">
        <v>0.91224229155263636</v>
      </c>
      <c r="C99" s="3">
        <v>138.41000000000003</v>
      </c>
    </row>
    <row r="100" spans="1:3" x14ac:dyDescent="0.3">
      <c r="A100" s="6">
        <v>45056</v>
      </c>
      <c r="B100" s="8">
        <v>0.91058095064651245</v>
      </c>
      <c r="C100" s="3">
        <v>133.47999999999999</v>
      </c>
    </row>
    <row r="101" spans="1:3" x14ac:dyDescent="0.3">
      <c r="A101" s="6">
        <v>45057</v>
      </c>
      <c r="B101" s="8">
        <v>0.9160864785635765</v>
      </c>
      <c r="C101" s="3">
        <v>135.84</v>
      </c>
    </row>
    <row r="102" spans="1:3" x14ac:dyDescent="0.3">
      <c r="A102" s="6">
        <v>45058</v>
      </c>
      <c r="B102" s="8">
        <v>0.92174393953359757</v>
      </c>
      <c r="C102" s="3">
        <v>139.32000000000002</v>
      </c>
    </row>
    <row r="103" spans="1:3" x14ac:dyDescent="0.3">
      <c r="A103" s="6">
        <v>45061</v>
      </c>
      <c r="B103" s="8">
        <v>0.91962479308442158</v>
      </c>
      <c r="C103" s="3">
        <v>140.63999999999996</v>
      </c>
    </row>
    <row r="104" spans="1:3" x14ac:dyDescent="0.3">
      <c r="A104" s="6">
        <v>45062</v>
      </c>
      <c r="B104" s="8">
        <v>0.92064076597311728</v>
      </c>
      <c r="C104" s="3">
        <v>142.50999999999996</v>
      </c>
    </row>
    <row r="105" spans="1:3" x14ac:dyDescent="0.3">
      <c r="A105" s="6">
        <v>45063</v>
      </c>
      <c r="B105" s="8">
        <v>0.92250922509225086</v>
      </c>
      <c r="C105" s="3">
        <v>145.29999999999998</v>
      </c>
    </row>
    <row r="106" spans="1:3" x14ac:dyDescent="0.3">
      <c r="A106" s="6">
        <v>45064</v>
      </c>
      <c r="B106" s="8">
        <v>0.92850510677808729</v>
      </c>
      <c r="C106" s="3">
        <v>148.96999999999997</v>
      </c>
    </row>
    <row r="107" spans="1:3" x14ac:dyDescent="0.3">
      <c r="A107" s="6">
        <v>45065</v>
      </c>
      <c r="B107" s="8">
        <v>0.92549745488199908</v>
      </c>
      <c r="C107" s="3">
        <v>150.89000000000001</v>
      </c>
    </row>
    <row r="108" spans="1:3" x14ac:dyDescent="0.3">
      <c r="A108" s="6">
        <v>45068</v>
      </c>
      <c r="B108" s="8">
        <v>0.92481272542310189</v>
      </c>
      <c r="C108" s="3">
        <v>150.64000000000001</v>
      </c>
    </row>
    <row r="109" spans="1:3" x14ac:dyDescent="0.3">
      <c r="A109" s="6">
        <v>45069</v>
      </c>
      <c r="B109" s="8">
        <v>0.92850510677808729</v>
      </c>
      <c r="C109" s="3">
        <v>149.39999999999998</v>
      </c>
    </row>
    <row r="110" spans="1:3" x14ac:dyDescent="0.3">
      <c r="A110" s="6">
        <v>45070</v>
      </c>
      <c r="B110" s="8">
        <v>0.93023255813953487</v>
      </c>
      <c r="C110" s="3">
        <v>152.17000000000002</v>
      </c>
    </row>
    <row r="111" spans="1:3" x14ac:dyDescent="0.3">
      <c r="A111" s="6">
        <v>45071</v>
      </c>
      <c r="B111" s="8">
        <v>0.93240093240093236</v>
      </c>
      <c r="C111" s="3">
        <v>163.08999999999995</v>
      </c>
    </row>
    <row r="112" spans="1:3" x14ac:dyDescent="0.3">
      <c r="A112" s="6">
        <v>45072</v>
      </c>
      <c r="B112" s="8">
        <v>0.93257483913084027</v>
      </c>
      <c r="C112" s="3">
        <v>161.98999999999995</v>
      </c>
    </row>
    <row r="113" spans="1:3" x14ac:dyDescent="0.3">
      <c r="A113" s="6">
        <v>45075</v>
      </c>
      <c r="B113" s="8">
        <v>0.93388121031004856</v>
      </c>
      <c r="C113" s="3">
        <v>168.18999999999997</v>
      </c>
    </row>
    <row r="114" spans="1:3" x14ac:dyDescent="0.3">
      <c r="A114" s="6">
        <v>45076</v>
      </c>
      <c r="B114" s="8">
        <v>0.9315323707498836</v>
      </c>
      <c r="C114" s="3">
        <v>166.61</v>
      </c>
    </row>
    <row r="115" spans="1:3" x14ac:dyDescent="0.3">
      <c r="A115" s="6">
        <v>45077</v>
      </c>
      <c r="B115" s="8">
        <v>0.93554121059032658</v>
      </c>
      <c r="C115" s="3">
        <v>168.37000000000003</v>
      </c>
    </row>
    <row r="116" spans="1:3" x14ac:dyDescent="0.3">
      <c r="A116" s="6">
        <v>45078</v>
      </c>
      <c r="B116" s="8">
        <v>0.92919531685560297</v>
      </c>
      <c r="C116" s="3">
        <v>162.27999999999997</v>
      </c>
    </row>
    <row r="117" spans="1:3" x14ac:dyDescent="0.3">
      <c r="A117" s="6">
        <v>45079</v>
      </c>
      <c r="B117" s="8">
        <v>0.93388121031004856</v>
      </c>
      <c r="C117" s="3">
        <v>169.49</v>
      </c>
    </row>
    <row r="118" spans="1:3" x14ac:dyDescent="0.3">
      <c r="A118" s="6">
        <v>45082</v>
      </c>
      <c r="B118" s="8">
        <v>0.93344534677494639</v>
      </c>
      <c r="C118" s="3">
        <v>157.69000000000005</v>
      </c>
    </row>
    <row r="119" spans="1:3" x14ac:dyDescent="0.3">
      <c r="A119" s="6">
        <v>45083</v>
      </c>
      <c r="B119" s="8">
        <v>0.9351912466099318</v>
      </c>
      <c r="C119" s="3">
        <v>162.46</v>
      </c>
    </row>
    <row r="120" spans="1:3" x14ac:dyDescent="0.3">
      <c r="A120" s="6">
        <v>45084</v>
      </c>
      <c r="B120" s="8">
        <v>0.9346667912889054</v>
      </c>
      <c r="C120" s="3">
        <v>161.83000000000001</v>
      </c>
    </row>
    <row r="121" spans="1:3" x14ac:dyDescent="0.3">
      <c r="A121" s="6">
        <v>45085</v>
      </c>
      <c r="B121" s="8">
        <v>0.92747171211278057</v>
      </c>
      <c r="C121" s="3">
        <v>162.07000000000002</v>
      </c>
    </row>
    <row r="122" spans="1:3" x14ac:dyDescent="0.3">
      <c r="A122" s="6">
        <v>45086</v>
      </c>
      <c r="B122" s="8">
        <v>0.9303190994511118</v>
      </c>
      <c r="C122" s="3">
        <v>167.96</v>
      </c>
    </row>
    <row r="123" spans="1:3" x14ac:dyDescent="0.3">
      <c r="A123" s="6">
        <v>45089</v>
      </c>
      <c r="B123" s="8">
        <v>0.92962721948498639</v>
      </c>
      <c r="C123" s="3">
        <v>166.29999999999998</v>
      </c>
    </row>
    <row r="124" spans="1:3" x14ac:dyDescent="0.3">
      <c r="A124" s="6">
        <v>45090</v>
      </c>
      <c r="B124" s="8">
        <v>0.92652645233021413</v>
      </c>
      <c r="C124" s="3">
        <v>169.21999999999997</v>
      </c>
    </row>
    <row r="125" spans="1:3" x14ac:dyDescent="0.3">
      <c r="A125" s="6">
        <v>45091</v>
      </c>
      <c r="B125" s="8">
        <v>0.92336103416435833</v>
      </c>
      <c r="C125" s="3">
        <v>167.19</v>
      </c>
    </row>
    <row r="126" spans="1:3" x14ac:dyDescent="0.3">
      <c r="A126" s="6">
        <v>45092</v>
      </c>
      <c r="B126" s="8">
        <v>0.91365920511649157</v>
      </c>
      <c r="C126" s="3">
        <v>151.58000000000001</v>
      </c>
    </row>
    <row r="127" spans="1:3" x14ac:dyDescent="0.3">
      <c r="A127" s="6">
        <v>45093</v>
      </c>
      <c r="B127" s="8">
        <v>0.91432751211483965</v>
      </c>
      <c r="C127" s="3">
        <v>159.10999999999999</v>
      </c>
    </row>
    <row r="128" spans="1:3" x14ac:dyDescent="0.3">
      <c r="A128" s="6">
        <v>45096</v>
      </c>
      <c r="B128" s="8">
        <v>0.91566706345572746</v>
      </c>
      <c r="C128" s="3">
        <v>155.41</v>
      </c>
    </row>
    <row r="129" spans="1:3" x14ac:dyDescent="0.3">
      <c r="A129" s="6">
        <v>45097</v>
      </c>
      <c r="B129" s="8">
        <v>0.91591866642242159</v>
      </c>
      <c r="C129" s="3">
        <v>157.77000000000001</v>
      </c>
    </row>
    <row r="130" spans="1:3" x14ac:dyDescent="0.3">
      <c r="A130" s="6">
        <v>45098</v>
      </c>
      <c r="B130" s="8">
        <v>0.91024940833788459</v>
      </c>
      <c r="C130" s="3">
        <v>158.22000000000003</v>
      </c>
    </row>
    <row r="131" spans="1:3" x14ac:dyDescent="0.3">
      <c r="A131" s="6">
        <v>45099</v>
      </c>
      <c r="B131" s="8">
        <v>0.91274187659729833</v>
      </c>
      <c r="C131" s="3">
        <v>156.98999999999995</v>
      </c>
    </row>
    <row r="132" spans="1:3" x14ac:dyDescent="0.3">
      <c r="A132" s="6">
        <v>45100</v>
      </c>
      <c r="B132" s="8">
        <v>0.91793647879566742</v>
      </c>
      <c r="C132" s="3">
        <v>163.52000000000001</v>
      </c>
    </row>
    <row r="133" spans="1:3" x14ac:dyDescent="0.3">
      <c r="A133" s="6">
        <v>45103</v>
      </c>
      <c r="B133" s="8">
        <v>0.91692646249770771</v>
      </c>
      <c r="C133" s="3">
        <v>165.69999999999996</v>
      </c>
    </row>
    <row r="134" spans="1:3" x14ac:dyDescent="0.3">
      <c r="A134" s="6">
        <v>45104</v>
      </c>
      <c r="B134" s="8">
        <v>0.91232551774473125</v>
      </c>
      <c r="C134" s="3">
        <v>159.53999999999996</v>
      </c>
    </row>
    <row r="135" spans="1:3" x14ac:dyDescent="0.3">
      <c r="A135" s="6">
        <v>45105</v>
      </c>
      <c r="B135" s="8">
        <v>0.91633831210482919</v>
      </c>
      <c r="C135" s="3">
        <v>160.58000000000004</v>
      </c>
    </row>
    <row r="136" spans="1:3" x14ac:dyDescent="0.3">
      <c r="A136" s="6">
        <v>45106</v>
      </c>
      <c r="B136" s="8">
        <v>0.92038656235618954</v>
      </c>
      <c r="C136" s="3">
        <v>166.33</v>
      </c>
    </row>
    <row r="137" spans="1:3" x14ac:dyDescent="0.3">
      <c r="A137" s="6">
        <v>45107</v>
      </c>
      <c r="B137" s="8">
        <v>0.91667430561921348</v>
      </c>
      <c r="C137" s="3">
        <v>169.94000000000003</v>
      </c>
    </row>
    <row r="138" spans="1:3" x14ac:dyDescent="0.3">
      <c r="A138" s="6">
        <v>45110</v>
      </c>
      <c r="B138" s="8">
        <v>0.9164222873900294</v>
      </c>
      <c r="C138" s="3">
        <v>167.58000000000007</v>
      </c>
    </row>
    <row r="139" spans="1:3" x14ac:dyDescent="0.3">
      <c r="A139" s="6">
        <v>45111</v>
      </c>
      <c r="B139" s="8">
        <v>0.91920213254894745</v>
      </c>
      <c r="C139" s="3">
        <v>171.48000000000002</v>
      </c>
    </row>
    <row r="140" spans="1:3" x14ac:dyDescent="0.3">
      <c r="A140" s="6">
        <v>45112</v>
      </c>
      <c r="B140" s="8">
        <v>0.92131932927952831</v>
      </c>
      <c r="C140" s="3">
        <v>170.84999999999994</v>
      </c>
    </row>
    <row r="141" spans="1:3" x14ac:dyDescent="0.3">
      <c r="A141" s="6">
        <v>45113</v>
      </c>
      <c r="B141" s="8">
        <v>0.91835797593902102</v>
      </c>
      <c r="C141" s="3">
        <v>168.16</v>
      </c>
    </row>
    <row r="142" spans="1:3" x14ac:dyDescent="0.3">
      <c r="A142" s="6">
        <v>45114</v>
      </c>
      <c r="B142" s="8">
        <v>0.91182638825567608</v>
      </c>
      <c r="C142" s="3">
        <v>169.29</v>
      </c>
    </row>
    <row r="143" spans="1:3" x14ac:dyDescent="0.3">
      <c r="A143" s="6">
        <v>45117</v>
      </c>
      <c r="B143" s="8">
        <v>0.9090082719752749</v>
      </c>
      <c r="C143" s="3">
        <v>156.85999999999996</v>
      </c>
    </row>
    <row r="144" spans="1:3" x14ac:dyDescent="0.3">
      <c r="A144" s="6">
        <v>45118</v>
      </c>
      <c r="B144" s="8">
        <v>0.90834771550549553</v>
      </c>
      <c r="C144" s="3">
        <v>155.66000000000005</v>
      </c>
    </row>
    <row r="145" spans="1:3" x14ac:dyDescent="0.3">
      <c r="A145" s="6">
        <v>45119</v>
      </c>
      <c r="B145" s="8">
        <v>0.89855332914008446</v>
      </c>
      <c r="C145" s="3">
        <v>151.72</v>
      </c>
    </row>
    <row r="146" spans="1:3" x14ac:dyDescent="0.3">
      <c r="A146" s="6">
        <v>45120</v>
      </c>
      <c r="B146" s="8">
        <v>0.89078923926598963</v>
      </c>
      <c r="C146" s="3">
        <v>147.82999999999998</v>
      </c>
    </row>
    <row r="147" spans="1:3" x14ac:dyDescent="0.3">
      <c r="A147" s="6">
        <v>45121</v>
      </c>
      <c r="B147" s="8">
        <v>0.89063056644104022</v>
      </c>
      <c r="C147" s="3">
        <v>155.56</v>
      </c>
    </row>
    <row r="148" spans="1:3" x14ac:dyDescent="0.3">
      <c r="A148" s="6">
        <v>45124</v>
      </c>
      <c r="B148" s="8">
        <v>0.88999644001423994</v>
      </c>
      <c r="C148" s="3">
        <v>155.33999999999997</v>
      </c>
    </row>
    <row r="149" spans="1:3" x14ac:dyDescent="0.3">
      <c r="A149" s="6">
        <v>45125</v>
      </c>
      <c r="B149" s="8">
        <v>0.89055125122450796</v>
      </c>
      <c r="C149" s="3">
        <v>170.79000000000005</v>
      </c>
    </row>
    <row r="150" spans="1:3" x14ac:dyDescent="0.3">
      <c r="A150" s="6">
        <v>45126</v>
      </c>
      <c r="B150" s="8">
        <v>0.89277743058655468</v>
      </c>
      <c r="C150" s="3">
        <v>169.20000000000002</v>
      </c>
    </row>
    <row r="151" spans="1:3" x14ac:dyDescent="0.3">
      <c r="A151" s="6">
        <v>45127</v>
      </c>
      <c r="B151" s="8">
        <v>0.89847259658580414</v>
      </c>
      <c r="C151" s="3">
        <v>171.57</v>
      </c>
    </row>
    <row r="152" spans="1:3" x14ac:dyDescent="0.3">
      <c r="A152" s="6">
        <v>45128</v>
      </c>
      <c r="B152" s="8">
        <v>0.89895720963682124</v>
      </c>
      <c r="C152" s="3">
        <v>174.42000000000002</v>
      </c>
    </row>
    <row r="153" spans="1:3" x14ac:dyDescent="0.3">
      <c r="A153" s="6">
        <v>45131</v>
      </c>
      <c r="B153" s="8">
        <v>0.90383224873463486</v>
      </c>
      <c r="C153" s="3">
        <v>187.41000000000003</v>
      </c>
    </row>
    <row r="154" spans="1:3" x14ac:dyDescent="0.3">
      <c r="A154" s="6">
        <v>45132</v>
      </c>
      <c r="B154" s="8">
        <v>0.90456806874717333</v>
      </c>
      <c r="C154" s="3">
        <v>180.63999999999996</v>
      </c>
    </row>
    <row r="155" spans="1:3" x14ac:dyDescent="0.3">
      <c r="A155" s="6">
        <v>45133</v>
      </c>
      <c r="B155" s="8">
        <v>0.90203860725239038</v>
      </c>
      <c r="C155" s="3">
        <v>172.06000000000006</v>
      </c>
    </row>
    <row r="156" spans="1:3" x14ac:dyDescent="0.3">
      <c r="A156" s="6">
        <v>45134</v>
      </c>
      <c r="B156" s="8">
        <v>0.91082976591675002</v>
      </c>
      <c r="C156" s="3">
        <v>183.54</v>
      </c>
    </row>
    <row r="157" spans="1:3" x14ac:dyDescent="0.3">
      <c r="A157" s="6">
        <v>45135</v>
      </c>
      <c r="B157" s="8">
        <v>0.90777051561365296</v>
      </c>
      <c r="C157" s="3">
        <v>182.33999999999995</v>
      </c>
    </row>
    <row r="158" spans="1:3" x14ac:dyDescent="0.3">
      <c r="A158" s="6">
        <v>45138</v>
      </c>
      <c r="B158" s="8">
        <v>0.90933891061198513</v>
      </c>
      <c r="C158" s="3">
        <v>183.86</v>
      </c>
    </row>
    <row r="159" spans="1:3" x14ac:dyDescent="0.3">
      <c r="A159" s="6">
        <v>45139</v>
      </c>
      <c r="B159" s="8">
        <v>0.91041514930808443</v>
      </c>
      <c r="C159" s="3">
        <v>183.76000000000002</v>
      </c>
    </row>
    <row r="160" spans="1:3" x14ac:dyDescent="0.3">
      <c r="A160" s="6">
        <v>45140</v>
      </c>
      <c r="B160" s="8">
        <v>0.91424392027793011</v>
      </c>
      <c r="C160" s="3">
        <v>187.26999999999995</v>
      </c>
    </row>
    <row r="161" spans="1:3" x14ac:dyDescent="0.3">
      <c r="A161" s="6">
        <v>45141</v>
      </c>
      <c r="B161" s="8">
        <v>0.91332541784637866</v>
      </c>
      <c r="C161" s="3">
        <v>185.60000000000002</v>
      </c>
    </row>
    <row r="162" spans="1:3" x14ac:dyDescent="0.3">
      <c r="A162" s="6">
        <v>45142</v>
      </c>
      <c r="B162" s="8">
        <v>0.90859531164819185</v>
      </c>
      <c r="C162" s="3">
        <v>175.01000000000002</v>
      </c>
    </row>
    <row r="163" spans="1:3" x14ac:dyDescent="0.3">
      <c r="A163" s="6">
        <v>45145</v>
      </c>
      <c r="B163" s="8">
        <v>0.90892564988183966</v>
      </c>
      <c r="C163" s="3">
        <v>177.48999999999998</v>
      </c>
    </row>
    <row r="164" spans="1:3" x14ac:dyDescent="0.3">
      <c r="A164" s="6">
        <v>45146</v>
      </c>
      <c r="B164" s="8">
        <v>0.91274187659729833</v>
      </c>
      <c r="C164" s="3">
        <v>183.34</v>
      </c>
    </row>
    <row r="165" spans="1:3" x14ac:dyDescent="0.3">
      <c r="A165" s="6">
        <v>45147</v>
      </c>
      <c r="B165" s="8">
        <v>0.91124476034262814</v>
      </c>
      <c r="C165" s="3">
        <v>184.59999999999997</v>
      </c>
    </row>
    <row r="166" spans="1:3" x14ac:dyDescent="0.3">
      <c r="A166" s="6">
        <v>45148</v>
      </c>
      <c r="B166" s="8">
        <v>0.91066387396411974</v>
      </c>
      <c r="C166" s="3">
        <v>185.77000000000004</v>
      </c>
    </row>
    <row r="167" spans="1:3" x14ac:dyDescent="0.3">
      <c r="A167" s="6">
        <v>45149</v>
      </c>
      <c r="B167" s="8">
        <v>0.91332541784637866</v>
      </c>
      <c r="C167" s="3">
        <v>185.57000000000002</v>
      </c>
    </row>
    <row r="168" spans="1:3" x14ac:dyDescent="0.3">
      <c r="A168" s="6">
        <v>45152</v>
      </c>
      <c r="B168" s="8">
        <v>0.91692646249770771</v>
      </c>
      <c r="C168" s="3">
        <v>188.89000000000001</v>
      </c>
    </row>
    <row r="169" spans="1:3" x14ac:dyDescent="0.3">
      <c r="A169" s="6">
        <v>45153</v>
      </c>
      <c r="B169" s="8">
        <v>0.9170105456212746</v>
      </c>
      <c r="C169" s="3">
        <v>184.22000000000006</v>
      </c>
    </row>
    <row r="170" spans="1:3" x14ac:dyDescent="0.3">
      <c r="A170" s="6">
        <v>45154</v>
      </c>
      <c r="B170" s="8">
        <v>0.91920213254894745</v>
      </c>
      <c r="C170" s="3">
        <v>188.02000000000004</v>
      </c>
    </row>
    <row r="171" spans="1:3" x14ac:dyDescent="0.3">
      <c r="A171" s="6">
        <v>45155</v>
      </c>
      <c r="B171" s="8">
        <v>0.91979396615158204</v>
      </c>
      <c r="C171" s="3">
        <v>182.21999999999997</v>
      </c>
    </row>
    <row r="172" spans="1:3" x14ac:dyDescent="0.3">
      <c r="A172" s="6">
        <v>45156</v>
      </c>
      <c r="B172" s="8">
        <v>0.9197093718384991</v>
      </c>
      <c r="C172" s="3">
        <v>188.34999999999997</v>
      </c>
    </row>
    <row r="173" spans="1:3" x14ac:dyDescent="0.3">
      <c r="A173" s="6">
        <v>45159</v>
      </c>
      <c r="B173" s="8">
        <v>0.91776798825256978</v>
      </c>
      <c r="C173" s="3">
        <v>188.46000000000004</v>
      </c>
    </row>
    <row r="174" spans="1:3" x14ac:dyDescent="0.3">
      <c r="A174" s="6">
        <v>45160</v>
      </c>
      <c r="B174" s="8">
        <v>0.9219988936013277</v>
      </c>
      <c r="C174" s="3">
        <v>195.88999999999993</v>
      </c>
    </row>
    <row r="175" spans="1:3" x14ac:dyDescent="0.3">
      <c r="A175" s="6">
        <v>45161</v>
      </c>
      <c r="B175" s="8">
        <v>0.92055601583356339</v>
      </c>
      <c r="C175" s="3">
        <v>199.27</v>
      </c>
    </row>
    <row r="176" spans="1:3" x14ac:dyDescent="0.3">
      <c r="A176" s="6">
        <v>45162</v>
      </c>
      <c r="B176" s="8">
        <v>0.92506938020351526</v>
      </c>
      <c r="C176" s="3">
        <v>206.48999999999998</v>
      </c>
    </row>
    <row r="177" spans="1:3" x14ac:dyDescent="0.3">
      <c r="A177" s="6">
        <v>45163</v>
      </c>
      <c r="B177" s="8">
        <v>0.92626898851426465</v>
      </c>
      <c r="C177" s="3">
        <v>204.28999999999996</v>
      </c>
    </row>
    <row r="178" spans="1:3" x14ac:dyDescent="0.3">
      <c r="A178" s="6">
        <v>45166</v>
      </c>
      <c r="B178" s="8">
        <v>0.92429984286902667</v>
      </c>
      <c r="C178" s="3">
        <v>198.19000000000005</v>
      </c>
    </row>
    <row r="179" spans="1:3" x14ac:dyDescent="0.3">
      <c r="A179" s="6">
        <v>45167</v>
      </c>
      <c r="B179" s="8">
        <v>0.91911764705882348</v>
      </c>
      <c r="C179" s="3">
        <v>185.11999999999995</v>
      </c>
    </row>
    <row r="180" spans="1:3" x14ac:dyDescent="0.3">
      <c r="A180" s="6">
        <v>45168</v>
      </c>
      <c r="B180" s="8">
        <v>0.91549940492538673</v>
      </c>
      <c r="C180" s="3">
        <v>181.29000000000005</v>
      </c>
    </row>
    <row r="181" spans="1:3" x14ac:dyDescent="0.3">
      <c r="A181" s="6">
        <v>45169</v>
      </c>
      <c r="B181" s="8">
        <v>0.92225398874850129</v>
      </c>
      <c r="C181" s="3">
        <v>188.48999999999995</v>
      </c>
    </row>
    <row r="182" spans="1:3" x14ac:dyDescent="0.3">
      <c r="A182" s="6">
        <v>45170</v>
      </c>
      <c r="B182" s="8">
        <v>0.92764378478664189</v>
      </c>
      <c r="C182" s="3">
        <v>188.84999999999997</v>
      </c>
    </row>
    <row r="183" spans="1:3" x14ac:dyDescent="0.3">
      <c r="A183" s="6">
        <v>45173</v>
      </c>
      <c r="B183" s="8">
        <v>0.92626898851426465</v>
      </c>
      <c r="C183" s="3">
        <v>185.54999999999998</v>
      </c>
    </row>
    <row r="184" spans="1:3" x14ac:dyDescent="0.3">
      <c r="A184" s="6">
        <v>45174</v>
      </c>
      <c r="B184" s="8">
        <v>0.93266181682521909</v>
      </c>
      <c r="C184" s="3">
        <v>191.46999999999997</v>
      </c>
    </row>
    <row r="185" spans="1:3" x14ac:dyDescent="0.3">
      <c r="A185" s="6">
        <v>45175</v>
      </c>
      <c r="B185" s="8">
        <v>0.93222709051925046</v>
      </c>
      <c r="C185" s="3">
        <v>189.42000000000004</v>
      </c>
    </row>
    <row r="186" spans="1:3" x14ac:dyDescent="0.3">
      <c r="A186" s="6">
        <v>45176</v>
      </c>
      <c r="B186" s="8">
        <v>0.93492894540014948</v>
      </c>
      <c r="C186" s="3">
        <v>186.29000000000002</v>
      </c>
    </row>
    <row r="187" spans="1:3" x14ac:dyDescent="0.3">
      <c r="A187" s="6">
        <v>45177</v>
      </c>
      <c r="B187" s="8">
        <v>0.93457943925233644</v>
      </c>
      <c r="C187" s="3">
        <v>190.95999999999998</v>
      </c>
    </row>
    <row r="188" spans="1:3" x14ac:dyDescent="0.3">
      <c r="A188" s="6">
        <v>45180</v>
      </c>
      <c r="B188" s="8">
        <v>0.93023255813953487</v>
      </c>
      <c r="C188" s="3">
        <v>189.45</v>
      </c>
    </row>
    <row r="189" spans="1:3" x14ac:dyDescent="0.3">
      <c r="A189" s="6">
        <v>45181</v>
      </c>
      <c r="B189" s="8">
        <v>0.92988655384043151</v>
      </c>
      <c r="C189" s="3">
        <v>189.29999999999998</v>
      </c>
    </row>
    <row r="190" spans="1:3" x14ac:dyDescent="0.3">
      <c r="A190" s="6">
        <v>45182</v>
      </c>
      <c r="B190" s="8">
        <v>0.93196644920782856</v>
      </c>
      <c r="C190" s="3">
        <v>179.92</v>
      </c>
    </row>
    <row r="191" spans="1:3" x14ac:dyDescent="0.3">
      <c r="A191" s="6">
        <v>45183</v>
      </c>
      <c r="B191" s="8">
        <v>0.93958470356102597</v>
      </c>
      <c r="C191" s="3">
        <v>184.54000000000002</v>
      </c>
    </row>
    <row r="192" spans="1:3" x14ac:dyDescent="0.3">
      <c r="A192" s="6">
        <v>45184</v>
      </c>
      <c r="B192" s="8">
        <v>0.93835038003190385</v>
      </c>
      <c r="C192" s="3">
        <v>181.75</v>
      </c>
    </row>
    <row r="193" spans="1:3" x14ac:dyDescent="0.3">
      <c r="A193" s="6">
        <v>45187</v>
      </c>
      <c r="B193" s="8">
        <v>0.93527871305649091</v>
      </c>
      <c r="C193" s="3">
        <v>179.88</v>
      </c>
    </row>
    <row r="194" spans="1:3" x14ac:dyDescent="0.3">
      <c r="A194" s="6">
        <v>45188</v>
      </c>
      <c r="B194" s="8">
        <v>0.93641726753441323</v>
      </c>
      <c r="C194" s="3">
        <v>180.50999999999993</v>
      </c>
    </row>
    <row r="195" spans="1:3" x14ac:dyDescent="0.3">
      <c r="A195" s="6">
        <v>45189</v>
      </c>
      <c r="B195" s="8">
        <v>0.93799831160303904</v>
      </c>
      <c r="C195" s="3">
        <v>191.57999999999998</v>
      </c>
    </row>
    <row r="196" spans="1:3" x14ac:dyDescent="0.3">
      <c r="A196" s="6">
        <v>45190</v>
      </c>
      <c r="B196" s="8">
        <v>0.93799831160303904</v>
      </c>
      <c r="C196" s="3">
        <v>188.67999999999995</v>
      </c>
    </row>
    <row r="197" spans="1:3" x14ac:dyDescent="0.3">
      <c r="A197" s="6">
        <v>45191</v>
      </c>
      <c r="B197" s="8">
        <v>0.93870271285084017</v>
      </c>
      <c r="C197" s="3">
        <v>185.17000000000002</v>
      </c>
    </row>
    <row r="198" spans="1:3" x14ac:dyDescent="0.3">
      <c r="A198" s="6">
        <v>45194</v>
      </c>
      <c r="B198" s="8">
        <v>0.94401963560842073</v>
      </c>
      <c r="C198" s="3">
        <v>188.79000000000002</v>
      </c>
    </row>
    <row r="199" spans="1:3" x14ac:dyDescent="0.3">
      <c r="A199" s="6">
        <v>45195</v>
      </c>
      <c r="B199" s="8">
        <v>0.94589481649640572</v>
      </c>
      <c r="C199" s="3">
        <v>188.97000000000003</v>
      </c>
    </row>
    <row r="200" spans="1:3" x14ac:dyDescent="0.3">
      <c r="A200" s="6">
        <v>45196</v>
      </c>
      <c r="B200" s="8">
        <v>0.95210892126059221</v>
      </c>
      <c r="C200" s="3">
        <v>189.13999999999996</v>
      </c>
    </row>
    <row r="201" spans="1:3" x14ac:dyDescent="0.3">
      <c r="A201" s="6">
        <v>45197</v>
      </c>
      <c r="B201" s="8">
        <v>0.94643195154268411</v>
      </c>
      <c r="C201" s="3">
        <v>177.22000000000003</v>
      </c>
    </row>
    <row r="202" spans="1:3" x14ac:dyDescent="0.3">
      <c r="A202" s="6">
        <v>45198</v>
      </c>
      <c r="B202" s="8">
        <v>0.94580535325829951</v>
      </c>
      <c r="C202" s="3">
        <v>184.05999999999997</v>
      </c>
    </row>
    <row r="203" spans="1:3" x14ac:dyDescent="0.3">
      <c r="A203" s="6">
        <v>45201</v>
      </c>
      <c r="B203" s="8">
        <v>0.95447169991409753</v>
      </c>
      <c r="C203" s="3">
        <v>187.10999999999999</v>
      </c>
    </row>
    <row r="204" spans="1:3" x14ac:dyDescent="0.3">
      <c r="A204" s="6">
        <v>45202</v>
      </c>
      <c r="B204" s="8">
        <v>0.95538358650998378</v>
      </c>
      <c r="C204" s="3">
        <v>194.01999999999998</v>
      </c>
    </row>
    <row r="205" spans="1:3" x14ac:dyDescent="0.3">
      <c r="A205" s="6">
        <v>45203</v>
      </c>
      <c r="B205" s="8">
        <v>0.95201827875095202</v>
      </c>
      <c r="C205" s="3">
        <v>187.17999999999998</v>
      </c>
    </row>
    <row r="206" spans="1:3" x14ac:dyDescent="0.3">
      <c r="A206" s="6">
        <v>45204</v>
      </c>
      <c r="B206" s="8">
        <v>0.94786729857819907</v>
      </c>
      <c r="C206" s="3">
        <v>188.33</v>
      </c>
    </row>
    <row r="207" spans="1:3" x14ac:dyDescent="0.3">
      <c r="A207" s="6">
        <v>45205</v>
      </c>
      <c r="B207" s="8">
        <v>0.94464386926128852</v>
      </c>
      <c r="C207" s="3">
        <v>194.82999999999998</v>
      </c>
    </row>
    <row r="208" spans="1:3" x14ac:dyDescent="0.3">
      <c r="A208" s="6">
        <v>45208</v>
      </c>
      <c r="B208" s="8">
        <v>0.94634238667549919</v>
      </c>
      <c r="C208" s="3">
        <v>204.22999999999996</v>
      </c>
    </row>
    <row r="209" spans="1:3" x14ac:dyDescent="0.3">
      <c r="A209" s="6">
        <v>45209</v>
      </c>
      <c r="B209" s="8">
        <v>0.94295143800094294</v>
      </c>
      <c r="C209" s="3">
        <v>189.96</v>
      </c>
    </row>
    <row r="210" spans="1:3" x14ac:dyDescent="0.3">
      <c r="A210" s="6">
        <v>45210</v>
      </c>
      <c r="B210" s="8">
        <v>0.94161958568738224</v>
      </c>
      <c r="C210" s="3">
        <v>187.41</v>
      </c>
    </row>
    <row r="211" spans="1:3" x14ac:dyDescent="0.3">
      <c r="A211" s="6">
        <v>45211</v>
      </c>
      <c r="B211" s="8">
        <v>0.94984802431610948</v>
      </c>
      <c r="C211" s="3">
        <v>190.76999999999998</v>
      </c>
    </row>
    <row r="212" spans="1:3" x14ac:dyDescent="0.3">
      <c r="A212" s="6">
        <v>45212</v>
      </c>
      <c r="B212" s="8">
        <v>0.95147478591817325</v>
      </c>
      <c r="C212" s="3">
        <v>191.48000000000002</v>
      </c>
    </row>
    <row r="213" spans="1:3" x14ac:dyDescent="0.3">
      <c r="A213" s="6">
        <v>45215</v>
      </c>
      <c r="B213" s="8">
        <v>0.94696969696969691</v>
      </c>
      <c r="C213" s="3">
        <v>194.24999999999994</v>
      </c>
    </row>
    <row r="214" spans="1:3" x14ac:dyDescent="0.3">
      <c r="A214" s="6">
        <v>45216</v>
      </c>
      <c r="B214" s="8">
        <v>0.94544766947149472</v>
      </c>
      <c r="C214" s="3">
        <v>196.15</v>
      </c>
    </row>
    <row r="215" spans="1:3" x14ac:dyDescent="0.3">
      <c r="A215" s="6">
        <v>45217</v>
      </c>
      <c r="B215" s="8">
        <v>0.94912680334092625</v>
      </c>
      <c r="C215" s="3">
        <v>202.35000000000002</v>
      </c>
    </row>
    <row r="216" spans="1:3" x14ac:dyDescent="0.3">
      <c r="A216" s="6">
        <v>45218</v>
      </c>
      <c r="B216" s="8">
        <v>0.945000945000945</v>
      </c>
      <c r="C216" s="3">
        <v>195.35</v>
      </c>
    </row>
    <row r="217" spans="1:3" x14ac:dyDescent="0.3">
      <c r="A217" s="6">
        <v>45219</v>
      </c>
      <c r="B217" s="8">
        <v>0.94393052671323396</v>
      </c>
      <c r="C217" s="3">
        <v>195.11</v>
      </c>
    </row>
    <row r="218" spans="1:3" x14ac:dyDescent="0.3">
      <c r="A218" s="6">
        <v>45222</v>
      </c>
      <c r="B218" s="8">
        <v>0.93720712277413309</v>
      </c>
      <c r="C218" s="3">
        <v>191.33999999999997</v>
      </c>
    </row>
    <row r="219" spans="1:3" x14ac:dyDescent="0.3">
      <c r="A219" s="6">
        <v>45223</v>
      </c>
      <c r="B219" s="8">
        <v>0.94428706326723333</v>
      </c>
      <c r="C219" s="3">
        <v>201.59000000000003</v>
      </c>
    </row>
    <row r="220" spans="1:3" x14ac:dyDescent="0.3">
      <c r="A220" s="6">
        <v>45224</v>
      </c>
      <c r="B220" s="8">
        <v>0.94643195154268411</v>
      </c>
      <c r="C220" s="3">
        <v>199.55999999999995</v>
      </c>
    </row>
    <row r="221" spans="1:3" x14ac:dyDescent="0.3">
      <c r="A221" s="6">
        <v>45225</v>
      </c>
      <c r="B221" s="8">
        <v>0.94670074789359082</v>
      </c>
      <c r="C221" s="3">
        <v>196.45000000000002</v>
      </c>
    </row>
    <row r="222" spans="1:3" x14ac:dyDescent="0.3">
      <c r="A222" s="6">
        <v>45226</v>
      </c>
      <c r="B222" s="8">
        <v>0.94652153336488409</v>
      </c>
      <c r="C222" s="3">
        <v>196.51000000000005</v>
      </c>
    </row>
    <row r="223" spans="1:3" x14ac:dyDescent="0.3">
      <c r="A223" s="6">
        <v>45229</v>
      </c>
      <c r="B223" s="8">
        <v>0.94206311822892119</v>
      </c>
      <c r="C223" s="3">
        <v>204.10000000000002</v>
      </c>
    </row>
    <row r="224" spans="1:3" x14ac:dyDescent="0.3">
      <c r="A224" s="6">
        <v>45230</v>
      </c>
      <c r="B224" s="8">
        <v>0.94562647754137108</v>
      </c>
      <c r="C224" s="3">
        <v>207.13</v>
      </c>
    </row>
    <row r="225" spans="1:3" x14ac:dyDescent="0.3">
      <c r="A225" s="6">
        <v>45231</v>
      </c>
      <c r="B225" s="8">
        <v>0.94607379375591305</v>
      </c>
      <c r="C225" s="3">
        <v>195.26</v>
      </c>
    </row>
    <row r="226" spans="1:3" x14ac:dyDescent="0.3">
      <c r="A226" s="6">
        <v>45232</v>
      </c>
      <c r="B226" s="8">
        <v>0.9414422895876482</v>
      </c>
      <c r="C226" s="3">
        <v>198.03000000000003</v>
      </c>
    </row>
    <row r="227" spans="1:3" x14ac:dyDescent="0.3">
      <c r="A227" s="6">
        <v>45233</v>
      </c>
      <c r="B227" s="8">
        <v>0.9318796011555307</v>
      </c>
      <c r="C227" s="3">
        <v>187.75999999999996</v>
      </c>
    </row>
    <row r="228" spans="1:3" x14ac:dyDescent="0.3">
      <c r="A228" s="6">
        <v>45236</v>
      </c>
      <c r="B228" s="8">
        <v>0.93300988990483291</v>
      </c>
      <c r="C228" s="3">
        <v>191.14999999999998</v>
      </c>
    </row>
    <row r="229" spans="1:3" x14ac:dyDescent="0.3">
      <c r="A229" s="6">
        <v>45237</v>
      </c>
      <c r="B229" s="8">
        <v>0.93457943925233644</v>
      </c>
      <c r="C229" s="3">
        <v>193.36</v>
      </c>
    </row>
    <row r="230" spans="1:3" x14ac:dyDescent="0.3">
      <c r="A230" s="6">
        <v>45238</v>
      </c>
      <c r="B230" s="8">
        <v>0.93379400504248766</v>
      </c>
      <c r="C230" s="3">
        <v>191.70000000000002</v>
      </c>
    </row>
    <row r="231" spans="1:3" x14ac:dyDescent="0.3">
      <c r="A231" s="6">
        <v>45239</v>
      </c>
      <c r="B231" s="8">
        <v>0.9373828271466067</v>
      </c>
      <c r="C231" s="3">
        <v>201.42000000000002</v>
      </c>
    </row>
    <row r="232" spans="1:3" x14ac:dyDescent="0.3">
      <c r="A232" s="6">
        <v>45240</v>
      </c>
      <c r="B232" s="8">
        <v>0.93580385551188472</v>
      </c>
      <c r="C232" s="3">
        <v>199.62999999999997</v>
      </c>
    </row>
    <row r="233" spans="1:3" x14ac:dyDescent="0.3">
      <c r="A233" s="6">
        <v>45243</v>
      </c>
      <c r="B233" s="8">
        <v>0.93475415965601039</v>
      </c>
      <c r="C233" s="3">
        <v>195.37999999999997</v>
      </c>
    </row>
    <row r="234" spans="1:3" x14ac:dyDescent="0.3">
      <c r="A234" s="6">
        <v>45244</v>
      </c>
      <c r="B234" s="8">
        <v>0.91920213254894745</v>
      </c>
      <c r="C234" s="3">
        <v>184.80000000000004</v>
      </c>
    </row>
    <row r="235" spans="1:3" x14ac:dyDescent="0.3">
      <c r="A235" s="6">
        <v>45245</v>
      </c>
      <c r="B235" s="8">
        <v>0.92182890855457233</v>
      </c>
      <c r="C235" s="3">
        <v>190.18000000000006</v>
      </c>
    </row>
    <row r="236" spans="1:3" x14ac:dyDescent="0.3">
      <c r="A236" s="6">
        <v>45246</v>
      </c>
      <c r="B236" s="8">
        <v>0.92148912642830816</v>
      </c>
      <c r="C236" s="3">
        <v>188.65000000000003</v>
      </c>
    </row>
    <row r="237" spans="1:3" x14ac:dyDescent="0.3">
      <c r="A237" s="6">
        <v>45247</v>
      </c>
      <c r="B237" s="8">
        <v>0.91617040769583147</v>
      </c>
      <c r="C237" s="3">
        <v>192.15000000000003</v>
      </c>
    </row>
    <row r="238" spans="1:3" x14ac:dyDescent="0.3">
      <c r="A238" s="6">
        <v>45250</v>
      </c>
      <c r="B238" s="8">
        <v>0.91407678244972568</v>
      </c>
      <c r="C238" s="3">
        <v>188.38999999999996</v>
      </c>
    </row>
    <row r="239" spans="1:3" x14ac:dyDescent="0.3">
      <c r="A239" s="6">
        <v>45251</v>
      </c>
      <c r="B239" s="8">
        <v>0.91650627806800478</v>
      </c>
      <c r="C239" s="3">
        <v>187.82999999999998</v>
      </c>
    </row>
    <row r="240" spans="1:3" x14ac:dyDescent="0.3">
      <c r="A240" s="6">
        <v>45252</v>
      </c>
      <c r="B240" s="8">
        <v>0.91844232182218954</v>
      </c>
      <c r="C240" s="3">
        <v>186.56000000000006</v>
      </c>
    </row>
    <row r="241" spans="1:3" x14ac:dyDescent="0.3">
      <c r="A241" s="6">
        <v>45253</v>
      </c>
      <c r="B241" s="8">
        <v>0.9170105456212746</v>
      </c>
      <c r="C241" s="3">
        <v>185.56000000000003</v>
      </c>
    </row>
    <row r="242" spans="1:3" x14ac:dyDescent="0.3">
      <c r="A242" s="6">
        <v>45254</v>
      </c>
      <c r="B242" s="8">
        <v>0.91416034372428912</v>
      </c>
      <c r="C242" s="3">
        <v>187.64000000000004</v>
      </c>
    </row>
    <row r="243" spans="1:3" x14ac:dyDescent="0.3">
      <c r="A243" s="6">
        <v>45257</v>
      </c>
      <c r="B243" s="8">
        <v>0.91290852656563815</v>
      </c>
      <c r="C243" s="3">
        <v>188.89999999999998</v>
      </c>
    </row>
    <row r="244" spans="1:3" x14ac:dyDescent="0.3">
      <c r="A244" s="6">
        <v>45258</v>
      </c>
      <c r="B244" s="8">
        <v>0.90966978986627856</v>
      </c>
      <c r="C244" s="3">
        <v>181.62000000000003</v>
      </c>
    </row>
    <row r="245" spans="1:3" x14ac:dyDescent="0.3">
      <c r="A245" s="6">
        <v>45259</v>
      </c>
      <c r="B245" s="8">
        <v>0.91166013310237948</v>
      </c>
      <c r="C245" s="3">
        <v>180.95000000000005</v>
      </c>
    </row>
    <row r="246" spans="1:3" x14ac:dyDescent="0.3">
      <c r="A246" s="6">
        <v>45260</v>
      </c>
      <c r="B246" s="8">
        <v>0.91844232182218954</v>
      </c>
      <c r="C246" s="3">
        <v>186.42000000000002</v>
      </c>
    </row>
    <row r="247" spans="1:3" x14ac:dyDescent="0.3">
      <c r="A247" s="6">
        <v>45261</v>
      </c>
      <c r="B247" s="8">
        <v>0.91877986034546122</v>
      </c>
      <c r="C247" s="3">
        <v>185.64000000000001</v>
      </c>
    </row>
    <row r="248" spans="1:3" x14ac:dyDescent="0.3">
      <c r="A248" s="6">
        <v>45264</v>
      </c>
      <c r="B248" s="8">
        <v>0.9228497600590625</v>
      </c>
      <c r="C248" s="3">
        <v>194.03</v>
      </c>
    </row>
    <row r="249" spans="1:3" x14ac:dyDescent="0.3">
      <c r="A249" s="6">
        <v>45265</v>
      </c>
      <c r="B249" s="8">
        <v>0.92618319903676938</v>
      </c>
      <c r="C249" s="3">
        <v>196.67</v>
      </c>
    </row>
    <row r="250" spans="1:3" x14ac:dyDescent="0.3">
      <c r="A250" s="6">
        <v>45266</v>
      </c>
      <c r="B250" s="8">
        <v>0.92902266815310297</v>
      </c>
      <c r="C250" s="3">
        <v>197.29000000000002</v>
      </c>
    </row>
    <row r="251" spans="1:3" x14ac:dyDescent="0.3">
      <c r="A251" s="6">
        <v>45267</v>
      </c>
      <c r="B251" s="8">
        <v>0.9264406151565685</v>
      </c>
      <c r="C251" s="3">
        <v>199.85</v>
      </c>
    </row>
    <row r="252" spans="1:3" x14ac:dyDescent="0.3">
      <c r="A252" s="6">
        <v>45268</v>
      </c>
      <c r="B252" s="8">
        <v>0.92910898448387991</v>
      </c>
      <c r="C252" s="3">
        <v>202.79000000000002</v>
      </c>
    </row>
    <row r="253" spans="1:3" x14ac:dyDescent="0.3">
      <c r="A253" s="6">
        <v>45271</v>
      </c>
      <c r="B253" s="8">
        <v>0.92893636785880163</v>
      </c>
      <c r="C253" s="3">
        <v>199.8</v>
      </c>
    </row>
    <row r="254" spans="1:3" x14ac:dyDescent="0.3">
      <c r="A254" s="6">
        <v>45272</v>
      </c>
      <c r="B254" s="8">
        <v>0.9264406151565685</v>
      </c>
      <c r="C254" s="3">
        <v>202.18000000000004</v>
      </c>
    </row>
    <row r="255" spans="1:3" x14ac:dyDescent="0.3">
      <c r="A255" s="6">
        <v>45273</v>
      </c>
      <c r="B255" s="8">
        <v>0.91962479308442158</v>
      </c>
      <c r="C255" s="3">
        <v>175.95000000000002</v>
      </c>
    </row>
    <row r="256" spans="1:3" x14ac:dyDescent="0.3">
      <c r="A256" s="6">
        <v>45274</v>
      </c>
      <c r="B256" s="8">
        <v>0.90966978986627856</v>
      </c>
      <c r="C256" s="3">
        <v>182.12</v>
      </c>
    </row>
    <row r="257" spans="1:3" x14ac:dyDescent="0.3">
      <c r="A257" s="6">
        <v>45275</v>
      </c>
      <c r="B257" s="8">
        <v>0.9178522257916476</v>
      </c>
      <c r="C257" s="3">
        <v>193.88</v>
      </c>
    </row>
    <row r="258" spans="1:3" x14ac:dyDescent="0.3">
      <c r="A258" s="6">
        <v>45278</v>
      </c>
      <c r="B258" s="8">
        <v>0.91541559868180156</v>
      </c>
      <c r="C258" s="3">
        <v>189.32999999999998</v>
      </c>
    </row>
    <row r="259" spans="1:3" x14ac:dyDescent="0.3">
      <c r="A259" s="6">
        <v>45279</v>
      </c>
      <c r="B259" s="8">
        <v>0.91066387396411974</v>
      </c>
      <c r="C259" s="3">
        <v>192.64000000000001</v>
      </c>
    </row>
    <row r="260" spans="1:3" x14ac:dyDescent="0.3">
      <c r="A260" s="6">
        <v>45280</v>
      </c>
      <c r="B260" s="8">
        <v>0.91390970572107466</v>
      </c>
      <c r="C260" s="3">
        <v>185.82999999999998</v>
      </c>
    </row>
    <row r="261" spans="1:3" x14ac:dyDescent="0.3">
      <c r="A261" s="6">
        <v>45281</v>
      </c>
      <c r="B261" s="8">
        <v>0.90818272636454456</v>
      </c>
      <c r="C261" s="3">
        <v>189.64000000000004</v>
      </c>
    </row>
    <row r="262" spans="1:3" x14ac:dyDescent="0.3">
      <c r="A262" s="6">
        <v>45282</v>
      </c>
      <c r="B262" s="8">
        <v>0.90793535500272382</v>
      </c>
      <c r="C262" s="3">
        <v>189.21</v>
      </c>
    </row>
    <row r="263" spans="1:3" x14ac:dyDescent="0.3">
      <c r="A263" s="6">
        <v>45285</v>
      </c>
      <c r="B263" s="8">
        <v>0.90843023255813948</v>
      </c>
      <c r="C263" s="3">
        <v>189.21</v>
      </c>
    </row>
    <row r="264" spans="1:3" x14ac:dyDescent="0.3">
      <c r="A264" s="6">
        <v>45286</v>
      </c>
      <c r="B264" s="8">
        <v>0.90563303749320767</v>
      </c>
      <c r="C264" s="3">
        <v>192.10000000000002</v>
      </c>
    </row>
    <row r="265" spans="1:3" x14ac:dyDescent="0.3">
      <c r="A265" s="6">
        <v>45287</v>
      </c>
      <c r="B265" s="8">
        <v>0.90049527239981986</v>
      </c>
      <c r="C265" s="3">
        <v>183.86</v>
      </c>
    </row>
    <row r="266" spans="1:3" x14ac:dyDescent="0.3">
      <c r="A266" s="6">
        <v>45288</v>
      </c>
      <c r="B266" s="8">
        <v>0.90407738902450041</v>
      </c>
      <c r="C266" s="3">
        <v>190.17</v>
      </c>
    </row>
    <row r="267" spans="1:3" x14ac:dyDescent="0.3">
      <c r="A267" s="6">
        <v>45289</v>
      </c>
      <c r="B267" s="8">
        <v>0.90587915572062683</v>
      </c>
      <c r="C267" s="3">
        <v>184.59000000000003</v>
      </c>
    </row>
    <row r="268" spans="1:3" x14ac:dyDescent="0.3">
      <c r="A268" s="6">
        <v>45292</v>
      </c>
      <c r="B268" s="8">
        <v>0.90538705296514255</v>
      </c>
      <c r="C268" s="3">
        <v>184.59000000000003</v>
      </c>
    </row>
    <row r="269" spans="1:3" x14ac:dyDescent="0.3">
      <c r="A269" s="6">
        <v>45293</v>
      </c>
      <c r="B269" s="8">
        <v>0.91390970572107466</v>
      </c>
      <c r="C269" s="3">
        <v>186.71</v>
      </c>
    </row>
    <row r="270" spans="1:3" x14ac:dyDescent="0.3">
      <c r="A270" s="6">
        <v>45294</v>
      </c>
      <c r="B270" s="8">
        <v>0.91558322651529023</v>
      </c>
      <c r="C270" s="3">
        <v>191.64999999999998</v>
      </c>
    </row>
    <row r="271" spans="1:3" x14ac:dyDescent="0.3">
      <c r="A271" s="6">
        <v>45295</v>
      </c>
      <c r="B271" s="8">
        <v>0.91365920511649157</v>
      </c>
      <c r="C271" s="3">
        <v>185.15</v>
      </c>
    </row>
    <row r="272" spans="1:3" x14ac:dyDescent="0.3">
      <c r="A272" s="6">
        <v>45296</v>
      </c>
      <c r="B272" s="8">
        <v>0.91382619025861278</v>
      </c>
      <c r="C272" s="3">
        <v>181.27</v>
      </c>
    </row>
    <row r="273" spans="1:3" x14ac:dyDescent="0.3">
      <c r="A273" s="6">
        <v>45299</v>
      </c>
      <c r="B273" s="8">
        <v>0.91324200913242015</v>
      </c>
      <c r="C273" s="3">
        <v>182.66</v>
      </c>
    </row>
    <row r="274" spans="1:3" x14ac:dyDescent="0.3">
      <c r="A274" s="6">
        <v>45300</v>
      </c>
      <c r="B274" s="8">
        <v>0.91482938431982441</v>
      </c>
      <c r="C274" s="3">
        <v>175.42000000000004</v>
      </c>
    </row>
    <row r="275" spans="1:3" x14ac:dyDescent="0.3">
      <c r="A275" s="6">
        <v>45301</v>
      </c>
      <c r="B275" s="8">
        <v>0.91132780461131879</v>
      </c>
      <c r="C275" s="3">
        <v>170.89999999999998</v>
      </c>
    </row>
    <row r="276" spans="1:3" x14ac:dyDescent="0.3">
      <c r="A276" s="6">
        <v>45302</v>
      </c>
      <c r="B276" s="8">
        <v>0.91141086401749916</v>
      </c>
      <c r="C276" s="3">
        <v>161.91</v>
      </c>
    </row>
    <row r="277" spans="1:3" x14ac:dyDescent="0.3">
      <c r="A277" s="6">
        <v>45303</v>
      </c>
      <c r="B277" s="8">
        <v>0.91315861565153866</v>
      </c>
      <c r="C277" s="3">
        <v>162.71</v>
      </c>
    </row>
    <row r="278" spans="1:3" x14ac:dyDescent="0.3">
      <c r="A278" s="6">
        <v>45306</v>
      </c>
      <c r="B278" s="8">
        <v>0.91324200913242015</v>
      </c>
      <c r="C278" s="3">
        <v>154.61000000000001</v>
      </c>
    </row>
    <row r="279" spans="1:3" x14ac:dyDescent="0.3">
      <c r="A279" s="6">
        <v>45307</v>
      </c>
      <c r="B279" s="8">
        <v>0.91954022988505757</v>
      </c>
      <c r="C279" s="3">
        <v>161.94999999999999</v>
      </c>
    </row>
    <row r="280" spans="1:3" x14ac:dyDescent="0.3">
      <c r="A280" s="6">
        <v>45308</v>
      </c>
      <c r="B280" s="8">
        <v>0.91886428374529083</v>
      </c>
      <c r="C280" s="3">
        <v>166.28000000000003</v>
      </c>
    </row>
    <row r="281" spans="1:3" x14ac:dyDescent="0.3">
      <c r="A281" s="6">
        <v>45309</v>
      </c>
      <c r="B281" s="8">
        <v>0.91945568223611629</v>
      </c>
      <c r="C281" s="3">
        <v>166.64000000000004</v>
      </c>
    </row>
    <row r="282" spans="1:3" x14ac:dyDescent="0.3">
      <c r="A282" s="6">
        <v>45310</v>
      </c>
      <c r="B282" s="8">
        <v>0.91759955955221129</v>
      </c>
      <c r="C282" s="3">
        <v>164.65</v>
      </c>
    </row>
    <row r="283" spans="1:3" x14ac:dyDescent="0.3">
      <c r="A283" s="6">
        <v>45313</v>
      </c>
      <c r="B283" s="8">
        <v>0.91886428374529083</v>
      </c>
      <c r="C283" s="3">
        <v>170.20999999999998</v>
      </c>
    </row>
    <row r="284" spans="1:3" x14ac:dyDescent="0.3">
      <c r="A284" s="6">
        <v>45314</v>
      </c>
      <c r="B284" s="8">
        <v>0.92131932927952831</v>
      </c>
      <c r="C284" s="3">
        <v>165.38</v>
      </c>
    </row>
    <row r="285" spans="1:3" x14ac:dyDescent="0.3">
      <c r="A285" s="6">
        <v>45315</v>
      </c>
      <c r="B285" s="8">
        <v>0.91869545245751028</v>
      </c>
      <c r="C285" s="3">
        <v>167.09</v>
      </c>
    </row>
    <row r="286" spans="1:3" x14ac:dyDescent="0.3">
      <c r="A286" s="6">
        <v>45316</v>
      </c>
      <c r="B286" s="8">
        <v>0.9219988936013277</v>
      </c>
      <c r="C286" s="3">
        <v>167.61999999999998</v>
      </c>
    </row>
    <row r="287" spans="1:3" x14ac:dyDescent="0.3">
      <c r="A287" s="6">
        <v>45317</v>
      </c>
      <c r="B287" s="8">
        <v>0.92140422003132783</v>
      </c>
      <c r="C287" s="3">
        <v>171.59000000000003</v>
      </c>
    </row>
    <row r="288" spans="1:3" x14ac:dyDescent="0.3">
      <c r="A288" s="6">
        <v>45320</v>
      </c>
      <c r="B288" s="8">
        <v>0.9231053263177329</v>
      </c>
      <c r="C288" s="3">
        <v>174.39999999999998</v>
      </c>
    </row>
    <row r="289" spans="1:3" x14ac:dyDescent="0.3">
      <c r="A289" s="6">
        <v>45321</v>
      </c>
      <c r="B289" s="8">
        <v>0.9220839096357768</v>
      </c>
      <c r="C289" s="3">
        <v>180.65000000000003</v>
      </c>
    </row>
    <row r="290" spans="1:3" x14ac:dyDescent="0.3">
      <c r="A290" s="6">
        <v>45322</v>
      </c>
      <c r="B290" s="8">
        <v>0.92438528378628204</v>
      </c>
      <c r="C290" s="3">
        <v>177.86999999999998</v>
      </c>
    </row>
    <row r="291" spans="1:3" x14ac:dyDescent="0.3">
      <c r="A291" s="6">
        <v>45323</v>
      </c>
      <c r="B291" s="8">
        <v>0.91979396615158204</v>
      </c>
      <c r="C291" s="3">
        <v>174.54000000000002</v>
      </c>
    </row>
    <row r="292" spans="1:3" x14ac:dyDescent="0.3">
      <c r="A292" s="6">
        <v>45324</v>
      </c>
      <c r="B292" s="8">
        <v>0.9269558769002596</v>
      </c>
      <c r="C292" s="3">
        <v>179.48000000000005</v>
      </c>
    </row>
    <row r="293" spans="1:3" x14ac:dyDescent="0.3">
      <c r="A293" s="6">
        <v>45327</v>
      </c>
      <c r="B293" s="8">
        <v>0.93083868565577588</v>
      </c>
      <c r="C293" s="3">
        <v>185.92</v>
      </c>
    </row>
    <row r="294" spans="1:3" x14ac:dyDescent="0.3">
      <c r="A294" s="6">
        <v>45328</v>
      </c>
      <c r="B294" s="8">
        <v>0.92980009298000943</v>
      </c>
      <c r="C294" s="3">
        <v>180.85</v>
      </c>
    </row>
    <row r="295" spans="1:3" x14ac:dyDescent="0.3">
      <c r="A295" s="6">
        <v>45329</v>
      </c>
      <c r="B295" s="8">
        <v>0.9283327144448571</v>
      </c>
      <c r="C295" s="3">
        <v>179.87</v>
      </c>
    </row>
    <row r="296" spans="1:3" x14ac:dyDescent="0.3">
      <c r="A296" s="6">
        <v>45330</v>
      </c>
      <c r="B296" s="8">
        <v>0.92781592132120982</v>
      </c>
      <c r="C296" s="3">
        <v>179.39999999999995</v>
      </c>
    </row>
    <row r="297" spans="1:3" x14ac:dyDescent="0.3">
      <c r="A297" s="6">
        <v>45331</v>
      </c>
      <c r="B297" s="8">
        <v>0.92729970326409494</v>
      </c>
      <c r="C297" s="3">
        <v>176.38999999999996</v>
      </c>
    </row>
    <row r="298" spans="1:3" x14ac:dyDescent="0.3">
      <c r="A298" s="6">
        <v>45334</v>
      </c>
      <c r="B298" s="8">
        <v>0.9283327144448571</v>
      </c>
      <c r="C298" s="3">
        <v>178.07999999999998</v>
      </c>
    </row>
    <row r="299" spans="1:3" x14ac:dyDescent="0.3">
      <c r="A299" s="6">
        <v>45335</v>
      </c>
      <c r="B299" s="8">
        <v>0.93379400504248766</v>
      </c>
      <c r="C299" s="3">
        <v>189.08</v>
      </c>
    </row>
    <row r="300" spans="1:3" x14ac:dyDescent="0.3">
      <c r="A300" s="6">
        <v>45336</v>
      </c>
      <c r="B300" s="8">
        <v>0.93222709051925046</v>
      </c>
      <c r="C300" s="3">
        <v>184.78</v>
      </c>
    </row>
    <row r="301" spans="1:3" x14ac:dyDescent="0.3">
      <c r="A301" s="6">
        <v>45337</v>
      </c>
      <c r="B301" s="8">
        <v>0.9283327144448571</v>
      </c>
      <c r="C301" s="3">
        <v>181.9</v>
      </c>
    </row>
    <row r="302" spans="1:3" x14ac:dyDescent="0.3">
      <c r="A302" s="6">
        <v>45338</v>
      </c>
      <c r="B302" s="8">
        <v>0.92790201354736934</v>
      </c>
      <c r="C302" s="3">
        <v>182.56000000000006</v>
      </c>
    </row>
    <row r="303" spans="1:3" x14ac:dyDescent="0.3">
      <c r="A303" s="6">
        <v>45341</v>
      </c>
      <c r="B303" s="8">
        <v>0.92772984506911582</v>
      </c>
      <c r="C303" s="3">
        <v>182.56000000000006</v>
      </c>
    </row>
    <row r="304" spans="1:3" x14ac:dyDescent="0.3">
      <c r="A304" s="6">
        <v>45342</v>
      </c>
      <c r="B304" s="8">
        <v>0.92524056254626208</v>
      </c>
      <c r="C304" s="3">
        <v>183.80999999999997</v>
      </c>
    </row>
    <row r="305" spans="1:3" x14ac:dyDescent="0.3">
      <c r="A305" s="6">
        <v>45343</v>
      </c>
      <c r="B305" s="8">
        <v>0.92429984286902667</v>
      </c>
      <c r="C305" s="3">
        <v>181.20000000000002</v>
      </c>
    </row>
    <row r="306" spans="1:3" x14ac:dyDescent="0.3">
      <c r="A306" s="6">
        <v>45344</v>
      </c>
      <c r="B306" s="8">
        <v>0.92395823708768365</v>
      </c>
      <c r="C306" s="3">
        <v>180.66</v>
      </c>
    </row>
    <row r="307" spans="1:3" x14ac:dyDescent="0.3">
      <c r="A307" s="6">
        <v>45345</v>
      </c>
      <c r="B307" s="8">
        <v>0.9241290084095739</v>
      </c>
      <c r="C307" s="3">
        <v>183.66000000000003</v>
      </c>
    </row>
    <row r="308" spans="1:3" x14ac:dyDescent="0.3">
      <c r="A308" s="6">
        <v>45348</v>
      </c>
      <c r="B308" s="8">
        <v>0.92157404847479496</v>
      </c>
      <c r="C308" s="3">
        <v>179.42000000000004</v>
      </c>
    </row>
    <row r="309" spans="1:3" x14ac:dyDescent="0.3">
      <c r="A309" s="6">
        <v>45349</v>
      </c>
      <c r="B309" s="8">
        <v>0.92216894135005534</v>
      </c>
      <c r="C309" s="3">
        <v>176.52999999999997</v>
      </c>
    </row>
    <row r="310" spans="1:3" x14ac:dyDescent="0.3">
      <c r="A310" s="6">
        <v>45350</v>
      </c>
      <c r="B310" s="8">
        <v>0.92267946115519461</v>
      </c>
      <c r="C310" s="3">
        <v>172.24000000000004</v>
      </c>
    </row>
    <row r="311" spans="1:3" x14ac:dyDescent="0.3">
      <c r="A311" s="6">
        <v>45351</v>
      </c>
      <c r="B311" s="8">
        <v>0.92549745488199908</v>
      </c>
      <c r="C311" s="3">
        <v>171.76999999999998</v>
      </c>
    </row>
    <row r="312" spans="1:3" x14ac:dyDescent="0.3">
      <c r="A312" s="6">
        <v>45352</v>
      </c>
      <c r="B312" s="8">
        <v>0.9227646027498384</v>
      </c>
      <c r="C312" s="3">
        <v>164.12999999999997</v>
      </c>
    </row>
    <row r="313" spans="1:3" x14ac:dyDescent="0.3">
      <c r="A313" s="6">
        <v>45355</v>
      </c>
      <c r="B313" s="8">
        <v>0.92114959469417845</v>
      </c>
      <c r="C313" s="3">
        <v>169.87</v>
      </c>
    </row>
    <row r="314" spans="1:3" x14ac:dyDescent="0.3">
      <c r="A314" s="6">
        <v>45356</v>
      </c>
      <c r="B314" s="8">
        <v>0.9210647508519848</v>
      </c>
      <c r="C314" s="3">
        <v>170.69</v>
      </c>
    </row>
    <row r="315" spans="1:3" x14ac:dyDescent="0.3">
      <c r="A315" s="6">
        <v>45357</v>
      </c>
      <c r="B315" s="8">
        <v>0.91751536838242032</v>
      </c>
      <c r="C315" s="3">
        <v>169.76000000000005</v>
      </c>
    </row>
    <row r="316" spans="1:3" x14ac:dyDescent="0.3">
      <c r="A316" s="6">
        <v>45358</v>
      </c>
      <c r="B316" s="8">
        <v>0.91340884179758863</v>
      </c>
      <c r="C316" s="3">
        <v>166.74</v>
      </c>
    </row>
    <row r="317" spans="1:3" x14ac:dyDescent="0.3">
      <c r="A317" s="6">
        <v>45359</v>
      </c>
      <c r="B317" s="8">
        <v>0.91416034372428912</v>
      </c>
      <c r="C317" s="3">
        <v>171.44999999999996</v>
      </c>
    </row>
    <row r="318" spans="1:3" x14ac:dyDescent="0.3">
      <c r="A318" s="6">
        <v>45362</v>
      </c>
      <c r="B318" s="8">
        <v>0.91524803221673068</v>
      </c>
      <c r="C318" s="3">
        <v>173.2</v>
      </c>
    </row>
    <row r="319" spans="1:3" x14ac:dyDescent="0.3">
      <c r="A319" s="6">
        <v>45363</v>
      </c>
      <c r="B319" s="8">
        <v>0.9151642719868216</v>
      </c>
      <c r="C319" s="3">
        <v>173.92</v>
      </c>
    </row>
    <row r="320" spans="1:3" x14ac:dyDescent="0.3">
      <c r="A320" s="6">
        <v>45364</v>
      </c>
      <c r="B320" s="8">
        <v>0.91340884179758863</v>
      </c>
      <c r="C320" s="3">
        <v>174.75</v>
      </c>
    </row>
    <row r="321" spans="1:3" x14ac:dyDescent="0.3">
      <c r="A321" s="6">
        <v>45365</v>
      </c>
      <c r="B321" s="8">
        <v>0.91886428374529083</v>
      </c>
      <c r="C321" s="3">
        <v>177.76000000000002</v>
      </c>
    </row>
    <row r="322" spans="1:3" x14ac:dyDescent="0.3">
      <c r="A322" s="6">
        <v>45366</v>
      </c>
      <c r="B322" s="8">
        <v>0.91835797593902102</v>
      </c>
      <c r="C322" s="3">
        <v>178.15999999999997</v>
      </c>
    </row>
    <row r="323" spans="1:3" x14ac:dyDescent="0.3">
      <c r="A323" s="6">
        <v>45369</v>
      </c>
      <c r="B323" s="8">
        <v>0.91979396615158204</v>
      </c>
      <c r="C323" s="3">
        <v>177.99000000000004</v>
      </c>
    </row>
    <row r="324" spans="1:3" x14ac:dyDescent="0.3">
      <c r="A324" s="6">
        <v>45370</v>
      </c>
      <c r="B324" s="8">
        <v>0.92030185900975514</v>
      </c>
      <c r="C324" s="3">
        <v>176.40999999999997</v>
      </c>
    </row>
    <row r="325" spans="1:3" x14ac:dyDescent="0.3">
      <c r="A325" s="6">
        <v>45371</v>
      </c>
      <c r="B325" s="8">
        <v>0.91558322651529023</v>
      </c>
      <c r="C325" s="3">
        <v>167.73</v>
      </c>
    </row>
    <row r="326" spans="1:3" x14ac:dyDescent="0.3">
      <c r="A326" s="6">
        <v>45372</v>
      </c>
      <c r="B326" s="8">
        <v>0.92081031307550643</v>
      </c>
      <c r="C326" s="3">
        <v>176.13000000000002</v>
      </c>
    </row>
    <row r="327" spans="1:3" x14ac:dyDescent="0.3">
      <c r="A327" s="6">
        <v>45373</v>
      </c>
      <c r="B327" s="8">
        <v>0.92524056254626208</v>
      </c>
      <c r="C327" s="3">
        <v>176.21000000000004</v>
      </c>
    </row>
    <row r="328" spans="1:3" x14ac:dyDescent="0.3">
      <c r="A328" s="6">
        <v>45376</v>
      </c>
      <c r="B328" s="8">
        <v>0.9227646027498384</v>
      </c>
      <c r="C328" s="3">
        <v>174.04000000000002</v>
      </c>
    </row>
    <row r="329" spans="1:3" x14ac:dyDescent="0.3">
      <c r="A329" s="6">
        <v>45377</v>
      </c>
      <c r="B329" s="8">
        <v>0.92327578247622566</v>
      </c>
      <c r="C329" s="3">
        <v>171.90000000000003</v>
      </c>
    </row>
    <row r="330" spans="1:3" x14ac:dyDescent="0.3">
      <c r="A330" s="6">
        <v>45378</v>
      </c>
      <c r="B330" s="8">
        <v>0.92353158478019948</v>
      </c>
      <c r="C330" s="3">
        <v>173.92</v>
      </c>
    </row>
    <row r="331" spans="1:3" x14ac:dyDescent="0.3">
      <c r="A331" s="6">
        <v>45379</v>
      </c>
      <c r="B331" s="8">
        <v>0.92686996014459178</v>
      </c>
      <c r="C331" s="3">
        <v>177.20000000000002</v>
      </c>
    </row>
    <row r="332" spans="1:3" x14ac:dyDescent="0.3">
      <c r="A332" s="6">
        <v>45380</v>
      </c>
      <c r="B332" s="8">
        <v>0.92678405931417984</v>
      </c>
      <c r="C332" s="3">
        <v>177.1</v>
      </c>
    </row>
    <row r="333" spans="1:3" x14ac:dyDescent="0.3">
      <c r="A333" s="6">
        <v>45383</v>
      </c>
      <c r="B333" s="8">
        <v>0.93083868565577588</v>
      </c>
      <c r="C333" s="3">
        <v>185.63</v>
      </c>
    </row>
    <row r="334" spans="1:3" x14ac:dyDescent="0.3">
      <c r="A334" s="6">
        <v>45384</v>
      </c>
      <c r="B334" s="8">
        <v>0.92850510677808729</v>
      </c>
      <c r="C334" s="3">
        <v>184.97999999999996</v>
      </c>
    </row>
    <row r="335" spans="1:3" x14ac:dyDescent="0.3">
      <c r="A335" s="6">
        <v>45385</v>
      </c>
      <c r="B335" s="8">
        <v>0.9228497600590625</v>
      </c>
      <c r="C335" s="3">
        <v>181.92999999999998</v>
      </c>
    </row>
    <row r="336" spans="1:3" x14ac:dyDescent="0.3">
      <c r="A336" s="6">
        <v>45386</v>
      </c>
      <c r="B336" s="8">
        <v>0.9227646027498384</v>
      </c>
      <c r="C336" s="3">
        <v>178.44000000000003</v>
      </c>
    </row>
    <row r="337" spans="1:3" x14ac:dyDescent="0.3">
      <c r="A337" s="6">
        <v>45387</v>
      </c>
      <c r="B337" s="8">
        <v>0.9227646027498384</v>
      </c>
      <c r="C337" s="3">
        <v>187.54999999999998</v>
      </c>
    </row>
    <row r="338" spans="1:3" x14ac:dyDescent="0.3">
      <c r="A338" s="6">
        <v>45390</v>
      </c>
      <c r="B338" s="8">
        <v>0.92089511004696556</v>
      </c>
      <c r="C338" s="3">
        <v>186.15999999999997</v>
      </c>
    </row>
    <row r="339" spans="1:3" x14ac:dyDescent="0.3">
      <c r="A339" s="6">
        <v>45391</v>
      </c>
      <c r="B339" s="8">
        <v>0.9210647508519848</v>
      </c>
      <c r="C339" s="3">
        <v>185.46000000000004</v>
      </c>
    </row>
    <row r="340" spans="1:3" x14ac:dyDescent="0.3">
      <c r="A340" s="6">
        <v>45392</v>
      </c>
      <c r="B340" s="8">
        <v>0.93083868565577588</v>
      </c>
      <c r="C340" s="3">
        <v>200.70999999999995</v>
      </c>
    </row>
    <row r="341" spans="1:3" x14ac:dyDescent="0.3">
      <c r="A341" s="6">
        <v>45393</v>
      </c>
      <c r="B341" s="8">
        <v>0.93231400335633041</v>
      </c>
      <c r="C341" s="3">
        <v>199.88999999999996</v>
      </c>
    </row>
    <row r="342" spans="1:3" x14ac:dyDescent="0.3">
      <c r="A342" s="6">
        <v>45394</v>
      </c>
      <c r="B342" s="8">
        <v>0.93958470356102597</v>
      </c>
      <c r="C342" s="3">
        <v>204.06000000000003</v>
      </c>
    </row>
    <row r="343" spans="1:3" x14ac:dyDescent="0.3">
      <c r="A343" s="6">
        <v>45397</v>
      </c>
      <c r="B343" s="8">
        <v>0.94126506024096379</v>
      </c>
      <c r="C343" s="3">
        <v>200.84999999999997</v>
      </c>
    </row>
    <row r="344" spans="1:3" x14ac:dyDescent="0.3">
      <c r="A344" s="6">
        <v>45398</v>
      </c>
      <c r="B344" s="8">
        <v>0.9417082587814295</v>
      </c>
      <c r="C344" s="3">
        <v>205.10999999999999</v>
      </c>
    </row>
    <row r="345" spans="1:3" x14ac:dyDescent="0.3">
      <c r="A345" s="6">
        <v>45399</v>
      </c>
      <c r="B345" s="8">
        <v>0.93694368968425001</v>
      </c>
      <c r="C345" s="3">
        <v>198.81000000000003</v>
      </c>
    </row>
    <row r="346" spans="1:3" x14ac:dyDescent="0.3">
      <c r="A346" s="6">
        <v>45400</v>
      </c>
      <c r="B346" s="8">
        <v>0.93958470356102597</v>
      </c>
      <c r="C346" s="3">
        <v>200.41000000000003</v>
      </c>
    </row>
    <row r="347" spans="1:3" x14ac:dyDescent="0.3">
      <c r="A347" s="6">
        <v>45401</v>
      </c>
      <c r="B347" s="8">
        <v>0.93843843843843833</v>
      </c>
      <c r="C347" s="3">
        <v>198.58</v>
      </c>
    </row>
    <row r="348" spans="1:3" x14ac:dyDescent="0.3">
      <c r="A348" s="6">
        <v>45404</v>
      </c>
      <c r="B348" s="8">
        <v>0.93852651337400295</v>
      </c>
      <c r="C348" s="3">
        <v>200.63000000000005</v>
      </c>
    </row>
    <row r="349" spans="1:3" x14ac:dyDescent="0.3">
      <c r="A349" s="6">
        <v>45405</v>
      </c>
      <c r="B349" s="8">
        <v>0.93449210354172507</v>
      </c>
      <c r="C349" s="3">
        <v>200.4</v>
      </c>
    </row>
    <row r="350" spans="1:3" x14ac:dyDescent="0.3">
      <c r="A350" s="6">
        <v>45406</v>
      </c>
      <c r="B350" s="8">
        <v>0.9346667912889054</v>
      </c>
      <c r="C350" s="3">
        <v>195.58999999999997</v>
      </c>
    </row>
    <row r="351" spans="1:3" x14ac:dyDescent="0.3">
      <c r="A351" s="6">
        <v>45407</v>
      </c>
      <c r="B351" s="8">
        <v>0.93196644920782856</v>
      </c>
      <c r="C351" s="3">
        <v>198.35</v>
      </c>
    </row>
    <row r="352" spans="1:3" x14ac:dyDescent="0.3">
      <c r="A352" s="6">
        <v>45408</v>
      </c>
      <c r="B352" s="8">
        <v>0.9351912466099318</v>
      </c>
      <c r="C352" s="3">
        <v>200.54000000000002</v>
      </c>
    </row>
    <row r="353" spans="1:3" x14ac:dyDescent="0.3">
      <c r="A353" s="6">
        <v>45411</v>
      </c>
      <c r="B353" s="8">
        <v>0.93274881074526628</v>
      </c>
      <c r="C353" s="3">
        <v>201.47</v>
      </c>
    </row>
    <row r="354" spans="1:3" x14ac:dyDescent="0.3">
      <c r="A354" s="6">
        <v>45412</v>
      </c>
      <c r="B354" s="8">
        <v>0.93755859741233827</v>
      </c>
      <c r="C354" s="3">
        <v>200.11</v>
      </c>
    </row>
    <row r="355" spans="1:3" x14ac:dyDescent="0.3">
      <c r="A355" s="6">
        <v>45413</v>
      </c>
      <c r="B355" s="8">
        <v>0.93353248693054525</v>
      </c>
      <c r="C355" s="3">
        <v>192.62000000000006</v>
      </c>
    </row>
    <row r="356" spans="1:3" x14ac:dyDescent="0.3">
      <c r="A356" s="6">
        <v>45414</v>
      </c>
      <c r="B356" s="8">
        <v>0.93240093240093236</v>
      </c>
      <c r="C356" s="3">
        <v>188.26999999999998</v>
      </c>
    </row>
    <row r="357" spans="1:3" x14ac:dyDescent="0.3">
      <c r="A357" s="6">
        <v>45415</v>
      </c>
      <c r="B357" s="8">
        <v>0.92928166527274414</v>
      </c>
      <c r="C357" s="3">
        <v>189.2</v>
      </c>
    </row>
    <row r="358" spans="1:3" x14ac:dyDescent="0.3">
      <c r="A358" s="6">
        <v>45418</v>
      </c>
      <c r="B358" s="8">
        <v>0.9285913269570063</v>
      </c>
      <c r="C358" s="3">
        <v>191.85</v>
      </c>
    </row>
    <row r="359" spans="1:3" x14ac:dyDescent="0.3">
      <c r="A359" s="6">
        <v>45419</v>
      </c>
      <c r="B359" s="8">
        <v>0.92980009298000943</v>
      </c>
      <c r="C359" s="3">
        <v>193.04000000000002</v>
      </c>
    </row>
    <row r="360" spans="1:3" x14ac:dyDescent="0.3">
      <c r="A360" s="6">
        <v>45420</v>
      </c>
      <c r="B360" s="8">
        <v>0.93040565686639376</v>
      </c>
      <c r="C360" s="3">
        <v>190.64999999999998</v>
      </c>
    </row>
    <row r="361" spans="1:3" x14ac:dyDescent="0.3">
      <c r="A361" s="6">
        <v>45421</v>
      </c>
      <c r="B361" s="8">
        <v>0.92747171211278057</v>
      </c>
      <c r="C361" s="3">
        <v>187.74</v>
      </c>
    </row>
    <row r="362" spans="1:3" x14ac:dyDescent="0.3">
      <c r="A362" s="6">
        <v>45422</v>
      </c>
      <c r="B362" s="8">
        <v>0.92841890260885718</v>
      </c>
      <c r="C362" s="3">
        <v>189.85</v>
      </c>
    </row>
    <row r="363" spans="1:3" x14ac:dyDescent="0.3">
      <c r="A363" s="6">
        <v>45425</v>
      </c>
      <c r="B363" s="8">
        <v>0.92678405931417984</v>
      </c>
      <c r="C363" s="3">
        <v>190.62</v>
      </c>
    </row>
    <row r="364" spans="1:3" x14ac:dyDescent="0.3">
      <c r="A364" s="6">
        <v>45426</v>
      </c>
      <c r="B364" s="8">
        <v>0.92429984286902667</v>
      </c>
      <c r="C364" s="3">
        <v>182.77</v>
      </c>
    </row>
    <row r="365" spans="1:3" x14ac:dyDescent="0.3">
      <c r="A365" s="6">
        <v>45427</v>
      </c>
      <c r="B365" s="8">
        <v>0.91877986034546122</v>
      </c>
      <c r="C365" s="3">
        <v>182.87</v>
      </c>
    </row>
    <row r="366" spans="1:3" x14ac:dyDescent="0.3">
      <c r="A366" s="6">
        <v>45428</v>
      </c>
      <c r="B366" s="8">
        <v>0.92021717125241553</v>
      </c>
      <c r="C366" s="3">
        <v>186.83</v>
      </c>
    </row>
    <row r="367" spans="1:3" x14ac:dyDescent="0.3">
      <c r="A367" s="6">
        <v>45429</v>
      </c>
      <c r="B367" s="8">
        <v>0.92004784248780935</v>
      </c>
      <c r="C367" s="3">
        <v>183.84999999999994</v>
      </c>
    </row>
    <row r="368" spans="1:3" x14ac:dyDescent="0.3">
      <c r="A368" s="6">
        <v>45432</v>
      </c>
      <c r="B368" s="8">
        <v>0.9210647508519848</v>
      </c>
      <c r="C368" s="3">
        <v>185.48000000000005</v>
      </c>
    </row>
    <row r="369" spans="1:3" x14ac:dyDescent="0.3">
      <c r="A369" s="6">
        <v>45433</v>
      </c>
      <c r="B369" s="8">
        <v>0.92131932927952831</v>
      </c>
      <c r="C369" s="3">
        <v>185.85</v>
      </c>
    </row>
    <row r="370" spans="1:3" x14ac:dyDescent="0.3">
      <c r="A370" s="6">
        <v>45434</v>
      </c>
      <c r="B370" s="8">
        <v>0.92395823708768365</v>
      </c>
      <c r="C370" s="3">
        <v>186.09999999999997</v>
      </c>
    </row>
    <row r="371" spans="1:3" x14ac:dyDescent="0.3">
      <c r="A371" s="6">
        <v>45435</v>
      </c>
      <c r="B371" s="8">
        <v>0.92464170134073054</v>
      </c>
      <c r="C371" s="3">
        <v>185.62999999999997</v>
      </c>
    </row>
    <row r="372" spans="1:3" x14ac:dyDescent="0.3">
      <c r="A372" s="6">
        <v>45436</v>
      </c>
      <c r="B372" s="8">
        <v>0.92191389324237116</v>
      </c>
      <c r="C372" s="3">
        <v>185.91000000000003</v>
      </c>
    </row>
    <row r="373" spans="1:3" x14ac:dyDescent="0.3">
      <c r="A373" s="6">
        <v>45439</v>
      </c>
      <c r="B373" s="8">
        <v>0.92089511004696556</v>
      </c>
      <c r="C373" s="3">
        <v>190.61000000000004</v>
      </c>
    </row>
    <row r="374" spans="1:3" x14ac:dyDescent="0.3">
      <c r="A374" s="6">
        <v>45440</v>
      </c>
      <c r="B374" s="8">
        <v>0.9210647508519848</v>
      </c>
      <c r="C374" s="3">
        <v>191.64</v>
      </c>
    </row>
    <row r="375" spans="1:3" x14ac:dyDescent="0.3">
      <c r="A375" s="6">
        <v>45441</v>
      </c>
      <c r="B375" s="8">
        <v>0.92584019998148315</v>
      </c>
      <c r="C375" s="3">
        <v>187.16</v>
      </c>
    </row>
    <row r="376" spans="1:3" x14ac:dyDescent="0.3">
      <c r="A376" s="6">
        <v>45442</v>
      </c>
      <c r="B376" s="8">
        <v>0.92319054652880361</v>
      </c>
      <c r="C376" s="3">
        <v>184.68000000000004</v>
      </c>
    </row>
    <row r="377" spans="1:3" x14ac:dyDescent="0.3">
      <c r="A377" s="6">
        <v>45443</v>
      </c>
      <c r="B377" s="8">
        <v>0.92182890855457233</v>
      </c>
      <c r="C377" s="3">
        <v>177.57</v>
      </c>
    </row>
    <row r="378" spans="1:3" x14ac:dyDescent="0.3">
      <c r="A378" s="6">
        <v>45446</v>
      </c>
      <c r="B378" s="8">
        <v>0.91709464416727804</v>
      </c>
      <c r="C378" s="3">
        <v>177.89999999999998</v>
      </c>
    </row>
    <row r="379" spans="1:3" x14ac:dyDescent="0.3">
      <c r="A379" s="6">
        <v>45447</v>
      </c>
      <c r="B379" s="8">
        <v>0.91920213254894745</v>
      </c>
      <c r="C379" s="3">
        <v>177.64000000000001</v>
      </c>
    </row>
    <row r="380" spans="1:3" x14ac:dyDescent="0.3">
      <c r="A380" s="6">
        <v>45448</v>
      </c>
      <c r="B380" s="8">
        <v>0.92004784248780935</v>
      </c>
      <c r="C380" s="3">
        <v>174.22</v>
      </c>
    </row>
    <row r="381" spans="1:3" x14ac:dyDescent="0.3">
      <c r="A381" s="6">
        <v>45449</v>
      </c>
      <c r="B381" s="8">
        <v>0.91827364554637281</v>
      </c>
      <c r="C381" s="3">
        <v>170.70000000000002</v>
      </c>
    </row>
    <row r="382" spans="1:3" x14ac:dyDescent="0.3">
      <c r="A382" s="6">
        <v>45450</v>
      </c>
      <c r="B382" s="8">
        <v>0.92584019998148315</v>
      </c>
      <c r="C382" s="3">
        <v>180.28</v>
      </c>
    </row>
    <row r="383" spans="1:3" x14ac:dyDescent="0.3">
      <c r="A383" s="6">
        <v>45453</v>
      </c>
      <c r="B383" s="8">
        <v>0.92893636785880163</v>
      </c>
      <c r="C383" s="3">
        <v>179.44</v>
      </c>
    </row>
    <row r="384" spans="1:3" x14ac:dyDescent="0.3">
      <c r="A384" s="6">
        <v>45454</v>
      </c>
      <c r="B384" s="8">
        <v>0.93101201005492962</v>
      </c>
      <c r="C384" s="3">
        <v>181.39999999999995</v>
      </c>
    </row>
    <row r="385" spans="1:3" x14ac:dyDescent="0.3">
      <c r="A385" s="6">
        <v>45455</v>
      </c>
      <c r="B385" s="8">
        <v>0.92515496345637893</v>
      </c>
      <c r="C385" s="3">
        <v>179.88000000000005</v>
      </c>
    </row>
    <row r="386" spans="1:3" x14ac:dyDescent="0.3">
      <c r="A386" s="6">
        <v>45456</v>
      </c>
      <c r="B386" s="8">
        <v>0.93135885256589357</v>
      </c>
      <c r="C386" s="3">
        <v>182.59000000000003</v>
      </c>
    </row>
    <row r="387" spans="1:3" x14ac:dyDescent="0.3">
      <c r="A387" s="6">
        <v>45457</v>
      </c>
      <c r="B387" s="8">
        <v>0.93431748108007096</v>
      </c>
      <c r="C387" s="3">
        <v>194.14</v>
      </c>
    </row>
    <row r="388" spans="1:3" x14ac:dyDescent="0.3">
      <c r="A388" s="6">
        <v>45460</v>
      </c>
      <c r="B388" s="8">
        <v>0.93161915408980811</v>
      </c>
      <c r="C388" s="3">
        <v>195.15000000000003</v>
      </c>
    </row>
    <row r="389" spans="1:3" x14ac:dyDescent="0.3">
      <c r="A389" s="6">
        <v>45461</v>
      </c>
      <c r="B389" s="8">
        <v>0.93109869646182486</v>
      </c>
      <c r="C389" s="3">
        <v>190.89999999999998</v>
      </c>
    </row>
    <row r="390" spans="1:3" x14ac:dyDescent="0.3">
      <c r="A390" s="6">
        <v>45462</v>
      </c>
      <c r="B390" s="8">
        <v>0.93075204765450481</v>
      </c>
      <c r="C390" s="3">
        <v>190.39999999999998</v>
      </c>
    </row>
    <row r="391" spans="1:3" x14ac:dyDescent="0.3">
      <c r="A391" s="6">
        <v>45463</v>
      </c>
      <c r="B391" s="8">
        <v>0.93440478415249484</v>
      </c>
      <c r="C391" s="3">
        <v>190.92</v>
      </c>
    </row>
    <row r="392" spans="1:3" x14ac:dyDescent="0.3">
      <c r="A392" s="6">
        <v>45464</v>
      </c>
      <c r="B392" s="8">
        <v>0.9351912466099318</v>
      </c>
      <c r="C392" s="3">
        <v>194.31999999999996</v>
      </c>
    </row>
    <row r="393" spans="1:3" x14ac:dyDescent="0.3">
      <c r="A393" s="6">
        <v>45467</v>
      </c>
      <c r="B393" s="8">
        <v>0.93170595360104358</v>
      </c>
      <c r="C393" s="3">
        <v>191.83999999999997</v>
      </c>
    </row>
    <row r="394" spans="1:3" x14ac:dyDescent="0.3">
      <c r="A394" s="6">
        <v>45468</v>
      </c>
      <c r="B394" s="8">
        <v>0.93335822288594372</v>
      </c>
      <c r="C394" s="3">
        <v>193.33999999999997</v>
      </c>
    </row>
    <row r="395" spans="1:3" x14ac:dyDescent="0.3">
      <c r="A395" s="6">
        <v>45469</v>
      </c>
      <c r="B395" s="8">
        <v>0.93624192491339753</v>
      </c>
      <c r="C395" s="3">
        <v>192.22000000000003</v>
      </c>
    </row>
    <row r="396" spans="1:3" x14ac:dyDescent="0.3">
      <c r="A396" s="6">
        <v>45470</v>
      </c>
      <c r="B396" s="8">
        <v>0.93423019431988041</v>
      </c>
      <c r="C396" s="3">
        <v>190.49999999999997</v>
      </c>
    </row>
    <row r="397" spans="1:3" x14ac:dyDescent="0.3">
      <c r="A397" s="6">
        <v>45471</v>
      </c>
      <c r="B397" s="8">
        <v>0.93344534677494639</v>
      </c>
      <c r="C397" s="3">
        <v>192.04999999999995</v>
      </c>
    </row>
    <row r="398" spans="1:3" x14ac:dyDescent="0.3">
      <c r="A398" s="6">
        <v>45474</v>
      </c>
      <c r="B398" s="8">
        <v>0.93109869646182486</v>
      </c>
      <c r="C398" s="3">
        <v>183.16000000000003</v>
      </c>
    </row>
    <row r="399" spans="1:3" x14ac:dyDescent="0.3">
      <c r="A399" s="6">
        <v>45475</v>
      </c>
      <c r="B399" s="8">
        <v>0.93066542577943223</v>
      </c>
      <c r="C399" s="3">
        <v>183.51999999999998</v>
      </c>
    </row>
    <row r="400" spans="1:3" x14ac:dyDescent="0.3">
      <c r="A400" s="6">
        <v>45476</v>
      </c>
      <c r="B400" s="8">
        <v>0.92712775820508064</v>
      </c>
      <c r="C400" s="3">
        <v>178.78999999999996</v>
      </c>
    </row>
    <row r="401" spans="1:3" x14ac:dyDescent="0.3">
      <c r="A401" s="6">
        <v>45477</v>
      </c>
      <c r="B401" s="8">
        <v>0.92489826119126906</v>
      </c>
      <c r="C401" s="3">
        <v>176.28999999999996</v>
      </c>
    </row>
    <row r="402" spans="1:3" x14ac:dyDescent="0.3">
      <c r="A402" s="6">
        <v>45478</v>
      </c>
      <c r="B402" s="8">
        <v>0.92250922509225086</v>
      </c>
      <c r="C402" s="3">
        <v>171.45000000000005</v>
      </c>
    </row>
    <row r="403" spans="1:3" x14ac:dyDescent="0.3">
      <c r="A403" s="6">
        <v>45481</v>
      </c>
      <c r="B403" s="8">
        <v>0.92387287509238725</v>
      </c>
      <c r="C403" s="3">
        <v>172.24999999999997</v>
      </c>
    </row>
    <row r="404" spans="1:3" x14ac:dyDescent="0.3">
      <c r="A404" s="6">
        <v>45482</v>
      </c>
      <c r="B404" s="8">
        <v>0.92481272542310189</v>
      </c>
      <c r="C404" s="3">
        <v>170.24000000000004</v>
      </c>
    </row>
    <row r="405" spans="1:3" x14ac:dyDescent="0.3">
      <c r="A405" s="6">
        <v>45483</v>
      </c>
      <c r="B405" s="8">
        <v>0.92336103416435833</v>
      </c>
      <c r="C405" s="3">
        <v>172.30000000000004</v>
      </c>
    </row>
    <row r="406" spans="1:3" x14ac:dyDescent="0.3">
      <c r="A406" s="6">
        <v>45484</v>
      </c>
      <c r="B406" s="8">
        <v>0.92013249907986749</v>
      </c>
      <c r="C406" s="3">
        <v>172.10000000000002</v>
      </c>
    </row>
    <row r="407" spans="1:3" x14ac:dyDescent="0.3">
      <c r="A407" s="6">
        <v>45485</v>
      </c>
      <c r="B407" s="8">
        <v>0.9168423947923352</v>
      </c>
      <c r="C407" s="3">
        <v>162.83999999999997</v>
      </c>
    </row>
    <row r="408" spans="1:3" x14ac:dyDescent="0.3">
      <c r="A408" s="6">
        <v>45488</v>
      </c>
      <c r="B408" s="8">
        <v>0.91793647879566742</v>
      </c>
      <c r="C408" s="3">
        <v>165.84999999999997</v>
      </c>
    </row>
    <row r="409" spans="1:3" x14ac:dyDescent="0.3">
      <c r="A409" s="6">
        <v>45489</v>
      </c>
      <c r="B409" s="8">
        <v>0.91751536838242032</v>
      </c>
      <c r="C409" s="3">
        <v>165.42000000000004</v>
      </c>
    </row>
    <row r="410" spans="1:3" x14ac:dyDescent="0.3">
      <c r="A410" s="6">
        <v>45490</v>
      </c>
      <c r="B410" s="8">
        <v>0.91416034372428912</v>
      </c>
      <c r="C410" s="3">
        <v>166.29</v>
      </c>
    </row>
    <row r="411" spans="1:3" x14ac:dyDescent="0.3">
      <c r="A411" s="6">
        <v>45491</v>
      </c>
      <c r="B411" s="8">
        <v>0.91768376617417646</v>
      </c>
      <c r="C411" s="3">
        <v>170.64</v>
      </c>
    </row>
    <row r="412" spans="1:3" x14ac:dyDescent="0.3">
      <c r="A412" s="6">
        <v>45492</v>
      </c>
      <c r="B412" s="8">
        <v>0.91894872266127547</v>
      </c>
      <c r="C412" s="3">
        <v>172.69000000000005</v>
      </c>
    </row>
    <row r="413" spans="1:3" x14ac:dyDescent="0.3">
      <c r="A413" s="6">
        <v>45495</v>
      </c>
      <c r="B413" s="8">
        <v>0.91818933063997799</v>
      </c>
      <c r="C413" s="3">
        <v>168.70000000000002</v>
      </c>
    </row>
    <row r="414" spans="1:3" x14ac:dyDescent="0.3">
      <c r="A414" s="6">
        <v>45496</v>
      </c>
      <c r="B414" s="8">
        <v>0.92131932927952831</v>
      </c>
      <c r="C414" s="3">
        <v>177.73</v>
      </c>
    </row>
    <row r="415" spans="1:3" x14ac:dyDescent="0.3">
      <c r="A415" s="6">
        <v>45497</v>
      </c>
      <c r="B415" s="8">
        <v>0.92250922509225086</v>
      </c>
      <c r="C415" s="3">
        <v>177.57</v>
      </c>
    </row>
    <row r="416" spans="1:3" x14ac:dyDescent="0.3">
      <c r="A416" s="6">
        <v>45498</v>
      </c>
      <c r="B416" s="8">
        <v>0.9219988936013277</v>
      </c>
      <c r="C416" s="3">
        <v>179.67</v>
      </c>
    </row>
    <row r="417" spans="1:3" x14ac:dyDescent="0.3">
      <c r="A417" s="6">
        <v>45499</v>
      </c>
      <c r="B417" s="8">
        <v>0.92114959469417845</v>
      </c>
      <c r="C417" s="3">
        <v>176.12000000000006</v>
      </c>
    </row>
    <row r="418" spans="1:3" x14ac:dyDescent="0.3">
      <c r="A418" s="6">
        <v>45502</v>
      </c>
      <c r="B418" s="8">
        <v>0.9241290084095739</v>
      </c>
      <c r="C418" s="3">
        <v>180.67000000000002</v>
      </c>
    </row>
    <row r="419" spans="1:3" x14ac:dyDescent="0.3">
      <c r="A419" s="6">
        <v>45503</v>
      </c>
      <c r="B419" s="8">
        <v>0.92464170134073054</v>
      </c>
      <c r="C419" s="3">
        <v>180.75</v>
      </c>
    </row>
    <row r="420" spans="1:3" x14ac:dyDescent="0.3">
      <c r="A420" s="6">
        <v>45504</v>
      </c>
      <c r="B420" s="8">
        <v>0.92370219841123224</v>
      </c>
      <c r="C420" s="3">
        <v>172.65</v>
      </c>
    </row>
    <row r="421" spans="1:3" x14ac:dyDescent="0.3">
      <c r="A421" s="6">
        <v>45505</v>
      </c>
      <c r="B421" s="8">
        <v>0.92669817440459645</v>
      </c>
      <c r="C421" s="3">
        <v>169.52000000000004</v>
      </c>
    </row>
    <row r="422" spans="1:3" x14ac:dyDescent="0.3">
      <c r="A422" s="6">
        <v>45506</v>
      </c>
      <c r="B422" s="8">
        <v>0.91650627806800478</v>
      </c>
      <c r="C422" s="3">
        <v>152.78</v>
      </c>
    </row>
    <row r="423" spans="1:3" x14ac:dyDescent="0.3">
      <c r="A423" s="6">
        <v>45509</v>
      </c>
      <c r="B423" s="8">
        <v>0.91307523739956176</v>
      </c>
      <c r="C423" s="3">
        <v>156.70999999999998</v>
      </c>
    </row>
    <row r="424" spans="1:3" x14ac:dyDescent="0.3">
      <c r="A424" s="6">
        <v>45510</v>
      </c>
      <c r="B424" s="8">
        <v>0.91482938431982441</v>
      </c>
      <c r="C424" s="3">
        <v>158.71</v>
      </c>
    </row>
    <row r="425" spans="1:3" x14ac:dyDescent="0.3">
      <c r="A425" s="6">
        <v>45511</v>
      </c>
      <c r="B425" s="8">
        <v>0.91558322651529023</v>
      </c>
      <c r="C425" s="3">
        <v>155.20999999999998</v>
      </c>
    </row>
    <row r="426" spans="1:3" x14ac:dyDescent="0.3">
      <c r="A426" s="6">
        <v>45512</v>
      </c>
      <c r="B426" s="8">
        <v>0.91583478340507363</v>
      </c>
      <c r="C426" s="3">
        <v>164.20000000000005</v>
      </c>
    </row>
    <row r="427" spans="1:3" x14ac:dyDescent="0.3">
      <c r="A427" s="6">
        <v>45513</v>
      </c>
      <c r="B427" s="8">
        <v>0.91600256480718156</v>
      </c>
      <c r="C427" s="3">
        <v>166.70999999999995</v>
      </c>
    </row>
    <row r="428" spans="1:3" x14ac:dyDescent="0.3">
      <c r="A428" s="6">
        <v>45516</v>
      </c>
      <c r="B428" s="8">
        <v>0.91482938431982441</v>
      </c>
      <c r="C428" s="3">
        <v>162.42999999999998</v>
      </c>
    </row>
    <row r="429" spans="1:3" x14ac:dyDescent="0.3">
      <c r="A429" s="6">
        <v>45517</v>
      </c>
      <c r="B429" s="8">
        <v>0.90966978986627856</v>
      </c>
      <c r="C429" s="3">
        <v>158.94</v>
      </c>
    </row>
    <row r="430" spans="1:3" x14ac:dyDescent="0.3">
      <c r="A430" s="6">
        <v>45518</v>
      </c>
      <c r="B430" s="8">
        <v>0.90810025426807128</v>
      </c>
      <c r="C430" s="3">
        <v>160.17999999999998</v>
      </c>
    </row>
    <row r="431" spans="1:3" x14ac:dyDescent="0.3">
      <c r="A431" s="6">
        <v>45519</v>
      </c>
      <c r="B431" s="8">
        <v>0.91141086401749916</v>
      </c>
      <c r="C431" s="3">
        <v>163.29000000000002</v>
      </c>
    </row>
    <row r="432" spans="1:3" x14ac:dyDescent="0.3">
      <c r="A432" s="6">
        <v>45520</v>
      </c>
      <c r="B432" s="8">
        <v>0.90686496780629366</v>
      </c>
      <c r="C432" s="3">
        <v>161.66999999999999</v>
      </c>
    </row>
    <row r="433" spans="1:3" x14ac:dyDescent="0.3">
      <c r="A433" s="6">
        <v>45523</v>
      </c>
      <c r="B433" s="8">
        <v>0.90211998195760035</v>
      </c>
      <c r="C433" s="3">
        <v>163.19999999999996</v>
      </c>
    </row>
    <row r="434" spans="1:3" x14ac:dyDescent="0.3">
      <c r="A434" s="6">
        <v>45524</v>
      </c>
      <c r="B434" s="8">
        <v>0.89847259658580414</v>
      </c>
      <c r="C434" s="3">
        <v>157.66</v>
      </c>
    </row>
    <row r="435" spans="1:3" x14ac:dyDescent="0.3">
      <c r="A435" s="6">
        <v>45525</v>
      </c>
      <c r="B435" s="8">
        <v>0.89686098654708524</v>
      </c>
      <c r="C435" s="3">
        <v>157.34999999999997</v>
      </c>
    </row>
    <row r="436" spans="1:3" x14ac:dyDescent="0.3">
      <c r="A436" s="6">
        <v>45526</v>
      </c>
      <c r="B436" s="8">
        <v>0.89992800575953924</v>
      </c>
      <c r="C436" s="3">
        <v>160.65</v>
      </c>
    </row>
    <row r="437" spans="1:3" x14ac:dyDescent="0.3">
      <c r="A437" s="6">
        <v>45527</v>
      </c>
      <c r="B437" s="8">
        <v>0.89349535382416012</v>
      </c>
      <c r="C437" s="3">
        <v>154.12999999999997</v>
      </c>
    </row>
    <row r="438" spans="1:3" x14ac:dyDescent="0.3">
      <c r="A438" s="6">
        <v>45530</v>
      </c>
      <c r="B438" s="8">
        <v>0.89597706298718749</v>
      </c>
      <c r="C438" s="3">
        <v>153.77999999999997</v>
      </c>
    </row>
    <row r="439" spans="1:3" x14ac:dyDescent="0.3">
      <c r="A439" s="6">
        <v>45531</v>
      </c>
      <c r="B439" s="8">
        <v>0.89413447782546485</v>
      </c>
      <c r="C439" s="3">
        <v>149.52000000000001</v>
      </c>
    </row>
    <row r="440" spans="1:3" x14ac:dyDescent="0.3">
      <c r="A440" s="6">
        <v>45532</v>
      </c>
      <c r="B440" s="8">
        <v>0.89928057553956831</v>
      </c>
      <c r="C440" s="3">
        <v>148.00000000000006</v>
      </c>
    </row>
    <row r="441" spans="1:3" x14ac:dyDescent="0.3">
      <c r="A441" s="6">
        <v>45533</v>
      </c>
      <c r="B441" s="8">
        <v>0.90277150853119081</v>
      </c>
      <c r="C441" s="3">
        <v>153.68999999999997</v>
      </c>
    </row>
    <row r="442" spans="1:3" x14ac:dyDescent="0.3">
      <c r="A442" s="6">
        <v>45534</v>
      </c>
      <c r="B442" s="8">
        <v>0.90514120202751625</v>
      </c>
      <c r="C442" s="3">
        <v>152.55000000000001</v>
      </c>
    </row>
    <row r="443" spans="1:3" x14ac:dyDescent="0.3">
      <c r="A443" s="6">
        <v>45537</v>
      </c>
      <c r="B443" s="8">
        <v>0.90317919075144515</v>
      </c>
      <c r="C443" s="3">
        <v>149.55000000000004</v>
      </c>
    </row>
    <row r="444" spans="1:3" x14ac:dyDescent="0.3">
      <c r="A444" s="6">
        <v>45538</v>
      </c>
      <c r="B444" s="8">
        <v>0.90555102780041652</v>
      </c>
      <c r="C444" s="3">
        <v>148.31000000000003</v>
      </c>
    </row>
    <row r="445" spans="1:3" x14ac:dyDescent="0.3">
      <c r="A445" s="6">
        <v>45539</v>
      </c>
      <c r="B445" s="8">
        <v>0.90236419418877456</v>
      </c>
      <c r="C445" s="3">
        <v>143.08999999999997</v>
      </c>
    </row>
    <row r="446" spans="1:3" x14ac:dyDescent="0.3">
      <c r="A446" s="6">
        <v>45540</v>
      </c>
      <c r="B446" s="8">
        <v>0.90000900009000095</v>
      </c>
      <c r="C446" s="3">
        <v>144.75000000000003</v>
      </c>
    </row>
    <row r="447" spans="1:3" x14ac:dyDescent="0.3">
      <c r="A447" s="6">
        <v>45541</v>
      </c>
      <c r="B447" s="8">
        <v>0.90220137134608436</v>
      </c>
      <c r="C447" s="3">
        <v>141.62</v>
      </c>
    </row>
    <row r="448" spans="1:3" x14ac:dyDescent="0.3">
      <c r="A448" s="6">
        <v>45544</v>
      </c>
      <c r="B448" s="8">
        <v>0.90620752152242867</v>
      </c>
      <c r="C448" s="3">
        <v>145.48000000000002</v>
      </c>
    </row>
    <row r="449" spans="1:3" x14ac:dyDescent="0.3">
      <c r="A449" s="6">
        <v>45545</v>
      </c>
      <c r="B449" s="8">
        <v>0.90744101633393826</v>
      </c>
      <c r="C449" s="3">
        <v>141.61000000000001</v>
      </c>
    </row>
    <row r="450" spans="1:3" x14ac:dyDescent="0.3">
      <c r="A450" s="6">
        <v>45546</v>
      </c>
      <c r="B450" s="8">
        <v>0.90810025426807128</v>
      </c>
      <c r="C450" s="3">
        <v>148.95000000000002</v>
      </c>
    </row>
    <row r="451" spans="1:3" x14ac:dyDescent="0.3">
      <c r="A451" s="6">
        <v>45547</v>
      </c>
      <c r="B451" s="8">
        <v>0.9030160736861117</v>
      </c>
      <c r="C451" s="3">
        <v>141.42000000000002</v>
      </c>
    </row>
    <row r="452" spans="1:3" x14ac:dyDescent="0.3">
      <c r="A452" s="6">
        <v>45548</v>
      </c>
      <c r="B452" s="8">
        <v>0.90293453724604977</v>
      </c>
      <c r="C452" s="3">
        <v>137.13999999999999</v>
      </c>
    </row>
    <row r="453" spans="1:3" x14ac:dyDescent="0.3">
      <c r="A453" s="6">
        <v>45551</v>
      </c>
      <c r="B453" s="8">
        <v>0.89823048594269295</v>
      </c>
      <c r="C453" s="3">
        <v>136.79000000000002</v>
      </c>
    </row>
    <row r="454" spans="1:3" x14ac:dyDescent="0.3">
      <c r="A454" s="6">
        <v>45552</v>
      </c>
      <c r="B454" s="8">
        <v>0.89976606082418575</v>
      </c>
      <c r="C454" s="3">
        <v>137.78</v>
      </c>
    </row>
    <row r="455" spans="1:3" x14ac:dyDescent="0.3">
      <c r="A455" s="6">
        <v>45553</v>
      </c>
      <c r="B455" s="8">
        <v>0.89936145336810858</v>
      </c>
      <c r="C455" s="3">
        <v>135.32000000000002</v>
      </c>
    </row>
    <row r="456" spans="1:3" x14ac:dyDescent="0.3">
      <c r="A456" s="6">
        <v>45554</v>
      </c>
      <c r="B456" s="8">
        <v>0.89589679268948208</v>
      </c>
      <c r="C456" s="3">
        <v>135.93</v>
      </c>
    </row>
    <row r="457" spans="1:3" x14ac:dyDescent="0.3">
      <c r="A457" s="6">
        <v>45555</v>
      </c>
      <c r="B457" s="8">
        <v>0.89589679268948208</v>
      </c>
      <c r="C457" s="3">
        <v>136.10000000000002</v>
      </c>
    </row>
    <row r="458" spans="1:3" x14ac:dyDescent="0.3">
      <c r="A458" s="6">
        <v>45558</v>
      </c>
      <c r="B458" s="8">
        <v>0.90000900009000095</v>
      </c>
      <c r="C458" s="3">
        <v>143.76</v>
      </c>
    </row>
    <row r="459" spans="1:3" x14ac:dyDescent="0.3">
      <c r="A459" s="6">
        <v>45559</v>
      </c>
      <c r="B459" s="8">
        <v>0.89445438282647571</v>
      </c>
      <c r="C459" s="3">
        <v>144.09</v>
      </c>
    </row>
    <row r="460" spans="1:3" x14ac:dyDescent="0.3">
      <c r="A460" s="6">
        <v>45560</v>
      </c>
      <c r="B460" s="8">
        <v>0.89823048594269295</v>
      </c>
      <c r="C460" s="3">
        <v>143.72000000000003</v>
      </c>
    </row>
    <row r="461" spans="1:3" x14ac:dyDescent="0.3">
      <c r="A461" s="6">
        <v>45561</v>
      </c>
      <c r="B461" s="8">
        <v>0.89469446184128132</v>
      </c>
      <c r="C461" s="3">
        <v>149.87</v>
      </c>
    </row>
    <row r="462" spans="1:3" x14ac:dyDescent="0.3">
      <c r="A462" s="6">
        <v>45562</v>
      </c>
      <c r="B462" s="8">
        <v>0.89589679268948208</v>
      </c>
      <c r="C462" s="3">
        <v>148.32</v>
      </c>
    </row>
    <row r="463" spans="1:3" x14ac:dyDescent="0.3">
      <c r="A463" s="6">
        <v>45565</v>
      </c>
      <c r="B463" s="8">
        <v>0.89806915132465204</v>
      </c>
      <c r="C463" s="3">
        <v>157.30999999999997</v>
      </c>
    </row>
    <row r="464" spans="1:3" x14ac:dyDescent="0.3">
      <c r="A464" s="6">
        <v>45566</v>
      </c>
      <c r="B464" s="8">
        <v>0.90350560173473071</v>
      </c>
      <c r="C464" s="3">
        <v>158.42999999999998</v>
      </c>
    </row>
    <row r="465" spans="1:3" x14ac:dyDescent="0.3">
      <c r="A465" s="6">
        <v>45567</v>
      </c>
      <c r="B465" s="8">
        <v>0.90538705296514255</v>
      </c>
      <c r="C465" s="3">
        <v>160.13999999999999</v>
      </c>
    </row>
    <row r="466" spans="1:3" x14ac:dyDescent="0.3">
      <c r="A466" s="6">
        <v>45568</v>
      </c>
      <c r="B466" s="8">
        <v>0.90653612546459983</v>
      </c>
      <c r="C466" s="3">
        <v>162.42999999999998</v>
      </c>
    </row>
    <row r="467" spans="1:3" x14ac:dyDescent="0.3">
      <c r="A467" s="6">
        <v>45569</v>
      </c>
      <c r="B467" s="8">
        <v>0.91124476034262814</v>
      </c>
      <c r="C467" s="3">
        <v>171.87</v>
      </c>
    </row>
    <row r="468" spans="1:3" x14ac:dyDescent="0.3">
      <c r="A468" s="6">
        <v>45572</v>
      </c>
      <c r="B468" s="8">
        <v>0.91107871720116629</v>
      </c>
      <c r="C468" s="3">
        <v>174.82000000000002</v>
      </c>
    </row>
    <row r="469" spans="1:3" x14ac:dyDescent="0.3">
      <c r="A469" s="6">
        <v>45573</v>
      </c>
      <c r="B469" s="8">
        <v>0.91074681238615662</v>
      </c>
      <c r="C469" s="3">
        <v>173.01999999999998</v>
      </c>
    </row>
    <row r="470" spans="1:3" x14ac:dyDescent="0.3">
      <c r="A470" s="6">
        <v>45574</v>
      </c>
      <c r="B470" s="8">
        <v>0.91416034372428912</v>
      </c>
      <c r="C470" s="3">
        <v>176.14999999999998</v>
      </c>
    </row>
    <row r="471" spans="1:3" x14ac:dyDescent="0.3">
      <c r="A471" s="6">
        <v>45575</v>
      </c>
      <c r="B471" s="8">
        <v>0.91457837936711184</v>
      </c>
      <c r="C471" s="3">
        <v>172.43</v>
      </c>
    </row>
    <row r="472" spans="1:3" x14ac:dyDescent="0.3">
      <c r="A472" s="6">
        <v>45576</v>
      </c>
      <c r="B472" s="8">
        <v>0.91432751211483965</v>
      </c>
      <c r="C472" s="3">
        <v>172.04000000000002</v>
      </c>
    </row>
    <row r="473" spans="1:3" x14ac:dyDescent="0.3">
      <c r="A473" s="6">
        <v>45579</v>
      </c>
      <c r="B473" s="8">
        <v>0.91667430561921348</v>
      </c>
      <c r="C473" s="3">
        <v>169.84</v>
      </c>
    </row>
    <row r="474" spans="1:3" x14ac:dyDescent="0.3">
      <c r="A474" s="6">
        <v>45580</v>
      </c>
      <c r="B474" s="8">
        <v>0.91802074726888838</v>
      </c>
      <c r="C474" s="3">
        <v>173.44</v>
      </c>
    </row>
    <row r="475" spans="1:3" x14ac:dyDescent="0.3">
      <c r="A475" s="6">
        <v>45581</v>
      </c>
      <c r="B475" s="8">
        <v>0.92064076597311728</v>
      </c>
      <c r="C475" s="3">
        <v>176.76000000000002</v>
      </c>
    </row>
    <row r="476" spans="1:3" x14ac:dyDescent="0.3">
      <c r="A476" s="6">
        <v>45582</v>
      </c>
      <c r="B476" s="8">
        <v>0.92327578247622566</v>
      </c>
      <c r="C476" s="3">
        <v>182.59000000000003</v>
      </c>
    </row>
    <row r="477" spans="1:3" x14ac:dyDescent="0.3">
      <c r="A477" s="6">
        <v>45583</v>
      </c>
      <c r="B477" s="8">
        <v>0.92021717125241553</v>
      </c>
      <c r="C477" s="3">
        <v>184.03</v>
      </c>
    </row>
    <row r="478" spans="1:3" x14ac:dyDescent="0.3">
      <c r="A478" s="6">
        <v>45586</v>
      </c>
      <c r="B478" s="8">
        <v>0.92464170134073054</v>
      </c>
      <c r="C478" s="3">
        <v>185.07</v>
      </c>
    </row>
    <row r="479" spans="1:3" x14ac:dyDescent="0.3">
      <c r="A479" s="6">
        <v>45587</v>
      </c>
      <c r="B479" s="8">
        <v>0.92601166774701349</v>
      </c>
      <c r="C479" s="3">
        <v>185.54</v>
      </c>
    </row>
    <row r="480" spans="1:3" x14ac:dyDescent="0.3">
      <c r="A480" s="6">
        <v>45588</v>
      </c>
      <c r="B480" s="8">
        <v>0.92747171211278057</v>
      </c>
      <c r="C480" s="3">
        <v>197.48999999999995</v>
      </c>
    </row>
    <row r="481" spans="1:3" x14ac:dyDescent="0.3">
      <c r="A481" s="6">
        <v>45589</v>
      </c>
      <c r="B481" s="8">
        <v>0.92353158478019948</v>
      </c>
      <c r="C481" s="3">
        <v>200.27000000000004</v>
      </c>
    </row>
    <row r="482" spans="1:3" x14ac:dyDescent="0.3">
      <c r="A482" s="6">
        <v>45590</v>
      </c>
      <c r="B482" s="8">
        <v>0.92626898851426465</v>
      </c>
      <c r="C482" s="3">
        <v>198.85999999999996</v>
      </c>
    </row>
    <row r="483" spans="1:3" x14ac:dyDescent="0.3">
      <c r="A483" s="6">
        <v>45593</v>
      </c>
      <c r="B483" s="8">
        <v>0.92489826119126906</v>
      </c>
      <c r="C483" s="3">
        <v>203.76999999999995</v>
      </c>
    </row>
    <row r="484" spans="1:3" x14ac:dyDescent="0.3">
      <c r="A484" s="6">
        <v>45594</v>
      </c>
      <c r="B484" s="8">
        <v>0.92429984286902667</v>
      </c>
      <c r="C484" s="3">
        <v>195.41999999999996</v>
      </c>
    </row>
    <row r="485" spans="1:3" x14ac:dyDescent="0.3">
      <c r="A485" s="6">
        <v>45595</v>
      </c>
      <c r="B485" s="8">
        <v>0.92114959469417845</v>
      </c>
      <c r="C485" s="3">
        <v>192.26000000000002</v>
      </c>
    </row>
    <row r="486" spans="1:3" x14ac:dyDescent="0.3">
      <c r="A486" s="6">
        <v>45596</v>
      </c>
      <c r="B486" s="8">
        <v>0.91877986034546122</v>
      </c>
      <c r="C486" s="3">
        <v>188.92000000000002</v>
      </c>
    </row>
    <row r="487" spans="1:3" x14ac:dyDescent="0.3">
      <c r="A487" s="6">
        <v>45597</v>
      </c>
      <c r="B487" s="8">
        <v>0.92302012183865612</v>
      </c>
      <c r="C487" s="3">
        <v>195.84</v>
      </c>
    </row>
    <row r="488" spans="1:3" x14ac:dyDescent="0.3">
      <c r="A488" s="6">
        <v>45600</v>
      </c>
      <c r="B488" s="8">
        <v>0.91928663357234774</v>
      </c>
      <c r="C488" s="3">
        <v>189.59000000000006</v>
      </c>
    </row>
    <row r="489" spans="1:3" x14ac:dyDescent="0.3">
      <c r="A489" s="6">
        <v>45601</v>
      </c>
      <c r="B489" s="8">
        <v>0.91491308325709064</v>
      </c>
      <c r="C489" s="3">
        <v>187.35</v>
      </c>
    </row>
    <row r="490" spans="1:3" x14ac:dyDescent="0.3">
      <c r="A490" s="6">
        <v>45602</v>
      </c>
      <c r="B490" s="8">
        <v>0.93205331344952935</v>
      </c>
      <c r="C490" s="3">
        <v>208.57000000000002</v>
      </c>
    </row>
    <row r="491" spans="1:3" x14ac:dyDescent="0.3">
      <c r="A491" s="6">
        <v>45603</v>
      </c>
      <c r="B491" s="8">
        <v>0.92549745488199908</v>
      </c>
      <c r="C491" s="3">
        <v>198.54</v>
      </c>
    </row>
    <row r="492" spans="1:3" x14ac:dyDescent="0.3">
      <c r="A492" s="6">
        <v>45604</v>
      </c>
      <c r="B492" s="8">
        <v>0.93300988990483291</v>
      </c>
      <c r="C492" s="3">
        <v>206.89</v>
      </c>
    </row>
    <row r="493" spans="1:3" x14ac:dyDescent="0.3">
      <c r="A493" s="6">
        <v>45607</v>
      </c>
      <c r="B493" s="8">
        <v>0.93852651337400295</v>
      </c>
      <c r="C493" s="3">
        <v>211.68999999999997</v>
      </c>
    </row>
    <row r="494" spans="1:3" x14ac:dyDescent="0.3">
      <c r="A494" s="6">
        <v>45608</v>
      </c>
      <c r="B494" s="8">
        <v>0.94135366657253128</v>
      </c>
      <c r="C494" s="3">
        <v>220.80999999999995</v>
      </c>
    </row>
    <row r="495" spans="1:3" x14ac:dyDescent="0.3">
      <c r="A495" s="6">
        <v>45609</v>
      </c>
      <c r="B495" s="8">
        <v>0.94661113214691406</v>
      </c>
      <c r="C495" s="3">
        <v>212.07000000000002</v>
      </c>
    </row>
    <row r="496" spans="1:3" x14ac:dyDescent="0.3">
      <c r="A496" s="6">
        <v>45610</v>
      </c>
      <c r="B496" s="8">
        <v>0.94966761633428309</v>
      </c>
      <c r="C496" s="3">
        <v>224.28000000000003</v>
      </c>
    </row>
    <row r="497" spans="1:3" x14ac:dyDescent="0.3">
      <c r="A497" s="6">
        <v>45611</v>
      </c>
      <c r="B497" s="8">
        <v>0.94876660341555974</v>
      </c>
      <c r="C497" s="3">
        <v>218.13000000000002</v>
      </c>
    </row>
    <row r="498" spans="1:3" x14ac:dyDescent="0.3">
      <c r="A498" s="6">
        <v>45614</v>
      </c>
      <c r="B498" s="8">
        <v>0.94357425929420635</v>
      </c>
      <c r="C498" s="3">
        <v>209.91999999999996</v>
      </c>
    </row>
    <row r="499" spans="1:3" x14ac:dyDescent="0.3">
      <c r="A499" s="6">
        <v>45615</v>
      </c>
      <c r="B499" s="8">
        <v>0.94375235938089841</v>
      </c>
      <c r="C499" s="3">
        <v>214.13000000000005</v>
      </c>
    </row>
    <row r="500" spans="1:3" x14ac:dyDescent="0.3">
      <c r="A500" s="6">
        <v>45616</v>
      </c>
      <c r="B500" s="8">
        <v>0.9484066767830045</v>
      </c>
      <c r="C500" s="3">
        <v>218.34000000000003</v>
      </c>
    </row>
    <row r="501" spans="1:3" x14ac:dyDescent="0.3">
      <c r="A501" s="6">
        <v>45617</v>
      </c>
      <c r="B501" s="8">
        <v>0.95474508306282213</v>
      </c>
      <c r="C501" s="3">
        <v>224.07</v>
      </c>
    </row>
    <row r="502" spans="1:3" x14ac:dyDescent="0.3">
      <c r="A502" s="6">
        <v>45618</v>
      </c>
      <c r="B502" s="8">
        <v>0.95987713572662692</v>
      </c>
      <c r="C502" s="3">
        <v>238.20000000000002</v>
      </c>
    </row>
    <row r="503" spans="1:3" x14ac:dyDescent="0.3">
      <c r="A503" s="6">
        <v>45621</v>
      </c>
      <c r="B503" s="8">
        <v>0.95283468318246778</v>
      </c>
      <c r="C503" s="3">
        <v>224.45000000000005</v>
      </c>
    </row>
    <row r="504" spans="1:3" x14ac:dyDescent="0.3">
      <c r="A504" s="6">
        <v>45622</v>
      </c>
      <c r="B504" s="8">
        <v>0.95337973114691588</v>
      </c>
      <c r="C504" s="3">
        <v>223.70999999999998</v>
      </c>
    </row>
    <row r="505" spans="1:3" x14ac:dyDescent="0.3">
      <c r="A505" s="6">
        <v>45623</v>
      </c>
      <c r="B505" s="8">
        <v>0.94643195154268411</v>
      </c>
      <c r="C505" s="3">
        <v>219.21999999999997</v>
      </c>
    </row>
    <row r="506" spans="1:3" x14ac:dyDescent="0.3">
      <c r="A506" s="6">
        <v>45624</v>
      </c>
      <c r="B506" s="8">
        <v>0.94768764215314638</v>
      </c>
      <c r="C506" s="3">
        <v>222.81999999999996</v>
      </c>
    </row>
    <row r="507" spans="1:3" x14ac:dyDescent="0.3">
      <c r="A507" s="6">
        <v>45625</v>
      </c>
      <c r="B507" s="8">
        <v>0.94544766947149472</v>
      </c>
      <c r="C507" s="3">
        <v>219.99</v>
      </c>
    </row>
    <row r="508" spans="1:3" x14ac:dyDescent="0.3">
      <c r="A508" s="6">
        <v>45628</v>
      </c>
      <c r="B508" s="8">
        <v>0.95256239283673072</v>
      </c>
      <c r="C508" s="3">
        <v>228.05999999999997</v>
      </c>
    </row>
    <row r="509" spans="1:3" x14ac:dyDescent="0.3">
      <c r="A509" s="6">
        <v>45629</v>
      </c>
      <c r="B509" s="8">
        <v>0.95156532495955848</v>
      </c>
      <c r="C509" s="3">
        <v>223.85000000000002</v>
      </c>
    </row>
    <row r="510" spans="1:3" x14ac:dyDescent="0.3">
      <c r="A510" s="6">
        <v>45630</v>
      </c>
      <c r="B510" s="8">
        <v>0.95138426410427179</v>
      </c>
      <c r="C510" s="3">
        <v>217.46000000000004</v>
      </c>
    </row>
    <row r="511" spans="1:3" x14ac:dyDescent="0.3">
      <c r="A511" s="6">
        <v>45631</v>
      </c>
      <c r="B511" s="8">
        <v>0.94464386926128852</v>
      </c>
      <c r="C511" s="3">
        <v>212.60000000000002</v>
      </c>
    </row>
    <row r="512" spans="1:3" x14ac:dyDescent="0.3">
      <c r="A512" s="6">
        <v>45632</v>
      </c>
      <c r="B512" s="8">
        <v>0.94625283875851629</v>
      </c>
      <c r="C512" s="3">
        <v>210.29000000000005</v>
      </c>
    </row>
    <row r="513" spans="1:3" x14ac:dyDescent="0.3">
      <c r="A513" s="6">
        <v>45635</v>
      </c>
      <c r="B513" s="8">
        <v>0.9475080538184576</v>
      </c>
      <c r="C513" s="3">
        <v>212.65</v>
      </c>
    </row>
    <row r="514" spans="1:3" x14ac:dyDescent="0.3">
      <c r="A514" s="6">
        <v>45636</v>
      </c>
      <c r="B514" s="8">
        <v>0.94993825401348919</v>
      </c>
      <c r="C514" s="3">
        <v>217.89999999999998</v>
      </c>
    </row>
    <row r="515" spans="1:3" x14ac:dyDescent="0.3">
      <c r="A515" s="6">
        <v>45637</v>
      </c>
      <c r="B515" s="8">
        <v>0.95274390243902429</v>
      </c>
      <c r="C515" s="3">
        <v>220.12</v>
      </c>
    </row>
    <row r="516" spans="1:3" x14ac:dyDescent="0.3">
      <c r="A516" s="6">
        <v>45638</v>
      </c>
      <c r="B516" s="8">
        <v>0.95529231944975168</v>
      </c>
      <c r="C516" s="3">
        <v>216.96</v>
      </c>
    </row>
    <row r="517" spans="1:3" x14ac:dyDescent="0.3">
      <c r="A517" s="6">
        <v>45639</v>
      </c>
      <c r="B517" s="8">
        <v>0.95229025807065992</v>
      </c>
      <c r="C517" s="3">
        <v>217.37999999999994</v>
      </c>
    </row>
    <row r="518" spans="1:3" x14ac:dyDescent="0.3">
      <c r="A518" s="6">
        <v>45642</v>
      </c>
      <c r="B518" s="8">
        <v>0.95129375951293771</v>
      </c>
      <c r="C518" s="3">
        <v>219.89999999999998</v>
      </c>
    </row>
    <row r="519" spans="1:3" x14ac:dyDescent="0.3">
      <c r="A519" s="6">
        <v>45643</v>
      </c>
      <c r="B519" s="8">
        <v>0.95319797922028415</v>
      </c>
      <c r="C519" s="3">
        <v>219.36999999999998</v>
      </c>
    </row>
    <row r="520" spans="1:3" x14ac:dyDescent="0.3">
      <c r="A520" s="6">
        <v>45644</v>
      </c>
      <c r="B520" s="8">
        <v>0.96590360282043841</v>
      </c>
      <c r="C520" s="3">
        <v>232.64999999999998</v>
      </c>
    </row>
    <row r="521" spans="1:3" x14ac:dyDescent="0.3">
      <c r="A521" s="6">
        <v>45645</v>
      </c>
      <c r="B521" s="8">
        <v>0.96497153333976649</v>
      </c>
      <c r="C521" s="3">
        <v>226.84999999999997</v>
      </c>
    </row>
    <row r="522" spans="1:3" x14ac:dyDescent="0.3">
      <c r="A522" s="6">
        <v>45646</v>
      </c>
      <c r="B522" s="8">
        <v>0.95877277085330781</v>
      </c>
      <c r="C522" s="3">
        <v>228.32</v>
      </c>
    </row>
    <row r="523" spans="1:3" x14ac:dyDescent="0.3">
      <c r="A523" s="6">
        <v>45649</v>
      </c>
      <c r="B523" s="8">
        <v>0.96107640557424312</v>
      </c>
      <c r="C523" s="3">
        <v>228.30999999999997</v>
      </c>
    </row>
    <row r="524" spans="1:3" x14ac:dyDescent="0.3">
      <c r="A524" s="6">
        <v>45650</v>
      </c>
      <c r="B524" s="8">
        <v>0.96163092605058176</v>
      </c>
      <c r="C524" s="3">
        <v>227.54</v>
      </c>
    </row>
    <row r="525" spans="1:3" x14ac:dyDescent="0.3">
      <c r="A525" s="6">
        <v>45651</v>
      </c>
      <c r="B525" s="8">
        <v>0.96089170750456432</v>
      </c>
      <c r="C525" s="3">
        <v>227.54</v>
      </c>
    </row>
    <row r="526" spans="1:3" x14ac:dyDescent="0.3">
      <c r="A526" s="6">
        <v>45652</v>
      </c>
      <c r="B526" s="8">
        <v>0.95950873152945693</v>
      </c>
      <c r="C526" s="3">
        <v>227.12999999999997</v>
      </c>
    </row>
    <row r="527" spans="1:3" x14ac:dyDescent="0.3">
      <c r="A527" s="6">
        <v>45653</v>
      </c>
      <c r="B527" s="8">
        <v>0.95914061001342799</v>
      </c>
      <c r="C527" s="3">
        <v>222.62</v>
      </c>
    </row>
    <row r="528" spans="1:3" x14ac:dyDescent="0.3">
      <c r="A528" s="6">
        <v>45656</v>
      </c>
      <c r="B528" s="8">
        <v>0.96089170750456432</v>
      </c>
      <c r="C528" s="3">
        <v>215.97999999999996</v>
      </c>
    </row>
    <row r="529" spans="1:3" x14ac:dyDescent="0.3">
      <c r="A529" s="6">
        <v>45657</v>
      </c>
      <c r="B529" s="8">
        <v>0.96581031485416258</v>
      </c>
      <c r="C529" s="3">
        <v>215.96</v>
      </c>
    </row>
    <row r="530" spans="1:3" x14ac:dyDescent="0.3">
      <c r="A530" s="6">
        <v>45658</v>
      </c>
      <c r="B530" s="8">
        <v>0.96562379297025869</v>
      </c>
      <c r="C530" s="3">
        <v>215.96</v>
      </c>
    </row>
    <row r="531" spans="1:3" x14ac:dyDescent="0.3">
      <c r="A531" s="6">
        <v>45659</v>
      </c>
      <c r="B531" s="8">
        <v>0.97418412079883099</v>
      </c>
      <c r="C531" s="3">
        <v>213.94999999999996</v>
      </c>
    </row>
    <row r="532" spans="1:3" x14ac:dyDescent="0.3">
      <c r="A532" s="6">
        <v>45660</v>
      </c>
      <c r="B532" s="8">
        <v>0.9701202949165697</v>
      </c>
      <c r="C532" s="3">
        <v>211.76999999999998</v>
      </c>
    </row>
    <row r="533" spans="1:3" x14ac:dyDescent="0.3">
      <c r="A533" s="6">
        <v>45663</v>
      </c>
      <c r="B533" s="8">
        <v>0.9624639076034649</v>
      </c>
      <c r="C533" s="3">
        <v>208.04999999999998</v>
      </c>
    </row>
    <row r="534" spans="1:3" x14ac:dyDescent="0.3">
      <c r="A534" s="6">
        <v>45664</v>
      </c>
      <c r="B534" s="8">
        <v>0.96711798839458407</v>
      </c>
      <c r="C534" s="3">
        <v>209.51</v>
      </c>
    </row>
    <row r="535" spans="1:3" x14ac:dyDescent="0.3">
      <c r="A535" s="6">
        <v>45665</v>
      </c>
      <c r="B535" s="8">
        <v>0.96918007365768555</v>
      </c>
      <c r="C535" s="3">
        <v>208.17999999999998</v>
      </c>
    </row>
    <row r="536" spans="1:3" x14ac:dyDescent="0.3">
      <c r="A536" s="6">
        <v>45666</v>
      </c>
      <c r="B536" s="8">
        <v>0.970873786407767</v>
      </c>
      <c r="C536" s="3">
        <v>203.30000000000004</v>
      </c>
    </row>
    <row r="537" spans="1:3" x14ac:dyDescent="0.3">
      <c r="A537" s="6">
        <v>45667</v>
      </c>
      <c r="B537" s="8">
        <v>0.97618117922686454</v>
      </c>
      <c r="C537" s="3">
        <v>209.52</v>
      </c>
    </row>
    <row r="538" spans="1:3" x14ac:dyDescent="0.3">
      <c r="A538" s="6">
        <v>45670</v>
      </c>
      <c r="B538" s="8">
        <v>0.9760858955588092</v>
      </c>
      <c r="C538" s="3">
        <v>208.62999999999997</v>
      </c>
    </row>
    <row r="539" spans="1:3" x14ac:dyDescent="0.3">
      <c r="A539" s="6">
        <v>45671</v>
      </c>
      <c r="B539" s="8">
        <v>0.9701202949165697</v>
      </c>
      <c r="C539" s="3">
        <v>204.77999999999997</v>
      </c>
    </row>
    <row r="540" spans="1:3" x14ac:dyDescent="0.3">
      <c r="A540" s="6">
        <v>45672</v>
      </c>
      <c r="B540" s="8">
        <v>0.97191175041306255</v>
      </c>
      <c r="C540" s="3">
        <v>200.48</v>
      </c>
    </row>
    <row r="541" spans="1:3" x14ac:dyDescent="0.3">
      <c r="A541" s="6">
        <v>45673</v>
      </c>
      <c r="B541" s="8">
        <v>0.97077953596738176</v>
      </c>
      <c r="C541" s="3">
        <v>200.00000000000006</v>
      </c>
    </row>
    <row r="542" spans="1:3" x14ac:dyDescent="0.3">
      <c r="A542" s="6">
        <v>45674</v>
      </c>
      <c r="B542" s="8">
        <v>0.9734254842791783</v>
      </c>
      <c r="C542" s="3">
        <v>205.36000000000004</v>
      </c>
    </row>
    <row r="543" spans="1:3" x14ac:dyDescent="0.3">
      <c r="A543" s="6">
        <v>45677</v>
      </c>
      <c r="B543" s="8">
        <v>0.96006144393241155</v>
      </c>
      <c r="C543" s="3">
        <v>206.06000000000003</v>
      </c>
    </row>
    <row r="544" spans="1:3" x14ac:dyDescent="0.3">
      <c r="A544" s="6">
        <v>45678</v>
      </c>
      <c r="B544" s="8">
        <v>0.95895665515918682</v>
      </c>
      <c r="C544" s="3">
        <v>205.91</v>
      </c>
    </row>
    <row r="545" spans="1:3" x14ac:dyDescent="0.3">
      <c r="A545" s="6">
        <v>45679</v>
      </c>
      <c r="B545" s="8">
        <v>0.96070708041118269</v>
      </c>
      <c r="C545" s="3">
        <v>206.15</v>
      </c>
    </row>
    <row r="546" spans="1:3" x14ac:dyDescent="0.3">
      <c r="A546" s="6">
        <v>45680</v>
      </c>
      <c r="B546" s="8">
        <v>0.9601536245799327</v>
      </c>
      <c r="C546" s="3">
        <v>204.39999999999995</v>
      </c>
    </row>
    <row r="547" spans="1:3" x14ac:dyDescent="0.3">
      <c r="A547" s="6">
        <v>45681</v>
      </c>
      <c r="B547" s="8">
        <v>0.95265313899209292</v>
      </c>
      <c r="C547" s="3">
        <v>197.55</v>
      </c>
    </row>
    <row r="548" spans="1:3" x14ac:dyDescent="0.3">
      <c r="A548" s="6">
        <v>45684</v>
      </c>
      <c r="B548" s="8">
        <v>0.95310712924132679</v>
      </c>
      <c r="C548" s="3">
        <v>194.60000000000002</v>
      </c>
    </row>
    <row r="549" spans="1:3" x14ac:dyDescent="0.3">
      <c r="A549" s="6">
        <v>45685</v>
      </c>
      <c r="B549" s="8">
        <v>0.95877277085330781</v>
      </c>
      <c r="C549" s="3">
        <v>192.29</v>
      </c>
    </row>
    <row r="550" spans="1:3" x14ac:dyDescent="0.3">
      <c r="A550" s="6">
        <v>45686</v>
      </c>
      <c r="B550" s="8">
        <v>0.95960080606467713</v>
      </c>
      <c r="C550" s="3">
        <v>193.54999999999998</v>
      </c>
    </row>
    <row r="551" spans="1:3" x14ac:dyDescent="0.3">
      <c r="A551" s="6">
        <v>45687</v>
      </c>
      <c r="B551" s="8">
        <v>0.96237128284092011</v>
      </c>
      <c r="C551" s="3">
        <v>199.92999999999998</v>
      </c>
    </row>
    <row r="552" spans="1:3" x14ac:dyDescent="0.3">
      <c r="A552" s="6">
        <v>45688</v>
      </c>
      <c r="B552" s="8">
        <v>0.96506465933217522</v>
      </c>
      <c r="C552" s="3">
        <v>207.80999999999997</v>
      </c>
    </row>
    <row r="553" spans="1:3" x14ac:dyDescent="0.3">
      <c r="A553" s="6">
        <v>45691</v>
      </c>
      <c r="B553" s="8">
        <v>0.96674400618716161</v>
      </c>
      <c r="C553" s="3">
        <v>221.49</v>
      </c>
    </row>
    <row r="554" spans="1:3" x14ac:dyDescent="0.3">
      <c r="A554" s="6">
        <v>45692</v>
      </c>
      <c r="B554" s="8">
        <v>0.9634839579920994</v>
      </c>
      <c r="C554" s="3">
        <v>216.27</v>
      </c>
    </row>
    <row r="555" spans="1:3" x14ac:dyDescent="0.3">
      <c r="A555" s="6">
        <v>45693</v>
      </c>
      <c r="B555" s="8">
        <v>0.96126117466115546</v>
      </c>
      <c r="C555" s="3">
        <v>212.98</v>
      </c>
    </row>
    <row r="556" spans="1:3" x14ac:dyDescent="0.3">
      <c r="A556" s="6">
        <v>45694</v>
      </c>
      <c r="B556" s="8">
        <v>0.96311278050659732</v>
      </c>
      <c r="C556" s="3">
        <v>215.28</v>
      </c>
    </row>
    <row r="557" spans="1:3" x14ac:dyDescent="0.3">
      <c r="A557" s="6">
        <v>45695</v>
      </c>
      <c r="B557" s="8">
        <v>0.96824167312161125</v>
      </c>
      <c r="C557" s="3">
        <v>224.12</v>
      </c>
    </row>
    <row r="558" spans="1:3" x14ac:dyDescent="0.3">
      <c r="A558" s="6">
        <v>45698</v>
      </c>
      <c r="B558" s="8">
        <v>0.97021441738624237</v>
      </c>
      <c r="C558" s="3">
        <v>224.87000000000003</v>
      </c>
    </row>
    <row r="559" spans="1:3" x14ac:dyDescent="0.3">
      <c r="A559" s="6">
        <v>45699</v>
      </c>
      <c r="B559" s="8">
        <v>0.96515780330083967</v>
      </c>
      <c r="C559" s="3">
        <v>219.92999999999995</v>
      </c>
    </row>
    <row r="560" spans="1:3" x14ac:dyDescent="0.3">
      <c r="A560" s="6">
        <v>45700</v>
      </c>
      <c r="B560" s="8">
        <v>0.96311278050659732</v>
      </c>
      <c r="C560" s="3">
        <v>221.78</v>
      </c>
    </row>
    <row r="561" spans="1:3" x14ac:dyDescent="0.3">
      <c r="A561" s="6">
        <v>45701</v>
      </c>
      <c r="B561" s="8">
        <v>0.95556617295747737</v>
      </c>
      <c r="C561" s="3">
        <v>221.87</v>
      </c>
    </row>
    <row r="562" spans="1:3" x14ac:dyDescent="0.3">
      <c r="A562" s="6">
        <v>45702</v>
      </c>
      <c r="B562" s="8">
        <v>0.95310712924132679</v>
      </c>
      <c r="C562" s="3">
        <v>214.58999999999997</v>
      </c>
    </row>
    <row r="563" spans="1:3" x14ac:dyDescent="0.3">
      <c r="A563" s="6">
        <v>45705</v>
      </c>
      <c r="B563" s="8">
        <v>0.95383441434566962</v>
      </c>
      <c r="C563" s="3">
        <v>211.88999999999996</v>
      </c>
    </row>
    <row r="564" spans="1:3" x14ac:dyDescent="0.3">
      <c r="A564" s="6">
        <v>45706</v>
      </c>
      <c r="B564" s="8">
        <v>0.95730423128470232</v>
      </c>
      <c r="C564" s="3">
        <v>217.35999999999999</v>
      </c>
    </row>
    <row r="565" spans="1:3" x14ac:dyDescent="0.3">
      <c r="A565" s="6">
        <v>45707</v>
      </c>
      <c r="B565" s="8">
        <v>0.95941667466180558</v>
      </c>
      <c r="C565" s="3">
        <v>208.95999999999998</v>
      </c>
    </row>
    <row r="566" spans="1:3" x14ac:dyDescent="0.3">
      <c r="A566" s="6">
        <v>45708</v>
      </c>
      <c r="B566" s="8">
        <v>0.95229025807065992</v>
      </c>
      <c r="C566" s="3">
        <v>211.68999999999997</v>
      </c>
    </row>
    <row r="567" spans="1:3" x14ac:dyDescent="0.3">
      <c r="A567" s="6">
        <v>45709</v>
      </c>
      <c r="B567" s="8">
        <v>0.95620577548288388</v>
      </c>
      <c r="C567" s="3">
        <v>209.30000000000004</v>
      </c>
    </row>
    <row r="568" spans="1:3" x14ac:dyDescent="0.3">
      <c r="A568" s="6">
        <v>45712</v>
      </c>
      <c r="B568" s="8">
        <v>0.95529231944975168</v>
      </c>
      <c r="C568" s="3">
        <v>208.66999999999996</v>
      </c>
    </row>
    <row r="569" spans="1:3" x14ac:dyDescent="0.3">
      <c r="A569" s="6">
        <v>45713</v>
      </c>
      <c r="B569" s="8">
        <v>0.95111280197831471</v>
      </c>
      <c r="C569" s="3">
        <v>202.92</v>
      </c>
    </row>
    <row r="570" spans="1:3" x14ac:dyDescent="0.3">
      <c r="A570" s="6">
        <v>45714</v>
      </c>
      <c r="B570" s="8">
        <v>0.9537434430138293</v>
      </c>
      <c r="C570" s="3">
        <v>200.36</v>
      </c>
    </row>
    <row r="571" spans="1:3" x14ac:dyDescent="0.3">
      <c r="A571" s="6">
        <v>45715</v>
      </c>
      <c r="B571" s="8">
        <v>0.96172340834775916</v>
      </c>
      <c r="C571" s="3">
        <v>201.60999999999999</v>
      </c>
    </row>
    <row r="572" spans="1:3" x14ac:dyDescent="0.3">
      <c r="A572" s="6">
        <v>45716</v>
      </c>
      <c r="B572" s="8">
        <v>0.96385542168674687</v>
      </c>
      <c r="C572" s="3">
        <v>196.39000000000001</v>
      </c>
    </row>
    <row r="573" spans="1:3" x14ac:dyDescent="0.3">
      <c r="A573" s="6">
        <v>45719</v>
      </c>
      <c r="B573" s="8">
        <v>0.95356155239820739</v>
      </c>
      <c r="C573" s="3">
        <v>188.06000000000003</v>
      </c>
    </row>
    <row r="574" spans="1:3" x14ac:dyDescent="0.3">
      <c r="A574" s="6">
        <v>45720</v>
      </c>
      <c r="B574" s="8">
        <v>0.94108789760963674</v>
      </c>
      <c r="C574" s="3">
        <v>195.35</v>
      </c>
    </row>
    <row r="575" spans="1:3" x14ac:dyDescent="0.3">
      <c r="A575" s="6">
        <v>45721</v>
      </c>
      <c r="B575" s="8">
        <v>0.92686996014459178</v>
      </c>
      <c r="C575" s="3">
        <v>175.16999999999996</v>
      </c>
    </row>
    <row r="576" spans="1:3" x14ac:dyDescent="0.3">
      <c r="A576" s="6">
        <v>45722</v>
      </c>
      <c r="B576" s="8">
        <v>0.92721372276309688</v>
      </c>
      <c r="C576" s="3">
        <v>171.20000000000002</v>
      </c>
    </row>
    <row r="577" spans="1:3" x14ac:dyDescent="0.3">
      <c r="A577" s="6">
        <v>45723</v>
      </c>
      <c r="B577" s="8">
        <v>0.9231053263177329</v>
      </c>
      <c r="C577" s="3">
        <v>175.26999999999998</v>
      </c>
    </row>
    <row r="578" spans="1:3" x14ac:dyDescent="0.3">
      <c r="A578" s="6">
        <v>45726</v>
      </c>
      <c r="B578" s="8">
        <v>0.92302012183865612</v>
      </c>
      <c r="C578" s="3">
        <v>166.73</v>
      </c>
    </row>
    <row r="579" spans="1:3" x14ac:dyDescent="0.3">
      <c r="A579" s="6">
        <v>45727</v>
      </c>
      <c r="B579" s="8">
        <v>0.91583478340507363</v>
      </c>
      <c r="C579" s="3">
        <v>174.41</v>
      </c>
    </row>
    <row r="580" spans="1:3" x14ac:dyDescent="0.3">
      <c r="A580" s="6">
        <v>45728</v>
      </c>
      <c r="B580" s="8">
        <v>0.91844232182218954</v>
      </c>
      <c r="C580" s="3">
        <v>176.16</v>
      </c>
    </row>
    <row r="581" spans="1:3" x14ac:dyDescent="0.3">
      <c r="A581" s="6">
        <v>45729</v>
      </c>
      <c r="B581" s="8">
        <v>0.92148912642830816</v>
      </c>
      <c r="C581" s="3">
        <v>177.41000000000003</v>
      </c>
    </row>
    <row r="582" spans="1:3" x14ac:dyDescent="0.3">
      <c r="A582" s="6">
        <v>45730</v>
      </c>
      <c r="B582" s="8">
        <v>0.91920213254894745</v>
      </c>
      <c r="C582" s="3">
        <v>183.20000000000002</v>
      </c>
    </row>
    <row r="583" spans="1:3" x14ac:dyDescent="0.3">
      <c r="A583" s="6">
        <v>45733</v>
      </c>
      <c r="B583" s="8">
        <v>0.91558322651529023</v>
      </c>
      <c r="C583" s="3">
        <v>185.51000000000002</v>
      </c>
    </row>
    <row r="584" spans="1:3" x14ac:dyDescent="0.3">
      <c r="A584" s="6">
        <v>45734</v>
      </c>
      <c r="B584" s="8">
        <v>0.91365920511649157</v>
      </c>
      <c r="C584" s="3">
        <v>186.37999999999994</v>
      </c>
    </row>
    <row r="585" spans="1:3" x14ac:dyDescent="0.3">
      <c r="A585" s="6">
        <v>45735</v>
      </c>
      <c r="B585" s="8">
        <v>0.91717875813996141</v>
      </c>
      <c r="C585" s="3">
        <v>177.63</v>
      </c>
    </row>
    <row r="586" spans="1:3" x14ac:dyDescent="0.3">
      <c r="A586" s="6">
        <v>45736</v>
      </c>
      <c r="B586" s="8">
        <v>0.92157404847479496</v>
      </c>
      <c r="C586" s="3">
        <v>179.26000000000002</v>
      </c>
    </row>
    <row r="587" spans="1:3" x14ac:dyDescent="0.3">
      <c r="A587" s="6">
        <v>45737</v>
      </c>
      <c r="B587" s="8">
        <v>0.92438528378628204</v>
      </c>
      <c r="C587" s="3">
        <v>181.61</v>
      </c>
    </row>
    <row r="588" spans="1:3" x14ac:dyDescent="0.3">
      <c r="A588" s="6">
        <v>45740</v>
      </c>
      <c r="B588" s="8">
        <v>0.92584019998148315</v>
      </c>
      <c r="C588" s="3">
        <v>191.36</v>
      </c>
    </row>
    <row r="589" spans="1:3" x14ac:dyDescent="0.3">
      <c r="A589" s="6">
        <v>45741</v>
      </c>
      <c r="B589" s="8">
        <v>0.92669817440459645</v>
      </c>
      <c r="C589" s="3">
        <v>187.62000000000003</v>
      </c>
    </row>
    <row r="590" spans="1:3" x14ac:dyDescent="0.3">
      <c r="A590" s="6">
        <v>45742</v>
      </c>
      <c r="B590" s="8">
        <v>0.92988655384043151</v>
      </c>
      <c r="C590" s="3">
        <v>189.76000000000002</v>
      </c>
    </row>
    <row r="591" spans="1:3" x14ac:dyDescent="0.3">
      <c r="A591" s="6">
        <v>45743</v>
      </c>
      <c r="B591" s="8">
        <v>0.92584019998148315</v>
      </c>
      <c r="C591" s="3">
        <v>192.09</v>
      </c>
    </row>
    <row r="592" spans="1:3" x14ac:dyDescent="0.3">
      <c r="A592" s="6">
        <v>45744</v>
      </c>
      <c r="B592" s="8">
        <v>0.92353158478019948</v>
      </c>
      <c r="C592" s="3">
        <v>189.19000000000003</v>
      </c>
    </row>
    <row r="593" spans="1:3" x14ac:dyDescent="0.3">
      <c r="A593" s="6">
        <v>45747</v>
      </c>
      <c r="B593" s="8">
        <v>0.92455621301775159</v>
      </c>
      <c r="C593" s="3">
        <v>183.61999999999998</v>
      </c>
    </row>
    <row r="594" spans="1:3" x14ac:dyDescent="0.3">
      <c r="A594" s="6">
        <v>45748</v>
      </c>
      <c r="B594" s="8">
        <v>0.92652645233021413</v>
      </c>
      <c r="C594" s="3">
        <v>185.91000000000003</v>
      </c>
    </row>
    <row r="595" spans="1:3" x14ac:dyDescent="0.3">
      <c r="A595" s="6">
        <v>45749</v>
      </c>
      <c r="B595" s="8">
        <v>0.92140422003132783</v>
      </c>
      <c r="C595" s="3">
        <v>182.04000000000002</v>
      </c>
    </row>
    <row r="596" spans="1:3" x14ac:dyDescent="0.3">
      <c r="A596" s="6">
        <v>45750</v>
      </c>
      <c r="B596" s="8">
        <v>0.90481360839667035</v>
      </c>
      <c r="C596" s="3">
        <v>173.37000000000003</v>
      </c>
    </row>
    <row r="597" spans="1:3" x14ac:dyDescent="0.3">
      <c r="A597" s="6">
        <v>45751</v>
      </c>
      <c r="B597" s="8">
        <v>0.91274187659729833</v>
      </c>
      <c r="C597" s="3">
        <v>182.50000000000003</v>
      </c>
    </row>
    <row r="598" spans="1:3" x14ac:dyDescent="0.3">
      <c r="A598" s="6">
        <v>45754</v>
      </c>
      <c r="B598" s="8">
        <v>0.9164222873900294</v>
      </c>
      <c r="C598" s="3">
        <v>198.59000000000003</v>
      </c>
    </row>
    <row r="599" spans="1:3" x14ac:dyDescent="0.3">
      <c r="A599" s="6">
        <v>45755</v>
      </c>
      <c r="B599" s="8">
        <v>0.91257528746121541</v>
      </c>
      <c r="C599" s="3">
        <v>189.06</v>
      </c>
    </row>
    <row r="600" spans="1:3" x14ac:dyDescent="0.3">
      <c r="A600" s="6">
        <v>45756</v>
      </c>
      <c r="B600" s="8">
        <v>0.91332541784637866</v>
      </c>
      <c r="C600" s="3">
        <v>218.27</v>
      </c>
    </row>
    <row r="601" spans="1:3" x14ac:dyDescent="0.3">
      <c r="A601" s="6">
        <v>45757</v>
      </c>
      <c r="B601" s="8">
        <v>0.89277743058655468</v>
      </c>
      <c r="C601" s="3">
        <v>207.6</v>
      </c>
    </row>
    <row r="602" spans="1:3" x14ac:dyDescent="0.3">
      <c r="A602" s="6">
        <v>45758</v>
      </c>
      <c r="B602" s="8">
        <v>0.8806693086745927</v>
      </c>
      <c r="C602" s="3">
        <v>217.09000000000006</v>
      </c>
    </row>
    <row r="603" spans="1:3" x14ac:dyDescent="0.3">
      <c r="A603" s="6">
        <v>45761</v>
      </c>
      <c r="B603" s="8">
        <v>0.88097964937009954</v>
      </c>
      <c r="C603" s="3">
        <v>208.60000000000002</v>
      </c>
    </row>
    <row r="604" spans="1:3" x14ac:dyDescent="0.3">
      <c r="A604" s="6">
        <v>45762</v>
      </c>
      <c r="B604" s="8">
        <v>0.8863676653075695</v>
      </c>
      <c r="C604" s="3">
        <v>207.89</v>
      </c>
    </row>
    <row r="605" spans="1:3" x14ac:dyDescent="0.3">
      <c r="A605" s="6">
        <v>45763</v>
      </c>
      <c r="B605" s="8">
        <v>0.8772699359592947</v>
      </c>
      <c r="C605" s="3">
        <v>202.14999999999998</v>
      </c>
    </row>
    <row r="606" spans="1:3" x14ac:dyDescent="0.3">
      <c r="A606" s="6">
        <v>45764</v>
      </c>
      <c r="B606" s="8">
        <v>0.87989441267047952</v>
      </c>
      <c r="C606" s="3">
        <v>211.22</v>
      </c>
    </row>
    <row r="607" spans="1:3" x14ac:dyDescent="0.3">
      <c r="A607" s="6">
        <v>45765</v>
      </c>
      <c r="B607" s="8">
        <v>0.87773194066532079</v>
      </c>
      <c r="C607" s="3">
        <v>211.22</v>
      </c>
    </row>
    <row r="608" spans="1:3" x14ac:dyDescent="0.3">
      <c r="A608" s="6">
        <v>45768</v>
      </c>
      <c r="B608" s="8">
        <v>0.86843247937472867</v>
      </c>
      <c r="C608" s="3">
        <v>207.63000000000002</v>
      </c>
    </row>
    <row r="609" spans="1:3" x14ac:dyDescent="0.3">
      <c r="A609" s="6">
        <v>45769</v>
      </c>
      <c r="B609" s="8">
        <v>0.87558007179756592</v>
      </c>
      <c r="C609" s="3">
        <v>215.79999999999998</v>
      </c>
    </row>
    <row r="610" spans="1:3" x14ac:dyDescent="0.3">
      <c r="A610" s="6">
        <v>45770</v>
      </c>
      <c r="B610" s="8">
        <v>0.88370448921880529</v>
      </c>
      <c r="C610" s="3">
        <v>212.48999999999998</v>
      </c>
    </row>
    <row r="611" spans="1:3" x14ac:dyDescent="0.3">
      <c r="A611" s="6">
        <v>45771</v>
      </c>
      <c r="B611" s="8">
        <v>0.87796312554872691</v>
      </c>
      <c r="C611" s="3">
        <v>211.20999999999998</v>
      </c>
    </row>
    <row r="612" spans="1:3" x14ac:dyDescent="0.3">
      <c r="A612" s="6">
        <v>45772</v>
      </c>
      <c r="B612" s="8">
        <v>0.87989441267047952</v>
      </c>
      <c r="C612" s="3">
        <v>202.89999999999998</v>
      </c>
    </row>
    <row r="613" spans="1:3" x14ac:dyDescent="0.3">
      <c r="A613" s="6">
        <v>45775</v>
      </c>
      <c r="B613" s="8">
        <v>0.87565674255691772</v>
      </c>
      <c r="C613" s="3">
        <v>195.08</v>
      </c>
    </row>
    <row r="614" spans="1:3" x14ac:dyDescent="0.3">
      <c r="A614" s="6">
        <v>45776</v>
      </c>
      <c r="B614" s="8">
        <v>0.87819443224729954</v>
      </c>
      <c r="C614" s="3">
        <v>191.39000000000001</v>
      </c>
    </row>
    <row r="615" spans="1:3" x14ac:dyDescent="0.3">
      <c r="A615" s="6">
        <v>45777</v>
      </c>
      <c r="B615" s="8">
        <v>0.88276836158192085</v>
      </c>
      <c r="C615" s="3">
        <v>191.67000000000002</v>
      </c>
    </row>
    <row r="616" spans="1:3" x14ac:dyDescent="0.3">
      <c r="A616" s="6">
        <v>45778</v>
      </c>
      <c r="B616" s="8">
        <v>0.8857395925597874</v>
      </c>
      <c r="C616" s="3">
        <v>201.27</v>
      </c>
    </row>
    <row r="617" spans="1:3" x14ac:dyDescent="0.3">
      <c r="A617" s="6">
        <v>45779</v>
      </c>
      <c r="B617" s="8">
        <v>0.88519075860848018</v>
      </c>
      <c r="C617" s="3">
        <v>206.19</v>
      </c>
    </row>
    <row r="618" spans="1:3" x14ac:dyDescent="0.3">
      <c r="A618" s="6">
        <v>45782</v>
      </c>
      <c r="B618" s="8">
        <v>0.88378258948298727</v>
      </c>
      <c r="C618" s="3">
        <v>208.03000000000003</v>
      </c>
    </row>
    <row r="619" spans="1:3" x14ac:dyDescent="0.3">
      <c r="A619" s="6">
        <v>45783</v>
      </c>
      <c r="B619" s="8">
        <v>0.87950747581354438</v>
      </c>
      <c r="C619" s="3">
        <v>204.07000000000002</v>
      </c>
    </row>
    <row r="620" spans="1:3" x14ac:dyDescent="0.3">
      <c r="A620" s="6">
        <v>45784</v>
      </c>
      <c r="B620" s="8">
        <v>0.88487744447394023</v>
      </c>
      <c r="C620" s="3">
        <v>206.35</v>
      </c>
    </row>
    <row r="621" spans="1:3" x14ac:dyDescent="0.3">
      <c r="A621" s="6">
        <v>45785</v>
      </c>
      <c r="B621" s="8">
        <v>0.89063056644104022</v>
      </c>
      <c r="C621" s="3">
        <v>210.09000000000003</v>
      </c>
    </row>
    <row r="622" spans="1:3" x14ac:dyDescent="0.3">
      <c r="A622" s="6">
        <v>45786</v>
      </c>
      <c r="B622" s="8">
        <v>0.88888888888888884</v>
      </c>
      <c r="C622" s="3">
        <v>210.6</v>
      </c>
    </row>
    <row r="623" spans="1:3" x14ac:dyDescent="0.3">
      <c r="A623" s="6">
        <v>45789</v>
      </c>
      <c r="B623" s="8">
        <v>0.90195724722648141</v>
      </c>
      <c r="C623" s="3">
        <v>209.72999999999996</v>
      </c>
    </row>
    <row r="624" spans="1:3" x14ac:dyDescent="0.3">
      <c r="A624" s="6">
        <v>45790</v>
      </c>
      <c r="B624" s="8">
        <v>0.89405453732677687</v>
      </c>
      <c r="C624" s="3">
        <v>206.40999999999997</v>
      </c>
    </row>
    <row r="625" spans="1:3" x14ac:dyDescent="0.3">
      <c r="A625" s="6">
        <v>45791</v>
      </c>
      <c r="B625" s="8">
        <v>0.89485458612975399</v>
      </c>
      <c r="C625" s="3">
        <v>211.07999999999998</v>
      </c>
    </row>
    <row r="626" spans="1:3" x14ac:dyDescent="0.3">
      <c r="A626" s="6">
        <v>45792</v>
      </c>
      <c r="B626" s="8">
        <v>0.89389469920443365</v>
      </c>
      <c r="C626" s="3">
        <v>208.07999999999998</v>
      </c>
    </row>
    <row r="627" spans="1:3" x14ac:dyDescent="0.3">
      <c r="A627" s="6">
        <v>45793</v>
      </c>
      <c r="B627" s="8">
        <v>0.89581653677326878</v>
      </c>
      <c r="C627" s="3">
        <v>214.45</v>
      </c>
    </row>
    <row r="628" spans="1:3" x14ac:dyDescent="0.3">
      <c r="A628" s="6">
        <v>45796</v>
      </c>
      <c r="B628" s="8">
        <v>0.88967971530249101</v>
      </c>
      <c r="C628" s="3">
        <v>213.35000000000002</v>
      </c>
    </row>
    <row r="629" spans="1:3" x14ac:dyDescent="0.3">
      <c r="A629" s="6">
        <v>45797</v>
      </c>
      <c r="B629" s="8">
        <v>0.88628910750686862</v>
      </c>
      <c r="C629" s="3">
        <v>212.84</v>
      </c>
    </row>
    <row r="630" spans="1:3" x14ac:dyDescent="0.3">
      <c r="A630" s="6">
        <v>45798</v>
      </c>
      <c r="B630" s="8">
        <v>0.88253463948459976</v>
      </c>
      <c r="C630" s="3">
        <v>214.84</v>
      </c>
    </row>
    <row r="631" spans="1:3" x14ac:dyDescent="0.3">
      <c r="A631" s="6">
        <v>45799</v>
      </c>
      <c r="B631" s="8">
        <v>0.88644623703572367</v>
      </c>
      <c r="C631" s="3">
        <v>215.90000000000003</v>
      </c>
    </row>
    <row r="632" spans="1:3" x14ac:dyDescent="0.3">
      <c r="A632" s="6">
        <v>45800</v>
      </c>
      <c r="B632" s="8">
        <v>0.88012673825030796</v>
      </c>
      <c r="C632" s="3">
        <v>222.71999999999997</v>
      </c>
    </row>
    <row r="633" spans="1:3" x14ac:dyDescent="0.3">
      <c r="A633" s="6">
        <v>45803</v>
      </c>
      <c r="B633" s="8">
        <v>0.87819443224729954</v>
      </c>
      <c r="C633" s="3">
        <v>220.92000000000002</v>
      </c>
    </row>
    <row r="634" spans="1:3" x14ac:dyDescent="0.3">
      <c r="A634" s="6">
        <v>45804</v>
      </c>
      <c r="B634" s="8">
        <v>0.88276836158192085</v>
      </c>
      <c r="C634" s="3">
        <v>218.98</v>
      </c>
    </row>
    <row r="635" spans="1:3" x14ac:dyDescent="0.3">
      <c r="A635" s="6">
        <v>45805</v>
      </c>
      <c r="B635" s="8">
        <v>0.88558271342543393</v>
      </c>
      <c r="C635" s="3">
        <v>219.31000000000003</v>
      </c>
    </row>
    <row r="636" spans="1:3" x14ac:dyDescent="0.3">
      <c r="A636" s="6">
        <v>45806</v>
      </c>
      <c r="B636" s="8">
        <v>0.87950747581354438</v>
      </c>
      <c r="C636" s="3">
        <v>216.96</v>
      </c>
    </row>
    <row r="637" spans="1:3" x14ac:dyDescent="0.3">
      <c r="A637" s="6">
        <v>45807</v>
      </c>
      <c r="B637" s="8">
        <v>0.88129020886577947</v>
      </c>
      <c r="C637" s="3">
        <v>212.15</v>
      </c>
    </row>
    <row r="638" spans="1:3" x14ac:dyDescent="0.3">
      <c r="A638" s="6">
        <v>45810</v>
      </c>
      <c r="B638" s="8">
        <v>0.87404947120007004</v>
      </c>
      <c r="C638" s="3">
        <v>214.75999999999996</v>
      </c>
    </row>
    <row r="639" spans="1:3" x14ac:dyDescent="0.3">
      <c r="A639" s="6">
        <v>45811</v>
      </c>
      <c r="B639" s="8">
        <v>0.87935279634189234</v>
      </c>
      <c r="C639" s="3">
        <v>216.51</v>
      </c>
    </row>
    <row r="640" spans="1:3" x14ac:dyDescent="0.3">
      <c r="A640" s="6">
        <v>45812</v>
      </c>
      <c r="B640" s="8">
        <v>0.87588683542086365</v>
      </c>
      <c r="C640" s="3">
        <v>206.84999999999997</v>
      </c>
    </row>
    <row r="641" spans="1:3" x14ac:dyDescent="0.3">
      <c r="A641" s="6">
        <v>45813</v>
      </c>
      <c r="B641" s="8">
        <v>0.87374399301004801</v>
      </c>
      <c r="C641" s="3">
        <v>204.71000000000004</v>
      </c>
    </row>
    <row r="642" spans="1:3" x14ac:dyDescent="0.3">
      <c r="A642" s="6">
        <v>45814</v>
      </c>
      <c r="B642" s="8">
        <v>0.87742388347810829</v>
      </c>
      <c r="C642" s="3">
        <v>215.65000000000003</v>
      </c>
    </row>
    <row r="643" spans="1:3" x14ac:dyDescent="0.3">
      <c r="A643" s="6">
        <v>45817</v>
      </c>
      <c r="B643" s="8">
        <v>0.87550341446331637</v>
      </c>
      <c r="C643" s="3">
        <v>213.94000000000003</v>
      </c>
    </row>
    <row r="644" spans="1:3" x14ac:dyDescent="0.3">
      <c r="A644" s="6">
        <v>45818</v>
      </c>
      <c r="B644" s="8">
        <v>0.87527352297592997</v>
      </c>
      <c r="C644" s="3">
        <v>217.10999999999996</v>
      </c>
    </row>
    <row r="645" spans="1:3" x14ac:dyDescent="0.3">
      <c r="A645" s="6">
        <v>45819</v>
      </c>
      <c r="B645" s="8">
        <v>0.87054931661878643</v>
      </c>
      <c r="C645" s="3">
        <v>210.64999999999995</v>
      </c>
    </row>
    <row r="646" spans="1:3" x14ac:dyDescent="0.3">
      <c r="A646" s="6">
        <v>45820</v>
      </c>
      <c r="B646" s="8">
        <v>0.86325966850828717</v>
      </c>
      <c r="C646" s="3">
        <v>209.17000000000004</v>
      </c>
    </row>
    <row r="647" spans="1:3" x14ac:dyDescent="0.3">
      <c r="A647" s="6">
        <v>45821</v>
      </c>
      <c r="B647" s="8">
        <v>0.86587583340548957</v>
      </c>
      <c r="C647" s="3">
        <v>209.14999999999998</v>
      </c>
    </row>
    <row r="648" spans="1:3" x14ac:dyDescent="0.3">
      <c r="A648" s="6">
        <v>45824</v>
      </c>
      <c r="B648" s="8">
        <v>0.86497707810743019</v>
      </c>
      <c r="C648" s="3">
        <v>212.54</v>
      </c>
    </row>
    <row r="649" spans="1:3" x14ac:dyDescent="0.3">
      <c r="A649" s="6">
        <v>45825</v>
      </c>
      <c r="B649" s="8">
        <v>0.87108013937282236</v>
      </c>
      <c r="C649" s="3">
        <v>208.38</v>
      </c>
    </row>
    <row r="650" spans="1:3" x14ac:dyDescent="0.3">
      <c r="A650" s="6">
        <v>45826</v>
      </c>
      <c r="B650" s="8">
        <v>0.87108013937282236</v>
      </c>
      <c r="C650" s="3">
        <v>209.93999999999997</v>
      </c>
    </row>
    <row r="651" spans="1:3" x14ac:dyDescent="0.3">
      <c r="A651" s="6">
        <v>45827</v>
      </c>
      <c r="B651" s="8">
        <v>0.86994345367551107</v>
      </c>
      <c r="C651" s="3">
        <v>209.93999999999997</v>
      </c>
    </row>
    <row r="652" spans="1:3" x14ac:dyDescent="0.3">
      <c r="A652" s="6">
        <v>45828</v>
      </c>
      <c r="B652" s="8">
        <v>0.86782955827475472</v>
      </c>
      <c r="C652" s="3">
        <v>205.77</v>
      </c>
    </row>
    <row r="653" spans="1:3" x14ac:dyDescent="0.3">
      <c r="A653" s="6">
        <v>45831</v>
      </c>
      <c r="B653" s="8">
        <v>0.86370703057522891</v>
      </c>
      <c r="C653" s="3">
        <v>202.53</v>
      </c>
    </row>
    <row r="654" spans="1:3" x14ac:dyDescent="0.3">
      <c r="A654" s="6">
        <v>45832</v>
      </c>
      <c r="B654" s="8">
        <v>0.86140063743647166</v>
      </c>
      <c r="C654" s="3">
        <v>197.41</v>
      </c>
    </row>
    <row r="655" spans="1:3" x14ac:dyDescent="0.3">
      <c r="A655" s="6">
        <v>45833</v>
      </c>
      <c r="B655" s="8">
        <v>0.85770649283815081</v>
      </c>
      <c r="C655" s="3">
        <v>193.77</v>
      </c>
    </row>
    <row r="656" spans="1:3" x14ac:dyDescent="0.3">
      <c r="A656" s="6">
        <v>45834</v>
      </c>
      <c r="B656" s="8">
        <v>0.85462780958892404</v>
      </c>
      <c r="C656" s="3">
        <v>189.43</v>
      </c>
    </row>
    <row r="657" spans="1:3" x14ac:dyDescent="0.3">
      <c r="A657" s="6">
        <v>45835</v>
      </c>
      <c r="B657" s="8">
        <v>0.85338795016214375</v>
      </c>
      <c r="C657" s="3">
        <v>188.8</v>
      </c>
    </row>
    <row r="658" spans="1:3" x14ac:dyDescent="0.3">
      <c r="A658" s="6">
        <v>45838</v>
      </c>
      <c r="B658" s="8">
        <v>0.84839229659794679</v>
      </c>
      <c r="C658" s="3">
        <v>185.82</v>
      </c>
    </row>
    <row r="659" spans="1:3" x14ac:dyDescent="0.3">
      <c r="A659" s="6">
        <v>45839</v>
      </c>
      <c r="B659" s="8">
        <v>0.8470269354565475</v>
      </c>
      <c r="C659" s="3">
        <v>192.35</v>
      </c>
    </row>
    <row r="660" spans="1:3" x14ac:dyDescent="0.3">
      <c r="A660" s="6">
        <v>45840</v>
      </c>
      <c r="B660" s="8">
        <v>0.84752945164844484</v>
      </c>
      <c r="C660" s="3">
        <v>192.18</v>
      </c>
    </row>
    <row r="661" spans="1:3" x14ac:dyDescent="0.3">
      <c r="A661" s="6">
        <v>45841</v>
      </c>
      <c r="B661" s="8">
        <v>0.8505571149102662</v>
      </c>
      <c r="C661" s="3">
        <v>204.59</v>
      </c>
    </row>
    <row r="662" spans="1:3" x14ac:dyDescent="0.3">
      <c r="A662" s="6">
        <v>45842</v>
      </c>
      <c r="B662" s="8">
        <v>0.84904058413992189</v>
      </c>
      <c r="C662" s="3">
        <v>206.39000000000004</v>
      </c>
    </row>
    <row r="663" spans="1:3" x14ac:dyDescent="0.3">
      <c r="A663" s="6">
        <v>45845</v>
      </c>
      <c r="B663" s="8">
        <v>0.85404389785634982</v>
      </c>
      <c r="C663" s="3">
        <v>205.76</v>
      </c>
    </row>
    <row r="664" spans="1:3" x14ac:dyDescent="0.3">
      <c r="A664" s="6">
        <v>45846</v>
      </c>
      <c r="B664" s="8">
        <v>0.85287846481876328</v>
      </c>
      <c r="C664" s="3">
        <v>201.84999999999997</v>
      </c>
    </row>
    <row r="665" spans="1:3" x14ac:dyDescent="0.3">
      <c r="A665" s="6">
        <v>45847</v>
      </c>
      <c r="B665" s="8">
        <v>0.85324232081911267</v>
      </c>
      <c r="C665" s="3">
        <v>198.29000000000002</v>
      </c>
    </row>
    <row r="666" spans="1:3" x14ac:dyDescent="0.3">
      <c r="A666" s="6">
        <v>45848</v>
      </c>
      <c r="B666" s="8">
        <v>0.85462780958892404</v>
      </c>
      <c r="C666" s="3">
        <v>198.21</v>
      </c>
    </row>
    <row r="667" spans="1:3" x14ac:dyDescent="0.3">
      <c r="A667" s="6">
        <v>45849</v>
      </c>
      <c r="B667" s="8">
        <v>0.85550517580631358</v>
      </c>
      <c r="C667" s="3">
        <v>198.5</v>
      </c>
    </row>
    <row r="668" spans="1:3" x14ac:dyDescent="0.3">
      <c r="A668" s="6">
        <v>45852</v>
      </c>
      <c r="B668" s="8">
        <v>0.85733882030178321</v>
      </c>
      <c r="C668" s="3">
        <v>202.38</v>
      </c>
    </row>
    <row r="669" spans="1:3" x14ac:dyDescent="0.3">
      <c r="A669" s="6">
        <v>45853</v>
      </c>
      <c r="B669" s="8">
        <v>0.86199465563313515</v>
      </c>
      <c r="C669" s="3">
        <v>205.28</v>
      </c>
    </row>
    <row r="670" spans="1:3" x14ac:dyDescent="0.3">
      <c r="A670" s="6">
        <v>45854</v>
      </c>
      <c r="B670" s="8">
        <v>0.85903272914698059</v>
      </c>
      <c r="C670" s="3">
        <v>203.17</v>
      </c>
    </row>
    <row r="671" spans="1:3" x14ac:dyDescent="0.3">
      <c r="A671" s="6">
        <v>45855</v>
      </c>
      <c r="B671" s="8">
        <v>0.86236633321835121</v>
      </c>
      <c r="C671" s="3">
        <v>204.25</v>
      </c>
    </row>
    <row r="672" spans="1:3" x14ac:dyDescent="0.3">
      <c r="A672" s="6">
        <v>45856</v>
      </c>
      <c r="B672" s="8">
        <v>0.86014106313435401</v>
      </c>
      <c r="C672" s="3">
        <v>199.91</v>
      </c>
    </row>
    <row r="673" spans="1:3" x14ac:dyDescent="0.3">
      <c r="A673" s="6">
        <v>45859</v>
      </c>
      <c r="B673" s="8">
        <v>0.85513938772019837</v>
      </c>
      <c r="C673" s="3">
        <v>203.67999999999995</v>
      </c>
    </row>
    <row r="674" spans="1:3" x14ac:dyDescent="0.3">
      <c r="A674" s="6">
        <v>45860</v>
      </c>
      <c r="B674" s="8">
        <v>0.85077420452611874</v>
      </c>
      <c r="C674" s="3">
        <v>202.14</v>
      </c>
    </row>
    <row r="675" spans="1:3" x14ac:dyDescent="0.3">
      <c r="A675" s="6">
        <v>45861</v>
      </c>
      <c r="B675" s="8">
        <v>0.84954549316115879</v>
      </c>
      <c r="C675" s="3">
        <v>203.59999999999997</v>
      </c>
    </row>
    <row r="676" spans="1:3" x14ac:dyDescent="0.3">
      <c r="A676" s="6">
        <v>45862</v>
      </c>
      <c r="B676" s="8">
        <v>0.85113626691633326</v>
      </c>
      <c r="C676" s="3">
        <v>198.42</v>
      </c>
    </row>
    <row r="677" spans="1:3" x14ac:dyDescent="0.3">
      <c r="A677" s="6">
        <v>45863</v>
      </c>
      <c r="B677" s="8">
        <v>0.85164367228751492</v>
      </c>
      <c r="C677" s="3">
        <v>197.52</v>
      </c>
    </row>
    <row r="678" spans="1:3" x14ac:dyDescent="0.3">
      <c r="A678" s="6">
        <v>45866</v>
      </c>
      <c r="B678" s="8">
        <v>0.86288722064026224</v>
      </c>
      <c r="C678" s="3">
        <v>200.75000000000003</v>
      </c>
    </row>
    <row r="679" spans="1:3" x14ac:dyDescent="0.3">
      <c r="A679" s="6">
        <v>45867</v>
      </c>
      <c r="B679" s="8">
        <v>0.86602580756906555</v>
      </c>
      <c r="C679" s="3">
        <v>192.69</v>
      </c>
    </row>
    <row r="680" spans="1:3" x14ac:dyDescent="0.3">
      <c r="A680" s="6">
        <v>45868</v>
      </c>
      <c r="B680" s="8">
        <v>0.87680841736080661</v>
      </c>
      <c r="C680" s="3">
        <v>198.66</v>
      </c>
    </row>
    <row r="681" spans="1:3" x14ac:dyDescent="0.3">
      <c r="A681" s="6">
        <v>45869</v>
      </c>
      <c r="B681" s="8">
        <v>0.8760402978537013</v>
      </c>
      <c r="C681" s="3">
        <v>199.31</v>
      </c>
    </row>
    <row r="682" spans="1:3" x14ac:dyDescent="0.3">
      <c r="A682" s="6">
        <v>45870</v>
      </c>
      <c r="B682" s="8">
        <v>0.86303616121515492</v>
      </c>
      <c r="C682" s="3">
        <v>175.27</v>
      </c>
    </row>
    <row r="683" spans="1:3" x14ac:dyDescent="0.3">
      <c r="A683" s="6">
        <v>45873</v>
      </c>
      <c r="B683" s="8">
        <v>0.8642295393656555</v>
      </c>
      <c r="C683" s="3">
        <v>177.42</v>
      </c>
    </row>
    <row r="684" spans="1:3" x14ac:dyDescent="0.3">
      <c r="A684" s="6">
        <v>45874</v>
      </c>
      <c r="B684" s="8">
        <v>0.86393088552915764</v>
      </c>
      <c r="C684" s="3">
        <v>181.62000000000003</v>
      </c>
    </row>
    <row r="685" spans="1:3" x14ac:dyDescent="0.3">
      <c r="A685" s="6">
        <v>45875</v>
      </c>
      <c r="B685" s="8">
        <v>0.85763293310463129</v>
      </c>
      <c r="C685" s="3">
        <v>179.57</v>
      </c>
    </row>
    <row r="686" spans="1:3" x14ac:dyDescent="0.3">
      <c r="A686" s="6">
        <v>45876</v>
      </c>
      <c r="B686" s="8">
        <v>0.85719183953368761</v>
      </c>
      <c r="C686" s="3">
        <v>180.89</v>
      </c>
    </row>
    <row r="687" spans="1:3" x14ac:dyDescent="0.3">
      <c r="A687" s="6">
        <v>45877</v>
      </c>
      <c r="B687" s="8">
        <v>0.85903272914698059</v>
      </c>
      <c r="C687" s="3">
        <v>180.64</v>
      </c>
    </row>
    <row r="688" spans="1:3" x14ac:dyDescent="0.3">
      <c r="A688" s="6">
        <v>45880</v>
      </c>
      <c r="B688" s="8">
        <v>0.86095566078346963</v>
      </c>
      <c r="C688" s="3">
        <v>180.44000000000003</v>
      </c>
    </row>
    <row r="689" spans="1:3" x14ac:dyDescent="0.3">
      <c r="A689" s="6">
        <v>45881</v>
      </c>
      <c r="B689" s="8">
        <v>0.85653104925053536</v>
      </c>
      <c r="C689" s="3">
        <v>176.38</v>
      </c>
    </row>
    <row r="690" spans="1:3" x14ac:dyDescent="0.3">
      <c r="A690" s="6">
        <v>45882</v>
      </c>
      <c r="B690" s="8">
        <v>0.85433575395130279</v>
      </c>
      <c r="C690" s="3">
        <v>174.05</v>
      </c>
    </row>
    <row r="691" spans="1:3" x14ac:dyDescent="0.3">
      <c r="A691" s="6">
        <v>45883</v>
      </c>
      <c r="B691" s="8">
        <v>0.85851648351648346</v>
      </c>
      <c r="C691" s="3">
        <v>178.64000000000001</v>
      </c>
    </row>
    <row r="692" spans="1:3" x14ac:dyDescent="0.3">
      <c r="A692" s="6">
        <v>45884</v>
      </c>
      <c r="B692" s="8">
        <v>0.85448175681449212</v>
      </c>
      <c r="C692" s="3">
        <v>177.75</v>
      </c>
    </row>
    <row r="693" spans="1:3" x14ac:dyDescent="0.3">
      <c r="A693" s="6">
        <v>45887</v>
      </c>
      <c r="B693" s="8">
        <v>0.85755938598747972</v>
      </c>
      <c r="C693" s="3">
        <v>180.39000000000001</v>
      </c>
    </row>
    <row r="694" spans="1:3" x14ac:dyDescent="0.3">
      <c r="A694" s="6">
        <v>45888</v>
      </c>
      <c r="B694" s="8">
        <v>0.85859019489997424</v>
      </c>
      <c r="C694" s="3">
        <v>179.00000000000003</v>
      </c>
    </row>
    <row r="695" spans="1:3" x14ac:dyDescent="0.3">
      <c r="A695" s="6">
        <v>45889</v>
      </c>
      <c r="B695" s="8">
        <v>0.85822176450394783</v>
      </c>
      <c r="C695" s="3">
        <v>181.47999999999996</v>
      </c>
    </row>
    <row r="696" spans="1:3" x14ac:dyDescent="0.3">
      <c r="A696" s="6">
        <v>45890</v>
      </c>
      <c r="B696" s="8">
        <v>0.86162329829398576</v>
      </c>
      <c r="C696" s="3">
        <v>181.98</v>
      </c>
    </row>
    <row r="697" spans="1:3" x14ac:dyDescent="0.3">
      <c r="A697" s="6">
        <v>45891</v>
      </c>
      <c r="B697" s="8">
        <v>0.85338795016214375</v>
      </c>
      <c r="C697" s="3">
        <v>174.82999999999998</v>
      </c>
    </row>
    <row r="698" spans="1:3" x14ac:dyDescent="0.3">
      <c r="A698" s="6">
        <v>45894</v>
      </c>
      <c r="B698" s="8">
        <v>0.86073334480977792</v>
      </c>
      <c r="C698" s="3">
        <v>174.85</v>
      </c>
    </row>
    <row r="699" spans="1:3" x14ac:dyDescent="0.3">
      <c r="A699" s="6">
        <v>45895</v>
      </c>
      <c r="B699" s="8">
        <v>0.85895894176258381</v>
      </c>
      <c r="C699" s="3">
        <v>174.09</v>
      </c>
    </row>
    <row r="700" spans="1:3" x14ac:dyDescent="0.3">
      <c r="A700" s="6">
        <v>45896</v>
      </c>
      <c r="B700" s="8">
        <v>0.85918034195377613</v>
      </c>
      <c r="C700" s="3">
        <v>169.34999999999997</v>
      </c>
    </row>
    <row r="701" spans="1:3" x14ac:dyDescent="0.3">
      <c r="A701" s="6">
        <v>45897</v>
      </c>
      <c r="B701" s="8">
        <v>0.85594453479414545</v>
      </c>
      <c r="C701" s="3">
        <v>169.5</v>
      </c>
    </row>
    <row r="702" spans="1:3" x14ac:dyDescent="0.3">
      <c r="A702" s="6">
        <v>45898</v>
      </c>
      <c r="B702" s="8">
        <v>0.85572479890467223</v>
      </c>
      <c r="C702" s="3">
        <v>167.67</v>
      </c>
    </row>
    <row r="703" spans="1:3" x14ac:dyDescent="0.3">
      <c r="A703" s="6">
        <v>45901</v>
      </c>
      <c r="B703" s="8">
        <v>0.85389804457347795</v>
      </c>
      <c r="C703" s="3">
        <v>166.16999999999996</v>
      </c>
    </row>
    <row r="704" spans="1:3" x14ac:dyDescent="0.3">
      <c r="A704" s="6">
        <v>45902</v>
      </c>
      <c r="B704" s="8">
        <v>0.85910652920962205</v>
      </c>
      <c r="C704" s="3">
        <v>166.52</v>
      </c>
    </row>
    <row r="705" spans="1:3" x14ac:dyDescent="0.3">
      <c r="A705" s="6">
        <v>45903</v>
      </c>
      <c r="B705" s="8">
        <v>0.85748585148345058</v>
      </c>
      <c r="C705" s="3">
        <v>165.06</v>
      </c>
    </row>
    <row r="706" spans="1:3" x14ac:dyDescent="0.3">
      <c r="A706" s="6">
        <v>45904</v>
      </c>
      <c r="B706" s="8">
        <v>0.85844278478839386</v>
      </c>
      <c r="C706" s="3">
        <v>162.38000000000002</v>
      </c>
    </row>
    <row r="707" spans="1:3" x14ac:dyDescent="0.3">
      <c r="A707" s="6">
        <v>45905</v>
      </c>
      <c r="B707" s="8">
        <v>0.85346078347699927</v>
      </c>
      <c r="C707" s="3">
        <v>158.01999999999998</v>
      </c>
    </row>
    <row r="708" spans="1:3" x14ac:dyDescent="0.3">
      <c r="A708" s="6">
        <v>45908</v>
      </c>
      <c r="B708" s="8">
        <v>0.85012326787384174</v>
      </c>
      <c r="C708" s="3">
        <v>156.03</v>
      </c>
    </row>
    <row r="709" spans="1:3" x14ac:dyDescent="0.3">
      <c r="A709" s="6">
        <v>45909</v>
      </c>
      <c r="B709" s="8">
        <v>0.8541168431841476</v>
      </c>
      <c r="C709" s="3">
        <v>161.73999999999998</v>
      </c>
    </row>
    <row r="710" spans="1:3" x14ac:dyDescent="0.3">
      <c r="A710" s="6">
        <v>45910</v>
      </c>
      <c r="B710" s="8">
        <v>0.85506626763574178</v>
      </c>
      <c r="C710" s="3">
        <v>159.18</v>
      </c>
    </row>
    <row r="711" spans="1:3" x14ac:dyDescent="0.3">
      <c r="A711" s="6">
        <v>45911</v>
      </c>
      <c r="B711" s="8">
        <v>0.85222430543719108</v>
      </c>
      <c r="C711" s="3">
        <v>155.55000000000001</v>
      </c>
    </row>
    <row r="712" spans="1:3" x14ac:dyDescent="0.3">
      <c r="A712" s="6">
        <v>45912</v>
      </c>
      <c r="B712" s="8">
        <v>0.85222430543719108</v>
      </c>
      <c r="C712" s="3">
        <v>153.76000000000002</v>
      </c>
    </row>
    <row r="713" spans="1:3" x14ac:dyDescent="0.3">
      <c r="A713" s="6">
        <v>45915</v>
      </c>
      <c r="B713" s="8">
        <v>0.85026783436782594</v>
      </c>
      <c r="C713" s="3">
        <v>151.88000000000002</v>
      </c>
    </row>
    <row r="714" spans="1:3" x14ac:dyDescent="0.3">
      <c r="A714" s="6">
        <v>45916</v>
      </c>
      <c r="B714" s="8">
        <v>0.84267295862475766</v>
      </c>
      <c r="C714" s="3">
        <v>150.13</v>
      </c>
    </row>
    <row r="715" spans="1:3" x14ac:dyDescent="0.3">
      <c r="A715" s="6">
        <v>45917</v>
      </c>
      <c r="B715" s="8">
        <v>0.84652501481418774</v>
      </c>
      <c r="C715" s="3">
        <v>154.91000000000003</v>
      </c>
    </row>
    <row r="716" spans="1:3" x14ac:dyDescent="0.3">
      <c r="A716" s="6">
        <v>45918</v>
      </c>
      <c r="B716" s="8">
        <v>0.84832032575500504</v>
      </c>
      <c r="C716" s="3">
        <v>155.24999999999997</v>
      </c>
    </row>
    <row r="717" spans="1:3" x14ac:dyDescent="0.3">
      <c r="A717" s="6">
        <v>45919</v>
      </c>
      <c r="B717" s="8">
        <v>0.85135365230716831</v>
      </c>
      <c r="C717" s="3">
        <v>154.84999999999997</v>
      </c>
    </row>
    <row r="718" spans="1:3" x14ac:dyDescent="0.3">
      <c r="A718" s="6">
        <v>45922</v>
      </c>
      <c r="B718" s="8">
        <v>0.84724222655257142</v>
      </c>
      <c r="C718" s="3">
        <v>158.50000000000003</v>
      </c>
    </row>
    <row r="719" spans="1:3" x14ac:dyDescent="0.3">
      <c r="A719" s="6">
        <v>45923</v>
      </c>
      <c r="B719" s="8">
        <v>0.84638171815488783</v>
      </c>
      <c r="C719" s="3">
        <v>156.4</v>
      </c>
    </row>
    <row r="720" spans="1:3" x14ac:dyDescent="0.3">
      <c r="A720" s="6">
        <v>45924</v>
      </c>
      <c r="B720" s="8">
        <v>0.85193388993014141</v>
      </c>
      <c r="C720" s="3">
        <v>158.21</v>
      </c>
    </row>
    <row r="721" spans="1:3" x14ac:dyDescent="0.3">
      <c r="A721" s="6">
        <v>45925</v>
      </c>
      <c r="B721" s="8">
        <v>0.85719183953368761</v>
      </c>
      <c r="C721" s="3">
        <v>161.63</v>
      </c>
    </row>
    <row r="722" spans="1:3" x14ac:dyDescent="0.3">
      <c r="A722" s="6">
        <v>45926</v>
      </c>
      <c r="B722" s="8">
        <v>0.85448175681449212</v>
      </c>
      <c r="C722" s="3">
        <v>161.30000000000001</v>
      </c>
    </row>
    <row r="723" spans="1:3" x14ac:dyDescent="0.3">
      <c r="A723" s="6">
        <v>45929</v>
      </c>
      <c r="B723" s="8">
        <v>0.85273300929478979</v>
      </c>
      <c r="C723" s="3">
        <v>159.74999999999997</v>
      </c>
    </row>
    <row r="724" spans="1:3" x14ac:dyDescent="0.3">
      <c r="A724" s="6">
        <v>45930</v>
      </c>
      <c r="B724" s="8">
        <v>0.85222430543719108</v>
      </c>
      <c r="C724" s="3">
        <v>158.92999999999998</v>
      </c>
    </row>
    <row r="725" spans="1:3" x14ac:dyDescent="0.3">
      <c r="A725" s="6">
        <v>45931</v>
      </c>
      <c r="B725" s="8">
        <v>0.85236958745311964</v>
      </c>
      <c r="C725" s="3">
        <v>152.17000000000002</v>
      </c>
    </row>
    <row r="726" spans="1:3" x14ac:dyDescent="0.3">
      <c r="A726" s="6">
        <v>45932</v>
      </c>
      <c r="B726" s="8">
        <v>0.85360648740930434</v>
      </c>
      <c r="C726" s="3">
        <v>152.88000000000005</v>
      </c>
    </row>
    <row r="727" spans="1:3" x14ac:dyDescent="0.3">
      <c r="A727" s="6">
        <v>45933</v>
      </c>
      <c r="B727" s="8">
        <v>0.85164367228751492</v>
      </c>
      <c r="C727" s="3">
        <v>155.68999999999997</v>
      </c>
    </row>
    <row r="728" spans="1:3" x14ac:dyDescent="0.3">
      <c r="A728" s="6">
        <v>45936</v>
      </c>
      <c r="B728" s="8">
        <v>0.85389804457347795</v>
      </c>
      <c r="C728" s="3">
        <v>158.12999999999997</v>
      </c>
    </row>
    <row r="729" spans="1:3" x14ac:dyDescent="0.3">
      <c r="A729" s="6">
        <v>45937</v>
      </c>
      <c r="B729" s="8">
        <v>0.85785365016728155</v>
      </c>
      <c r="C729" s="3">
        <v>155.96</v>
      </c>
    </row>
    <row r="730" spans="1:3" x14ac:dyDescent="0.3">
      <c r="A730" s="6">
        <v>45938</v>
      </c>
      <c r="B730" s="8">
        <v>0.85999312005503947</v>
      </c>
      <c r="C730" s="3">
        <v>159.12</v>
      </c>
    </row>
    <row r="731" spans="1:3" x14ac:dyDescent="0.3">
      <c r="A731" s="6">
        <v>45939</v>
      </c>
      <c r="B731" s="8">
        <v>0.86475268073331024</v>
      </c>
      <c r="C731" s="3">
        <v>159.56999999999996</v>
      </c>
    </row>
    <row r="732" spans="1:3" x14ac:dyDescent="0.3">
      <c r="A732" s="6">
        <v>45940</v>
      </c>
      <c r="B732" s="8">
        <v>0.86065926499698775</v>
      </c>
      <c r="C732" s="3">
        <v>154.25</v>
      </c>
    </row>
    <row r="733" spans="1:3" x14ac:dyDescent="0.3">
      <c r="A733" s="6">
        <v>45943</v>
      </c>
      <c r="B733" s="8">
        <v>0.86430423509075194</v>
      </c>
      <c r="C733" s="3">
        <v>155.75</v>
      </c>
    </row>
    <row r="734" spans="1:3" x14ac:dyDescent="0.3">
      <c r="A734" s="6">
        <v>45944</v>
      </c>
      <c r="B734" s="8">
        <v>0.86154906521926422</v>
      </c>
      <c r="C734" s="3">
        <v>154.57</v>
      </c>
    </row>
    <row r="735" spans="1:3" x14ac:dyDescent="0.3">
      <c r="A735" s="6">
        <v>45945</v>
      </c>
      <c r="B735" s="8">
        <v>0.85859019489997424</v>
      </c>
      <c r="C735" s="3">
        <v>157.53</v>
      </c>
    </row>
    <row r="736" spans="1:3" x14ac:dyDescent="0.3">
      <c r="A736" s="6">
        <v>45946</v>
      </c>
      <c r="B736" s="8">
        <v>0.85565157867716257</v>
      </c>
      <c r="C736" s="3">
        <v>151.53</v>
      </c>
    </row>
    <row r="737" spans="1:3" x14ac:dyDescent="0.3">
      <c r="A737" s="6">
        <v>45947</v>
      </c>
      <c r="B737" s="8">
        <v>0.85800085800085801</v>
      </c>
      <c r="C737" s="3">
        <v>154.83000000000001</v>
      </c>
    </row>
    <row r="738" spans="1:3" x14ac:dyDescent="0.3">
      <c r="A738" s="6">
        <v>45950</v>
      </c>
      <c r="B738" s="8">
        <v>0.85895894176258381</v>
      </c>
      <c r="C738" s="3">
        <v>154.72000000000003</v>
      </c>
    </row>
    <row r="739" spans="1:3" x14ac:dyDescent="0.3">
      <c r="A739" s="6">
        <v>45951</v>
      </c>
      <c r="B739" s="8">
        <v>0.86206896551724144</v>
      </c>
      <c r="C739" s="3">
        <v>154.70999999999998</v>
      </c>
    </row>
    <row r="740" spans="1:3" x14ac:dyDescent="0.3">
      <c r="A740" s="6">
        <v>45952</v>
      </c>
      <c r="B740" s="8">
        <v>0.86125226078718453</v>
      </c>
      <c r="C740" s="3">
        <v>153.55000000000001</v>
      </c>
    </row>
    <row r="741" spans="1:3" x14ac:dyDescent="0.3">
      <c r="A741" s="6">
        <v>45953</v>
      </c>
      <c r="B741" s="8">
        <v>0.86073334480977792</v>
      </c>
      <c r="C741" s="3">
        <v>156.25000000000003</v>
      </c>
    </row>
    <row r="742" spans="1:3" x14ac:dyDescent="0.3">
      <c r="A742" s="6">
        <v>45954</v>
      </c>
      <c r="B742" s="8">
        <v>0.86006708523264808</v>
      </c>
      <c r="C742" s="3">
        <v>151.19000000000003</v>
      </c>
    </row>
    <row r="743" spans="1:3" x14ac:dyDescent="0.3">
      <c r="A743" s="6">
        <v>45957</v>
      </c>
      <c r="B743" s="8">
        <v>0.85873765564619997</v>
      </c>
      <c r="C743" s="3">
        <v>151.85</v>
      </c>
    </row>
    <row r="744" spans="1:3" x14ac:dyDescent="0.3">
      <c r="A744" s="6">
        <v>45958</v>
      </c>
      <c r="B744" s="8">
        <v>0.85829542528538316</v>
      </c>
      <c r="C744" s="3">
        <v>151.47999999999996</v>
      </c>
    </row>
    <row r="745" spans="1:3" x14ac:dyDescent="0.3">
      <c r="A745" s="6">
        <v>45959</v>
      </c>
      <c r="B745" s="8">
        <v>0.86199465563313515</v>
      </c>
      <c r="C745" s="3">
        <v>162.39999999999998</v>
      </c>
    </row>
    <row r="746" spans="1:3" x14ac:dyDescent="0.3">
      <c r="A746" s="6">
        <v>45960</v>
      </c>
      <c r="B746" s="8">
        <v>0.86467790747946383</v>
      </c>
      <c r="C746" s="3">
        <v>162.22</v>
      </c>
    </row>
    <row r="747" spans="1:3" x14ac:dyDescent="0.3">
      <c r="A747" s="6">
        <v>45961</v>
      </c>
      <c r="B747" s="8">
        <v>0.86677645835139117</v>
      </c>
      <c r="C747" s="3">
        <v>160.56</v>
      </c>
    </row>
  </sheetData>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DAE72F1-2464-4395-8628-66F4D9BC008C}">
  <dimension ref="A1:D26"/>
  <sheetViews>
    <sheetView workbookViewId="0"/>
  </sheetViews>
  <sheetFormatPr defaultColWidth="9.1796875" defaultRowHeight="14" x14ac:dyDescent="0.3"/>
  <cols>
    <col min="1" max="1" width="15.7265625" style="6" customWidth="1"/>
    <col min="2" max="4" width="15.7265625" style="2" customWidth="1"/>
    <col min="5" max="14" width="15.7265625" style="1" customWidth="1"/>
    <col min="15" max="16384" width="9.1796875" style="1"/>
  </cols>
  <sheetData>
    <row r="1" spans="1:4" x14ac:dyDescent="0.3">
      <c r="A1" s="6" t="s">
        <v>4</v>
      </c>
      <c r="B1" s="7">
        <v>4</v>
      </c>
    </row>
    <row r="2" spans="1:4" x14ac:dyDescent="0.3">
      <c r="A2" s="6" t="s">
        <v>3</v>
      </c>
      <c r="B2" s="2" t="s">
        <v>38</v>
      </c>
    </row>
    <row r="3" spans="1:4" x14ac:dyDescent="0.3">
      <c r="A3" s="6" t="s">
        <v>5</v>
      </c>
      <c r="B3" s="2" t="s">
        <v>37</v>
      </c>
    </row>
    <row r="4" spans="1:4" x14ac:dyDescent="0.3">
      <c r="A4" s="6" t="s">
        <v>2</v>
      </c>
      <c r="B4" s="2" t="s">
        <v>39</v>
      </c>
    </row>
    <row r="5" spans="1:4" x14ac:dyDescent="0.3">
      <c r="A5" s="6" t="s">
        <v>1</v>
      </c>
      <c r="B5" s="2" t="s">
        <v>11</v>
      </c>
    </row>
    <row r="7" spans="1:4" x14ac:dyDescent="0.3">
      <c r="A7" s="6" t="s">
        <v>8</v>
      </c>
      <c r="B7" s="2" t="s">
        <v>40</v>
      </c>
      <c r="C7" s="2" t="s">
        <v>41</v>
      </c>
      <c r="D7" s="2" t="s">
        <v>42</v>
      </c>
    </row>
    <row r="8" spans="1:4" x14ac:dyDescent="0.3">
      <c r="A8" s="5">
        <v>45322</v>
      </c>
      <c r="B8" s="3">
        <v>60.804000000000002</v>
      </c>
      <c r="C8" s="3">
        <v>-78.099000000000004</v>
      </c>
      <c r="D8" s="2">
        <v>31.04</v>
      </c>
    </row>
    <row r="9" spans="1:4" x14ac:dyDescent="0.3">
      <c r="A9" s="5">
        <v>45351</v>
      </c>
      <c r="B9" s="3">
        <v>95.180999999999997</v>
      </c>
      <c r="C9" s="3">
        <v>-43.320999999999998</v>
      </c>
      <c r="D9" s="2">
        <v>84.236999999999995</v>
      </c>
    </row>
    <row r="10" spans="1:4" x14ac:dyDescent="0.3">
      <c r="A10" s="5">
        <v>45382</v>
      </c>
      <c r="B10" s="3">
        <v>86.015000000000001</v>
      </c>
      <c r="C10" s="3">
        <v>35.781999999999996</v>
      </c>
      <c r="D10" s="2">
        <v>43.113999999999997</v>
      </c>
    </row>
    <row r="11" spans="1:4" x14ac:dyDescent="0.3">
      <c r="A11" s="5">
        <v>45412</v>
      </c>
      <c r="B11" s="3">
        <v>72.379000000000005</v>
      </c>
      <c r="C11" s="3">
        <v>112.602</v>
      </c>
      <c r="D11" s="2">
        <v>15.217000000000001</v>
      </c>
    </row>
    <row r="12" spans="1:4" x14ac:dyDescent="0.3">
      <c r="A12" s="5">
        <v>45443</v>
      </c>
      <c r="B12" s="2">
        <v>38.39</v>
      </c>
      <c r="C12" s="2">
        <v>-144.90799999999999</v>
      </c>
      <c r="D12" s="2">
        <v>22.962</v>
      </c>
    </row>
    <row r="13" spans="1:4" x14ac:dyDescent="0.3">
      <c r="A13" s="5">
        <v>45473</v>
      </c>
      <c r="B13" s="2">
        <v>41.253</v>
      </c>
      <c r="C13" s="2">
        <v>1.6359999999999999</v>
      </c>
      <c r="D13" s="2">
        <v>-24.052</v>
      </c>
    </row>
    <row r="14" spans="1:4" x14ac:dyDescent="0.3">
      <c r="A14" s="5">
        <v>45504</v>
      </c>
      <c r="B14" s="2">
        <v>5.07</v>
      </c>
      <c r="C14" s="2">
        <v>-15.047000000000001</v>
      </c>
      <c r="D14" s="2">
        <v>23.19</v>
      </c>
    </row>
    <row r="15" spans="1:4" x14ac:dyDescent="0.3">
      <c r="A15" s="5">
        <v>45535</v>
      </c>
      <c r="B15" s="2">
        <v>45.655999999999999</v>
      </c>
      <c r="C15" s="2">
        <v>2.0049999999999999</v>
      </c>
      <c r="D15" s="2">
        <v>19.945</v>
      </c>
    </row>
    <row r="16" spans="1:4" x14ac:dyDescent="0.3">
      <c r="A16" s="5">
        <v>45565</v>
      </c>
      <c r="B16" s="2">
        <v>81.563999999999993</v>
      </c>
      <c r="C16" s="2">
        <v>109.033</v>
      </c>
      <c r="D16" s="2">
        <v>44.2</v>
      </c>
    </row>
    <row r="17" spans="1:4" x14ac:dyDescent="0.3">
      <c r="A17" s="5">
        <v>45596</v>
      </c>
      <c r="B17" s="2">
        <v>71.183000000000007</v>
      </c>
      <c r="C17" s="2">
        <v>82.715000000000003</v>
      </c>
      <c r="D17" s="2">
        <v>69.119</v>
      </c>
    </row>
    <row r="18" spans="1:4" x14ac:dyDescent="0.3">
      <c r="A18" s="5">
        <v>45626</v>
      </c>
      <c r="B18" s="2">
        <v>-5.4779999999999998</v>
      </c>
      <c r="C18" s="2">
        <v>-12.977</v>
      </c>
      <c r="D18" s="2">
        <v>-16.936</v>
      </c>
    </row>
    <row r="19" spans="1:4" x14ac:dyDescent="0.3">
      <c r="A19" s="5">
        <v>45657</v>
      </c>
      <c r="B19" s="2">
        <v>-54.5</v>
      </c>
      <c r="C19" s="2">
        <v>154.684</v>
      </c>
      <c r="D19" s="2">
        <v>32.875</v>
      </c>
    </row>
    <row r="20" spans="1:4" x14ac:dyDescent="0.3">
      <c r="A20" s="5">
        <v>45688</v>
      </c>
      <c r="B20" s="2">
        <v>-49.417999999999999</v>
      </c>
      <c r="C20" s="2">
        <v>-47.362000000000002</v>
      </c>
      <c r="D20" s="2">
        <v>20.988</v>
      </c>
    </row>
    <row r="21" spans="1:4" x14ac:dyDescent="0.3">
      <c r="A21" s="5">
        <v>45716</v>
      </c>
      <c r="B21" s="2">
        <v>114.619</v>
      </c>
      <c r="C21" s="2">
        <v>10.298999999999999</v>
      </c>
      <c r="D21" s="2">
        <v>-15.551</v>
      </c>
    </row>
    <row r="22" spans="1:4" x14ac:dyDescent="0.3">
      <c r="A22" s="5">
        <v>45747</v>
      </c>
      <c r="B22" s="2">
        <v>131.49799999999999</v>
      </c>
      <c r="C22" s="2">
        <v>222.47300000000001</v>
      </c>
      <c r="D22" s="2">
        <v>36.843000000000004</v>
      </c>
    </row>
    <row r="23" spans="1:4" x14ac:dyDescent="0.3">
      <c r="A23" s="5">
        <v>45777</v>
      </c>
      <c r="B23" s="2">
        <v>-57.271999999999998</v>
      </c>
      <c r="C23" s="2">
        <v>11.847</v>
      </c>
      <c r="D23" s="2">
        <v>31.295999999999999</v>
      </c>
    </row>
    <row r="24" spans="1:4" x14ac:dyDescent="0.3">
      <c r="A24" s="5">
        <v>45808</v>
      </c>
      <c r="B24" s="2">
        <v>110.96</v>
      </c>
      <c r="C24" s="2">
        <v>-36.198999999999998</v>
      </c>
      <c r="D24" s="2">
        <v>45.286000000000001</v>
      </c>
    </row>
    <row r="25" spans="1:4" x14ac:dyDescent="0.3">
      <c r="A25" s="5">
        <v>45838</v>
      </c>
      <c r="B25" s="2">
        <v>11.435</v>
      </c>
      <c r="C25" s="2">
        <v>64.608999999999995</v>
      </c>
      <c r="D25" s="2">
        <v>18.465</v>
      </c>
    </row>
    <row r="26" spans="1:4" x14ac:dyDescent="0.3">
      <c r="A26" s="5">
        <v>45869</v>
      </c>
      <c r="B26" s="2">
        <v>76.275999999999996</v>
      </c>
      <c r="C26" s="2">
        <v>-71.914000000000001</v>
      </c>
      <c r="D26" s="2">
        <v>44.62</v>
      </c>
    </row>
  </sheetData>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83804E1-AC18-455D-9C3E-91CF13158C34}">
  <dimension ref="A1:H827"/>
  <sheetViews>
    <sheetView workbookViewId="0"/>
  </sheetViews>
  <sheetFormatPr defaultColWidth="9.1796875" defaultRowHeight="14" x14ac:dyDescent="0.3"/>
  <cols>
    <col min="1" max="1" width="15.7265625" style="6" customWidth="1"/>
    <col min="2" max="5" width="15.7265625" style="1" customWidth="1"/>
    <col min="6" max="6" width="15.7265625" style="6" customWidth="1"/>
    <col min="7" max="14" width="15.7265625" style="1" customWidth="1"/>
    <col min="15" max="16384" width="9.1796875" style="1"/>
  </cols>
  <sheetData>
    <row r="1" spans="1:6" x14ac:dyDescent="0.3">
      <c r="A1" s="6" t="s">
        <v>4</v>
      </c>
      <c r="B1" s="1">
        <v>5</v>
      </c>
    </row>
    <row r="2" spans="1:6" x14ac:dyDescent="0.3">
      <c r="A2" s="6" t="s">
        <v>3</v>
      </c>
      <c r="B2" s="1" t="s">
        <v>43</v>
      </c>
    </row>
    <row r="3" spans="1:6" x14ac:dyDescent="0.3">
      <c r="A3" s="6" t="s">
        <v>5</v>
      </c>
      <c r="B3" s="1" t="s">
        <v>44</v>
      </c>
    </row>
    <row r="4" spans="1:6" x14ac:dyDescent="0.3">
      <c r="A4" s="6" t="s">
        <v>2</v>
      </c>
      <c r="B4" s="1" t="s">
        <v>29</v>
      </c>
    </row>
    <row r="5" spans="1:6" x14ac:dyDescent="0.3">
      <c r="A5" s="6" t="s">
        <v>1</v>
      </c>
      <c r="B5" s="1" t="s">
        <v>45</v>
      </c>
    </row>
    <row r="6" spans="1:6" x14ac:dyDescent="0.3">
      <c r="A6" s="1"/>
      <c r="F6" s="1"/>
    </row>
    <row r="7" spans="1:6" x14ac:dyDescent="0.3">
      <c r="A7" s="1"/>
      <c r="B7" s="12" t="s">
        <v>10</v>
      </c>
      <c r="C7" s="12"/>
      <c r="E7" s="12" t="s">
        <v>9</v>
      </c>
      <c r="F7" s="12"/>
    </row>
    <row r="8" spans="1:6" x14ac:dyDescent="0.3">
      <c r="A8" s="1" t="s">
        <v>46</v>
      </c>
      <c r="B8" s="1" t="s">
        <v>47</v>
      </c>
      <c r="C8" s="1" t="s">
        <v>48</v>
      </c>
      <c r="E8" s="1" t="s">
        <v>47</v>
      </c>
      <c r="F8" s="1" t="s">
        <v>48</v>
      </c>
    </row>
    <row r="9" spans="1:6" x14ac:dyDescent="0.3">
      <c r="A9" s="2">
        <v>0.1</v>
      </c>
      <c r="B9" s="2">
        <v>15.141580000000001</v>
      </c>
      <c r="C9" s="2">
        <v>12.224270000000001</v>
      </c>
      <c r="D9" s="2"/>
      <c r="E9" s="2">
        <v>2.2007099999999999</v>
      </c>
      <c r="F9" s="2">
        <v>1.5233400000000001</v>
      </c>
    </row>
    <row r="10" spans="1:6" x14ac:dyDescent="0.3">
      <c r="A10" s="2">
        <v>0.25</v>
      </c>
      <c r="B10" s="2">
        <v>16.968999999999998</v>
      </c>
      <c r="C10" s="2">
        <v>13.660675000000001</v>
      </c>
      <c r="D10" s="2"/>
      <c r="E10" s="2">
        <v>2.6743750000000004</v>
      </c>
      <c r="F10" s="2">
        <v>1.696475</v>
      </c>
    </row>
    <row r="11" spans="1:6" x14ac:dyDescent="0.3">
      <c r="A11" s="2">
        <v>0.5</v>
      </c>
      <c r="B11" s="2">
        <v>19.492649999999998</v>
      </c>
      <c r="C11" s="2">
        <v>16.07085</v>
      </c>
      <c r="D11" s="2"/>
      <c r="E11" s="2">
        <v>2.9722499999999998</v>
      </c>
      <c r="F11" s="2">
        <v>1.8744499999999999</v>
      </c>
    </row>
    <row r="12" spans="1:6" x14ac:dyDescent="0.3">
      <c r="A12" s="2">
        <v>0.75</v>
      </c>
      <c r="B12" s="2">
        <v>23.719774999999998</v>
      </c>
      <c r="C12" s="2">
        <v>19.692250000000001</v>
      </c>
      <c r="D12" s="2"/>
      <c r="E12" s="2">
        <v>3.9921250000000001</v>
      </c>
      <c r="F12" s="2">
        <v>2.1948249999999998</v>
      </c>
    </row>
    <row r="13" spans="1:6" x14ac:dyDescent="0.3">
      <c r="A13" s="2">
        <v>0.9</v>
      </c>
      <c r="B13" s="2">
        <v>27.434340000000002</v>
      </c>
      <c r="C13" s="2">
        <v>26.764370000000003</v>
      </c>
      <c r="D13" s="2"/>
      <c r="E13" s="2">
        <v>4.911830000000001</v>
      </c>
      <c r="F13" s="2">
        <v>2.5423</v>
      </c>
    </row>
    <row r="14" spans="1:6" x14ac:dyDescent="0.3">
      <c r="A14" s="1"/>
      <c r="B14" s="2"/>
      <c r="C14" s="2"/>
      <c r="D14" s="2"/>
      <c r="E14" s="2"/>
      <c r="F14" s="2"/>
    </row>
    <row r="15" spans="1:6" x14ac:dyDescent="0.3">
      <c r="A15" s="6">
        <v>45960</v>
      </c>
      <c r="B15" s="2">
        <v>29.133700000000001</v>
      </c>
      <c r="C15" s="2">
        <v>16.778600000000001</v>
      </c>
      <c r="D15" s="2"/>
      <c r="E15" s="2">
        <v>5.7148000000000003</v>
      </c>
      <c r="F15" s="2">
        <v>2.3733</v>
      </c>
    </row>
    <row r="16" spans="1:6" x14ac:dyDescent="0.3">
      <c r="A16" s="1"/>
      <c r="F16" s="1"/>
    </row>
    <row r="17" s="1" customFormat="1" x14ac:dyDescent="0.3"/>
    <row r="18" s="1" customFormat="1" x14ac:dyDescent="0.3"/>
    <row r="19" s="1" customFormat="1" x14ac:dyDescent="0.3"/>
    <row r="20" s="1" customFormat="1" x14ac:dyDescent="0.3"/>
    <row r="21" s="1" customFormat="1" x14ac:dyDescent="0.3"/>
    <row r="22" s="1" customFormat="1" x14ac:dyDescent="0.3"/>
    <row r="23" s="1" customFormat="1" x14ac:dyDescent="0.3"/>
    <row r="24" s="1" customFormat="1" x14ac:dyDescent="0.3"/>
    <row r="25" s="1" customFormat="1" x14ac:dyDescent="0.3"/>
    <row r="26" s="1" customFormat="1" x14ac:dyDescent="0.3"/>
    <row r="27" s="1" customFormat="1" x14ac:dyDescent="0.3"/>
    <row r="28" s="1" customFormat="1" x14ac:dyDescent="0.3"/>
    <row r="29" s="1" customFormat="1" x14ac:dyDescent="0.3"/>
    <row r="30" s="1" customFormat="1" x14ac:dyDescent="0.3"/>
    <row r="31" s="1" customFormat="1" x14ac:dyDescent="0.3"/>
    <row r="32" s="1" customFormat="1" x14ac:dyDescent="0.3"/>
    <row r="33" s="1" customFormat="1" x14ac:dyDescent="0.3"/>
    <row r="34" s="1" customFormat="1" x14ac:dyDescent="0.3"/>
    <row r="35" s="1" customFormat="1" x14ac:dyDescent="0.3"/>
    <row r="36" s="1" customFormat="1" x14ac:dyDescent="0.3"/>
    <row r="37" s="1" customFormat="1" x14ac:dyDescent="0.3"/>
    <row r="38" s="1" customFormat="1" x14ac:dyDescent="0.3"/>
    <row r="39" s="1" customFormat="1" x14ac:dyDescent="0.3"/>
    <row r="40" s="1" customFormat="1" x14ac:dyDescent="0.3"/>
    <row r="41" s="1" customFormat="1" x14ac:dyDescent="0.3"/>
    <row r="42" s="1" customFormat="1" x14ac:dyDescent="0.3"/>
    <row r="43" s="1" customFormat="1" x14ac:dyDescent="0.3"/>
    <row r="44" s="1" customFormat="1" x14ac:dyDescent="0.3"/>
    <row r="45" s="1" customFormat="1" x14ac:dyDescent="0.3"/>
    <row r="46" s="1" customFormat="1" x14ac:dyDescent="0.3"/>
    <row r="47" s="1" customFormat="1" x14ac:dyDescent="0.3"/>
    <row r="48" s="1" customFormat="1" x14ac:dyDescent="0.3"/>
    <row r="49" s="1" customFormat="1" x14ac:dyDescent="0.3"/>
    <row r="50" s="1" customFormat="1" x14ac:dyDescent="0.3"/>
    <row r="51" s="1" customFormat="1" x14ac:dyDescent="0.3"/>
    <row r="52" s="1" customFormat="1" x14ac:dyDescent="0.3"/>
    <row r="53" s="1" customFormat="1" x14ac:dyDescent="0.3"/>
    <row r="54" s="1" customFormat="1" x14ac:dyDescent="0.3"/>
    <row r="55" s="1" customFormat="1" x14ac:dyDescent="0.3"/>
    <row r="56" s="1" customFormat="1" x14ac:dyDescent="0.3"/>
    <row r="57" s="1" customFormat="1" x14ac:dyDescent="0.3"/>
    <row r="58" s="1" customFormat="1" x14ac:dyDescent="0.3"/>
    <row r="59" s="1" customFormat="1" x14ac:dyDescent="0.3"/>
    <row r="60" s="1" customFormat="1" x14ac:dyDescent="0.3"/>
    <row r="61" s="1" customFormat="1" x14ac:dyDescent="0.3"/>
    <row r="62" s="1" customFormat="1" x14ac:dyDescent="0.3"/>
    <row r="63" s="1" customFormat="1" x14ac:dyDescent="0.3"/>
    <row r="64" s="1" customFormat="1" x14ac:dyDescent="0.3"/>
    <row r="65" spans="1:8" x14ac:dyDescent="0.3">
      <c r="A65" s="1"/>
      <c r="F65" s="1"/>
    </row>
    <row r="66" spans="1:8" x14ac:dyDescent="0.3">
      <c r="A66" s="1"/>
      <c r="F66" s="1"/>
    </row>
    <row r="67" spans="1:8" x14ac:dyDescent="0.3">
      <c r="F67" s="6">
        <v>40221</v>
      </c>
      <c r="G67" s="8">
        <v>0.20729422222222221</v>
      </c>
      <c r="H67" s="8">
        <v>-3.4447502949272473E-4</v>
      </c>
    </row>
    <row r="68" spans="1:8" x14ac:dyDescent="0.3">
      <c r="F68" s="6">
        <v>40228</v>
      </c>
      <c r="G68" s="8">
        <v>0.20938888888888887</v>
      </c>
      <c r="H68" s="8">
        <v>-1.4775510204081456E-4</v>
      </c>
    </row>
    <row r="69" spans="1:8" x14ac:dyDescent="0.3">
      <c r="F69" s="6">
        <v>40235</v>
      </c>
      <c r="G69" s="8">
        <v>0.22270809523809523</v>
      </c>
      <c r="H69" s="8">
        <v>-1.1774325429272255E-4</v>
      </c>
    </row>
    <row r="70" spans="1:8" x14ac:dyDescent="0.3">
      <c r="F70" s="6">
        <v>40242</v>
      </c>
      <c r="G70" s="8">
        <v>0.23325000000000001</v>
      </c>
      <c r="H70" s="8">
        <v>3.0187110187110373E-4</v>
      </c>
    </row>
    <row r="71" spans="1:8" x14ac:dyDescent="0.3">
      <c r="F71" s="6">
        <v>40249</v>
      </c>
      <c r="G71" s="8">
        <v>0.25899277777777779</v>
      </c>
      <c r="H71" s="8">
        <v>7.8052982985138788E-4</v>
      </c>
    </row>
    <row r="72" spans="1:8" x14ac:dyDescent="0.3">
      <c r="F72" s="6">
        <v>40256</v>
      </c>
      <c r="G72" s="8">
        <v>0.27463235294117649</v>
      </c>
      <c r="H72" s="8">
        <v>3.387850467289723E-3</v>
      </c>
    </row>
    <row r="73" spans="1:8" x14ac:dyDescent="0.3">
      <c r="F73" s="6">
        <v>40263</v>
      </c>
      <c r="G73" s="8">
        <v>0.26842857142857146</v>
      </c>
      <c r="H73" s="8">
        <v>4.0677220756376448E-3</v>
      </c>
    </row>
    <row r="74" spans="1:8" x14ac:dyDescent="0.3">
      <c r="F74" s="6">
        <v>40270</v>
      </c>
      <c r="G74" s="8">
        <v>0.27448529411764705</v>
      </c>
      <c r="H74" s="8">
        <v>4.3170103092783491E-3</v>
      </c>
    </row>
    <row r="75" spans="1:8" x14ac:dyDescent="0.3">
      <c r="F75" s="6">
        <v>40277</v>
      </c>
      <c r="G75" s="8">
        <v>0.27658058823529413</v>
      </c>
      <c r="H75" s="8">
        <v>5.1492666091458167E-3</v>
      </c>
    </row>
    <row r="76" spans="1:8" x14ac:dyDescent="0.3">
      <c r="F76" s="6">
        <v>40284</v>
      </c>
      <c r="G76" s="8">
        <v>0.27691176470588236</v>
      </c>
      <c r="H76" s="8">
        <v>6.0761648745519745E-3</v>
      </c>
    </row>
    <row r="77" spans="1:8" x14ac:dyDescent="0.3">
      <c r="F77" s="6">
        <v>40291</v>
      </c>
      <c r="G77" s="8">
        <v>0.27694823529411766</v>
      </c>
      <c r="H77" s="8">
        <v>7.6414233576642347E-3</v>
      </c>
    </row>
    <row r="78" spans="1:8" x14ac:dyDescent="0.3">
      <c r="F78" s="6">
        <v>40298</v>
      </c>
      <c r="G78" s="8">
        <v>0.27617647058823525</v>
      </c>
      <c r="H78" s="8">
        <v>9.7873708381171071E-3</v>
      </c>
    </row>
    <row r="79" spans="1:8" x14ac:dyDescent="0.3">
      <c r="F79" s="6">
        <v>40305</v>
      </c>
      <c r="G79" s="8">
        <v>0.27562470588235294</v>
      </c>
      <c r="H79" s="8">
        <v>1.2845159035302344E-2</v>
      </c>
    </row>
    <row r="80" spans="1:8" x14ac:dyDescent="0.3">
      <c r="F80" s="6">
        <v>40312</v>
      </c>
      <c r="G80" s="8">
        <v>0.27672764705882352</v>
      </c>
      <c r="H80" s="8">
        <v>1.5992782678428227E-2</v>
      </c>
    </row>
    <row r="81" spans="6:8" x14ac:dyDescent="0.3">
      <c r="F81" s="6">
        <v>40319</v>
      </c>
      <c r="G81" s="8">
        <v>0.2761764705882353</v>
      </c>
      <c r="H81" s="8">
        <v>1.5767136150234742E-2</v>
      </c>
    </row>
    <row r="82" spans="6:8" x14ac:dyDescent="0.3">
      <c r="F82" s="6">
        <v>40326</v>
      </c>
      <c r="G82" s="8">
        <v>0.27760999999999997</v>
      </c>
      <c r="H82" s="8">
        <v>2.1748924228250699E-2</v>
      </c>
    </row>
    <row r="83" spans="6:8" x14ac:dyDescent="0.3">
      <c r="F83" s="6">
        <v>40333</v>
      </c>
      <c r="G83" s="8">
        <v>0.27602941176470586</v>
      </c>
      <c r="H83" s="8">
        <v>2.1867261572783049E-2</v>
      </c>
    </row>
    <row r="84" spans="6:8" x14ac:dyDescent="0.3">
      <c r="F84" s="6">
        <v>40340</v>
      </c>
      <c r="G84" s="8">
        <v>0.27514705882352941</v>
      </c>
      <c r="H84" s="8">
        <v>2.3248618784530387E-2</v>
      </c>
    </row>
    <row r="85" spans="6:8" x14ac:dyDescent="0.3">
      <c r="F85" s="6">
        <v>40347</v>
      </c>
      <c r="G85" s="8">
        <v>0.27544117647058824</v>
      </c>
      <c r="H85" s="8">
        <v>2.4661384487072557E-2</v>
      </c>
    </row>
    <row r="86" spans="6:8" x14ac:dyDescent="0.3">
      <c r="F86" s="6">
        <v>40354</v>
      </c>
      <c r="G86" s="8">
        <v>0.27643352941176469</v>
      </c>
      <c r="H86" s="8">
        <v>2.2932169773899246E-2</v>
      </c>
    </row>
    <row r="87" spans="6:8" x14ac:dyDescent="0.3">
      <c r="F87" s="6">
        <v>40361</v>
      </c>
      <c r="G87" s="8">
        <v>0.2747</v>
      </c>
      <c r="H87" s="8">
        <v>2.2134202453987735E-2</v>
      </c>
    </row>
    <row r="88" spans="6:8" x14ac:dyDescent="0.3">
      <c r="F88" s="6">
        <v>40368</v>
      </c>
      <c r="G88" s="8">
        <v>0.27580882352941177</v>
      </c>
      <c r="H88" s="8">
        <v>2.4280398096062313E-2</v>
      </c>
    </row>
    <row r="89" spans="6:8" x14ac:dyDescent="0.3">
      <c r="F89" s="6">
        <v>40375</v>
      </c>
      <c r="G89" s="8">
        <v>0.27356000000000003</v>
      </c>
      <c r="H89" s="8">
        <v>2.2026252983293557E-2</v>
      </c>
    </row>
    <row r="90" spans="6:8" x14ac:dyDescent="0.3">
      <c r="F90" s="6">
        <v>40382</v>
      </c>
      <c r="G90" s="8">
        <v>0.27400705882352944</v>
      </c>
      <c r="H90" s="8">
        <v>2.1585051546391749E-2</v>
      </c>
    </row>
    <row r="91" spans="6:8" x14ac:dyDescent="0.3">
      <c r="F91" s="6">
        <v>40389</v>
      </c>
      <c r="G91" s="8">
        <v>0.27496294117647058</v>
      </c>
      <c r="H91" s="8">
        <v>1.8325021496130692E-2</v>
      </c>
    </row>
    <row r="92" spans="6:8" x14ac:dyDescent="0.3">
      <c r="F92" s="6">
        <v>40396</v>
      </c>
      <c r="G92" s="8">
        <v>0.27382352941176469</v>
      </c>
      <c r="H92" s="8">
        <v>1.4555886102847429E-2</v>
      </c>
    </row>
    <row r="93" spans="6:8" x14ac:dyDescent="0.3">
      <c r="F93" s="6">
        <v>40403</v>
      </c>
      <c r="G93" s="8">
        <v>0.27264705882352941</v>
      </c>
      <c r="H93" s="8">
        <v>1.100872154860668E-2</v>
      </c>
    </row>
    <row r="94" spans="6:8" x14ac:dyDescent="0.3">
      <c r="F94" s="6">
        <v>40410</v>
      </c>
      <c r="G94" s="8">
        <v>0.27477941176470594</v>
      </c>
      <c r="H94" s="8">
        <v>7.7357845233005573E-3</v>
      </c>
    </row>
    <row r="95" spans="6:8" x14ac:dyDescent="0.3">
      <c r="F95" s="6">
        <v>40417</v>
      </c>
      <c r="G95" s="8">
        <v>0.27453647058823527</v>
      </c>
      <c r="H95" s="8">
        <v>5.31914893617021E-3</v>
      </c>
    </row>
    <row r="96" spans="6:8" x14ac:dyDescent="0.3">
      <c r="F96" s="6">
        <v>40424</v>
      </c>
      <c r="G96" s="8">
        <v>0.2752941176470588</v>
      </c>
      <c r="H96" s="8">
        <v>5.0982142857142858E-3</v>
      </c>
    </row>
    <row r="97" spans="6:8" x14ac:dyDescent="0.3">
      <c r="F97" s="6">
        <v>40431</v>
      </c>
      <c r="G97" s="8">
        <v>0.27619117647058827</v>
      </c>
      <c r="H97" s="8">
        <v>5.0935367322360496E-3</v>
      </c>
    </row>
    <row r="98" spans="6:8" x14ac:dyDescent="0.3">
      <c r="F98" s="6">
        <v>40438</v>
      </c>
      <c r="G98" s="8">
        <v>0.27481588235294113</v>
      </c>
      <c r="H98" s="8">
        <v>6.0745672436750987E-3</v>
      </c>
    </row>
    <row r="99" spans="6:8" x14ac:dyDescent="0.3">
      <c r="F99" s="6">
        <v>40445</v>
      </c>
      <c r="G99" s="8">
        <v>0.27562470588235294</v>
      </c>
      <c r="H99" s="8">
        <v>6.1322820849759128E-3</v>
      </c>
    </row>
    <row r="100" spans="6:8" x14ac:dyDescent="0.3">
      <c r="F100" s="6">
        <v>40452</v>
      </c>
      <c r="G100" s="8">
        <v>0.27441176470588236</v>
      </c>
      <c r="H100" s="8">
        <v>6.7768817204301073E-3</v>
      </c>
    </row>
    <row r="101" spans="6:8" x14ac:dyDescent="0.3">
      <c r="F101" s="6">
        <v>40459</v>
      </c>
      <c r="G101" s="8">
        <v>0.2736764705882353</v>
      </c>
      <c r="H101" s="8">
        <v>6.7490967482938579E-3</v>
      </c>
    </row>
    <row r="102" spans="6:8" x14ac:dyDescent="0.3">
      <c r="F102" s="6">
        <v>40466</v>
      </c>
      <c r="G102" s="8">
        <v>0.27477941176470588</v>
      </c>
      <c r="H102" s="8">
        <v>7.4883913764510757E-3</v>
      </c>
    </row>
    <row r="103" spans="6:8" x14ac:dyDescent="0.3">
      <c r="F103" s="6">
        <v>40473</v>
      </c>
      <c r="G103" s="8">
        <v>0.27393352941176474</v>
      </c>
      <c r="H103" s="8">
        <v>7.6436732966567904E-3</v>
      </c>
    </row>
    <row r="104" spans="6:8" x14ac:dyDescent="0.3">
      <c r="F104" s="6">
        <v>40480</v>
      </c>
      <c r="G104" s="8">
        <v>0.27371294117647055</v>
      </c>
      <c r="H104" s="8">
        <v>7.4433765148349375E-3</v>
      </c>
    </row>
    <row r="105" spans="6:8" x14ac:dyDescent="0.3">
      <c r="F105" s="6">
        <v>40487</v>
      </c>
      <c r="G105" s="8">
        <v>0.27345588235294116</v>
      </c>
      <c r="H105" s="8">
        <v>8.0558810274898585E-3</v>
      </c>
    </row>
    <row r="106" spans="6:8" x14ac:dyDescent="0.3">
      <c r="F106" s="6">
        <v>40494</v>
      </c>
      <c r="G106" s="8">
        <v>0.27562470588235294</v>
      </c>
      <c r="H106" s="8">
        <v>7.9505300353356918E-3</v>
      </c>
    </row>
    <row r="107" spans="6:8" x14ac:dyDescent="0.3">
      <c r="F107" s="6">
        <v>40501</v>
      </c>
      <c r="G107" s="8">
        <v>0.27555117647058819</v>
      </c>
      <c r="H107" s="8">
        <v>8.2750582750582783E-3</v>
      </c>
    </row>
    <row r="108" spans="6:8" x14ac:dyDescent="0.3">
      <c r="F108" s="6">
        <v>40508</v>
      </c>
      <c r="G108" s="8">
        <v>0.27507352941176472</v>
      </c>
      <c r="H108" s="8">
        <v>9.4756671899529007E-3</v>
      </c>
    </row>
    <row r="109" spans="6:8" x14ac:dyDescent="0.3">
      <c r="F109" s="6">
        <v>40515</v>
      </c>
      <c r="G109" s="8">
        <v>0.2752941176470588</v>
      </c>
      <c r="H109" s="8">
        <v>1.0949751018560433E-2</v>
      </c>
    </row>
    <row r="110" spans="6:8" x14ac:dyDescent="0.3">
      <c r="F110" s="6">
        <v>40522</v>
      </c>
      <c r="G110" s="8">
        <v>0.27661764705882352</v>
      </c>
      <c r="H110" s="8">
        <v>1.0398253275109171E-2</v>
      </c>
    </row>
    <row r="111" spans="6:8" x14ac:dyDescent="0.3">
      <c r="F111" s="6">
        <v>40529</v>
      </c>
      <c r="G111" s="8">
        <v>0.27738941176470588</v>
      </c>
      <c r="H111" s="8">
        <v>1.0696236559139788E-2</v>
      </c>
    </row>
    <row r="112" spans="6:8" x14ac:dyDescent="0.3">
      <c r="F112" s="6">
        <v>40536</v>
      </c>
      <c r="G112" s="8">
        <v>0.27606588235294116</v>
      </c>
      <c r="H112" s="8">
        <v>1.0534302589731943E-2</v>
      </c>
    </row>
    <row r="113" spans="6:8" x14ac:dyDescent="0.3">
      <c r="F113" s="6">
        <v>40543</v>
      </c>
      <c r="G113" s="8">
        <v>0.27569823529411763</v>
      </c>
      <c r="H113" s="8">
        <v>9.9290043290043307E-3</v>
      </c>
    </row>
    <row r="114" spans="6:8" x14ac:dyDescent="0.3">
      <c r="F114" s="6">
        <v>40550</v>
      </c>
      <c r="G114" s="8">
        <v>0.27398529411764705</v>
      </c>
      <c r="H114" s="8">
        <v>1.0434939216569114E-2</v>
      </c>
    </row>
    <row r="115" spans="6:8" x14ac:dyDescent="0.3">
      <c r="F115" s="6">
        <v>40557</v>
      </c>
      <c r="G115" s="8">
        <v>0.27389705882352944</v>
      </c>
      <c r="H115" s="8">
        <v>1.065486725663717E-2</v>
      </c>
    </row>
    <row r="116" spans="6:8" x14ac:dyDescent="0.3">
      <c r="F116" s="6">
        <v>40564</v>
      </c>
      <c r="G116" s="8">
        <v>0.27507352941176472</v>
      </c>
      <c r="H116" s="8">
        <v>1.061777674634486E-2</v>
      </c>
    </row>
    <row r="117" spans="6:8" x14ac:dyDescent="0.3">
      <c r="F117" s="6">
        <v>40571</v>
      </c>
      <c r="G117" s="8">
        <v>0.27419117647058822</v>
      </c>
      <c r="H117" s="8">
        <v>1.1280975609756097E-2</v>
      </c>
    </row>
    <row r="118" spans="6:8" x14ac:dyDescent="0.3">
      <c r="F118" s="6">
        <v>40578</v>
      </c>
      <c r="G118" s="8">
        <v>0.27382352941176469</v>
      </c>
      <c r="H118" s="8">
        <v>1.1571428571428571E-2</v>
      </c>
    </row>
    <row r="119" spans="6:8" x14ac:dyDescent="0.3">
      <c r="F119" s="6">
        <v>40585</v>
      </c>
      <c r="G119" s="8">
        <v>0.27389705882352944</v>
      </c>
      <c r="H119" s="8">
        <v>1.2139716658524671E-2</v>
      </c>
    </row>
    <row r="120" spans="6:8" x14ac:dyDescent="0.3">
      <c r="F120" s="6">
        <v>40592</v>
      </c>
      <c r="G120" s="8">
        <v>0.27499999999999997</v>
      </c>
      <c r="H120" s="8">
        <v>1.263537906137184E-2</v>
      </c>
    </row>
    <row r="121" spans="6:8" x14ac:dyDescent="0.3">
      <c r="F121" s="6">
        <v>40599</v>
      </c>
      <c r="G121" s="8">
        <v>0.2735323529411765</v>
      </c>
      <c r="H121" s="8">
        <v>1.1566440349175557E-2</v>
      </c>
    </row>
    <row r="122" spans="6:8" x14ac:dyDescent="0.3">
      <c r="F122" s="6">
        <v>40606</v>
      </c>
      <c r="G122" s="8">
        <v>0.27198529411764705</v>
      </c>
      <c r="H122" s="8">
        <v>1.1962569549822964E-2</v>
      </c>
    </row>
    <row r="123" spans="6:8" x14ac:dyDescent="0.3">
      <c r="F123" s="6">
        <v>40613</v>
      </c>
      <c r="G123" s="8">
        <v>0.27250000000000002</v>
      </c>
      <c r="H123" s="8">
        <v>1.1462160176340925E-2</v>
      </c>
    </row>
    <row r="124" spans="6:8" x14ac:dyDescent="0.3">
      <c r="F124" s="6">
        <v>40620</v>
      </c>
      <c r="G124" s="8">
        <v>0.27379999999999999</v>
      </c>
      <c r="H124" s="8">
        <v>8.1071030122722189E-3</v>
      </c>
    </row>
    <row r="125" spans="6:8" x14ac:dyDescent="0.3">
      <c r="F125" s="6">
        <v>40627</v>
      </c>
      <c r="G125" s="8">
        <v>0.27205882352941174</v>
      </c>
      <c r="H125" s="8">
        <v>9.8218364550022828E-3</v>
      </c>
    </row>
    <row r="126" spans="6:8" x14ac:dyDescent="0.3">
      <c r="F126" s="6">
        <v>40634</v>
      </c>
      <c r="G126" s="8">
        <v>0.27470588235294119</v>
      </c>
      <c r="H126" s="8">
        <v>8.817110432125708E-3</v>
      </c>
    </row>
    <row r="127" spans="6:8" x14ac:dyDescent="0.3">
      <c r="F127" s="6">
        <v>40641</v>
      </c>
      <c r="G127" s="8">
        <v>0.27158058823529413</v>
      </c>
      <c r="H127" s="8">
        <v>7.5135834411384217E-3</v>
      </c>
    </row>
    <row r="128" spans="6:8" x14ac:dyDescent="0.3">
      <c r="F128" s="6">
        <v>40648</v>
      </c>
      <c r="G128" s="8">
        <v>0.27420411764705888</v>
      </c>
      <c r="H128" s="8">
        <v>6.571183533447684E-3</v>
      </c>
    </row>
    <row r="129" spans="6:8" x14ac:dyDescent="0.3">
      <c r="F129" s="6">
        <v>40655</v>
      </c>
      <c r="G129" s="8">
        <v>0.27334529411764708</v>
      </c>
      <c r="H129" s="8">
        <v>6.5021496130696467E-3</v>
      </c>
    </row>
    <row r="130" spans="6:8" x14ac:dyDescent="0.3">
      <c r="F130" s="6">
        <v>40662</v>
      </c>
      <c r="G130" s="8">
        <v>0.27319823529411763</v>
      </c>
      <c r="H130" s="8">
        <v>7.1112132352941192E-3</v>
      </c>
    </row>
    <row r="131" spans="6:8" x14ac:dyDescent="0.3">
      <c r="F131" s="6">
        <v>40669</v>
      </c>
      <c r="G131" s="8">
        <v>0.27274529411764703</v>
      </c>
      <c r="H131" s="8">
        <v>6.2605263157894751E-3</v>
      </c>
    </row>
    <row r="132" spans="6:8" x14ac:dyDescent="0.3">
      <c r="F132" s="6">
        <v>40676</v>
      </c>
      <c r="G132" s="8">
        <v>0.27319823529411763</v>
      </c>
      <c r="H132" s="8">
        <v>5.8945933666515226E-3</v>
      </c>
    </row>
    <row r="133" spans="6:8" x14ac:dyDescent="0.3">
      <c r="F133" s="6">
        <v>40683</v>
      </c>
      <c r="G133" s="8">
        <v>0.27260999999999996</v>
      </c>
      <c r="H133" s="8">
        <v>5.7741483901073273E-3</v>
      </c>
    </row>
    <row r="134" spans="6:8" x14ac:dyDescent="0.3">
      <c r="F134" s="6">
        <v>40690</v>
      </c>
      <c r="G134" s="8">
        <v>0.27349235294117641</v>
      </c>
      <c r="H134" s="8">
        <v>5.4746240601503751E-3</v>
      </c>
    </row>
    <row r="135" spans="6:8" x14ac:dyDescent="0.3">
      <c r="F135" s="6">
        <v>40697</v>
      </c>
      <c r="G135" s="8">
        <v>0.27380529411764704</v>
      </c>
      <c r="H135" s="8">
        <v>5.4196940726577427E-3</v>
      </c>
    </row>
    <row r="136" spans="6:8" x14ac:dyDescent="0.3">
      <c r="F136" s="6">
        <v>40704</v>
      </c>
      <c r="G136" s="8">
        <v>0.27409941176470592</v>
      </c>
      <c r="H136" s="8">
        <v>5.2794044665012401E-3</v>
      </c>
    </row>
    <row r="137" spans="6:8" x14ac:dyDescent="0.3">
      <c r="F137" s="6">
        <v>40711</v>
      </c>
      <c r="G137" s="8">
        <v>0.2718935294117647</v>
      </c>
      <c r="H137" s="8">
        <v>4.9602713178294559E-3</v>
      </c>
    </row>
    <row r="138" spans="6:8" x14ac:dyDescent="0.3">
      <c r="F138" s="6">
        <v>40718</v>
      </c>
      <c r="G138" s="8">
        <v>0.2735111764705882</v>
      </c>
      <c r="H138" s="8">
        <v>5.1860524306439285E-3</v>
      </c>
    </row>
    <row r="139" spans="6:8" x14ac:dyDescent="0.3">
      <c r="F139" s="6">
        <v>40725</v>
      </c>
      <c r="G139" s="8">
        <v>0.27413470588235295</v>
      </c>
      <c r="H139" s="8">
        <v>5.3094736842105245E-3</v>
      </c>
    </row>
    <row r="140" spans="6:8" x14ac:dyDescent="0.3">
      <c r="F140" s="6">
        <v>40732</v>
      </c>
      <c r="G140" s="8">
        <v>0.27315823529411765</v>
      </c>
      <c r="H140" s="8">
        <v>5.5973524544953093E-3</v>
      </c>
    </row>
    <row r="141" spans="6:8" x14ac:dyDescent="0.3">
      <c r="F141" s="6">
        <v>40739</v>
      </c>
      <c r="G141" s="8">
        <v>0.27104647058823528</v>
      </c>
      <c r="H141" s="8">
        <v>5.3034583536288342E-3</v>
      </c>
    </row>
    <row r="142" spans="6:8" x14ac:dyDescent="0.3">
      <c r="F142" s="6">
        <v>40746</v>
      </c>
      <c r="G142" s="8">
        <v>0.27071705882352942</v>
      </c>
      <c r="H142" s="8">
        <v>5.858339680121857E-3</v>
      </c>
    </row>
    <row r="143" spans="6:8" x14ac:dyDescent="0.3">
      <c r="F143" s="6">
        <v>40753</v>
      </c>
      <c r="G143" s="8">
        <v>0.27115823529411764</v>
      </c>
      <c r="H143" s="8">
        <v>5.3054208902600253E-3</v>
      </c>
    </row>
    <row r="144" spans="6:8" x14ac:dyDescent="0.3">
      <c r="F144" s="6">
        <v>40760</v>
      </c>
      <c r="G144" s="8">
        <v>0.27204058823529415</v>
      </c>
      <c r="H144" s="8">
        <v>6.9775948788294469E-3</v>
      </c>
    </row>
    <row r="145" spans="6:8" x14ac:dyDescent="0.3">
      <c r="F145" s="6">
        <v>40767</v>
      </c>
      <c r="G145" s="8">
        <v>0.25452320441988946</v>
      </c>
      <c r="H145" s="8">
        <v>7.6413086322428053E-3</v>
      </c>
    </row>
    <row r="146" spans="6:8" x14ac:dyDescent="0.3">
      <c r="F146" s="6">
        <v>40774</v>
      </c>
      <c r="G146" s="8">
        <v>0.26285584045584043</v>
      </c>
      <c r="H146" s="8">
        <v>9.3378151260504194E-3</v>
      </c>
    </row>
    <row r="147" spans="6:8" x14ac:dyDescent="0.3">
      <c r="F147" s="6">
        <v>40781</v>
      </c>
      <c r="G147" s="8">
        <v>0.29497556270096464</v>
      </c>
      <c r="H147" s="8">
        <v>1.1509098979138927E-2</v>
      </c>
    </row>
    <row r="148" spans="6:8" x14ac:dyDescent="0.3">
      <c r="F148" s="6">
        <v>40788</v>
      </c>
      <c r="G148" s="8">
        <v>0.32345371024734976</v>
      </c>
      <c r="H148" s="8">
        <v>1.2625631603123567E-2</v>
      </c>
    </row>
    <row r="149" spans="6:8" x14ac:dyDescent="0.3">
      <c r="F149" s="6">
        <v>40795</v>
      </c>
      <c r="G149" s="8">
        <v>0.34650190114068441</v>
      </c>
      <c r="H149" s="8">
        <v>1.2954260089686099E-2</v>
      </c>
    </row>
    <row r="150" spans="6:8" x14ac:dyDescent="0.3">
      <c r="F150" s="6">
        <v>40802</v>
      </c>
      <c r="G150" s="8">
        <v>0.37195918367346936</v>
      </c>
      <c r="H150" s="8">
        <v>1.464439805149617E-2</v>
      </c>
    </row>
    <row r="151" spans="6:8" x14ac:dyDescent="0.3">
      <c r="F151" s="6">
        <v>40809</v>
      </c>
      <c r="G151" s="8">
        <v>0.39457264957264954</v>
      </c>
      <c r="H151" s="8">
        <v>1.3618133551153766E-2</v>
      </c>
    </row>
    <row r="152" spans="6:8" x14ac:dyDescent="0.3">
      <c r="F152" s="6">
        <v>40816</v>
      </c>
      <c r="G152" s="8">
        <v>0.18107179487179484</v>
      </c>
      <c r="H152" s="8">
        <v>1.6212325686009898E-2</v>
      </c>
    </row>
    <row r="153" spans="6:8" x14ac:dyDescent="0.3">
      <c r="F153" s="6">
        <v>40823</v>
      </c>
      <c r="G153" s="8">
        <v>0.20609282511210761</v>
      </c>
      <c r="H153" s="8">
        <v>1.9757271815446339E-2</v>
      </c>
    </row>
    <row r="154" spans="6:8" x14ac:dyDescent="0.3">
      <c r="F154" s="6">
        <v>40830</v>
      </c>
      <c r="G154" s="8">
        <v>0.2384518134715026</v>
      </c>
      <c r="H154" s="8">
        <v>2.1704510108864702E-2</v>
      </c>
    </row>
    <row r="155" spans="6:8" x14ac:dyDescent="0.3">
      <c r="F155" s="6">
        <v>40837</v>
      </c>
      <c r="G155" s="8">
        <v>0.18988512396694215</v>
      </c>
      <c r="H155" s="8">
        <v>2.18578431372549E-2</v>
      </c>
    </row>
    <row r="156" spans="6:8" x14ac:dyDescent="0.3">
      <c r="F156" s="6">
        <v>40844</v>
      </c>
      <c r="G156" s="8">
        <v>0.19922597402597403</v>
      </c>
      <c r="H156" s="8">
        <v>2.3014749262536872E-2</v>
      </c>
    </row>
    <row r="157" spans="6:8" x14ac:dyDescent="0.3">
      <c r="F157" s="6">
        <v>40851</v>
      </c>
      <c r="G157" s="8">
        <v>0.21102064220183486</v>
      </c>
      <c r="H157" s="8">
        <v>2.4859190988223243E-2</v>
      </c>
    </row>
    <row r="158" spans="6:8" x14ac:dyDescent="0.3">
      <c r="F158" s="6">
        <v>40858</v>
      </c>
      <c r="G158" s="8">
        <v>0.21589555035128802</v>
      </c>
      <c r="H158" s="8">
        <v>2.6237713139418251E-2</v>
      </c>
    </row>
    <row r="159" spans="6:8" x14ac:dyDescent="0.3">
      <c r="F159" s="6">
        <v>40865</v>
      </c>
      <c r="G159" s="8">
        <v>0.21892857142857144</v>
      </c>
      <c r="H159" s="8">
        <v>3.0229627701119501E-2</v>
      </c>
    </row>
    <row r="160" spans="6:8" x14ac:dyDescent="0.3">
      <c r="F160" s="6">
        <v>40872</v>
      </c>
      <c r="G160" s="8">
        <v>0.21453488372093021</v>
      </c>
      <c r="H160" s="8">
        <v>3.1629008386778484E-2</v>
      </c>
    </row>
    <row r="161" spans="6:8" x14ac:dyDescent="0.3">
      <c r="F161" s="6">
        <v>40879</v>
      </c>
      <c r="G161" s="8">
        <v>0.23103015075376887</v>
      </c>
      <c r="H161" s="8">
        <v>3.3844501278772372E-2</v>
      </c>
    </row>
    <row r="162" spans="6:8" x14ac:dyDescent="0.3">
      <c r="F162" s="6">
        <v>40886</v>
      </c>
      <c r="G162" s="8">
        <v>0.23187386934673365</v>
      </c>
      <c r="H162" s="8">
        <v>3.5840497151734853E-2</v>
      </c>
    </row>
    <row r="163" spans="6:8" x14ac:dyDescent="0.3">
      <c r="F163" s="6">
        <v>40893</v>
      </c>
      <c r="G163" s="8">
        <v>0.24421755319148936</v>
      </c>
      <c r="H163" s="8">
        <v>4.1778283115406489E-2</v>
      </c>
    </row>
    <row r="164" spans="6:8" x14ac:dyDescent="0.3">
      <c r="F164" s="6">
        <v>40900</v>
      </c>
      <c r="G164" s="8">
        <v>0.25589388888888887</v>
      </c>
      <c r="H164" s="8">
        <v>4.2156405990016632E-2</v>
      </c>
    </row>
    <row r="165" spans="6:8" x14ac:dyDescent="0.3">
      <c r="F165" s="6">
        <v>40907</v>
      </c>
      <c r="G165" s="8">
        <v>0.26330228571428571</v>
      </c>
      <c r="H165" s="8">
        <v>4.1982021247616449E-2</v>
      </c>
    </row>
    <row r="166" spans="6:8" x14ac:dyDescent="0.3">
      <c r="F166" s="6">
        <v>40914</v>
      </c>
      <c r="G166" s="8">
        <v>0.26498786127167628</v>
      </c>
      <c r="H166" s="8">
        <v>4.4625795257374208E-2</v>
      </c>
    </row>
    <row r="167" spans="6:8" x14ac:dyDescent="0.3">
      <c r="F167" s="6">
        <v>40921</v>
      </c>
      <c r="G167" s="8">
        <v>0.27760060422960725</v>
      </c>
      <c r="H167" s="8">
        <v>4.6295511221945133E-2</v>
      </c>
    </row>
    <row r="168" spans="6:8" x14ac:dyDescent="0.3">
      <c r="F168" s="6">
        <v>40928</v>
      </c>
      <c r="G168" s="8">
        <v>0.30410564784053157</v>
      </c>
      <c r="H168" s="8">
        <v>4.6266540044317829E-2</v>
      </c>
    </row>
    <row r="169" spans="6:8" x14ac:dyDescent="0.3">
      <c r="F169" s="6">
        <v>40935</v>
      </c>
      <c r="G169" s="8">
        <v>0.3022559210526316</v>
      </c>
      <c r="H169" s="8">
        <v>4.3740307692307696E-2</v>
      </c>
    </row>
    <row r="170" spans="6:8" x14ac:dyDescent="0.3">
      <c r="F170" s="6">
        <v>40942</v>
      </c>
      <c r="G170" s="8">
        <v>0.29231146496815291</v>
      </c>
      <c r="H170" s="8">
        <v>3.992648388068696E-2</v>
      </c>
    </row>
    <row r="171" spans="6:8" x14ac:dyDescent="0.3">
      <c r="F171" s="6">
        <v>40949</v>
      </c>
      <c r="G171" s="8">
        <v>0.29262993630573247</v>
      </c>
      <c r="H171" s="8">
        <v>3.6312463428905796E-2</v>
      </c>
    </row>
    <row r="172" spans="6:8" x14ac:dyDescent="0.3">
      <c r="F172" s="6">
        <v>40956</v>
      </c>
      <c r="G172" s="8">
        <v>0.29030316455696198</v>
      </c>
      <c r="H172" s="8">
        <v>3.205497170573969E-2</v>
      </c>
    </row>
    <row r="173" spans="6:8" x14ac:dyDescent="0.3">
      <c r="F173" s="6">
        <v>40963</v>
      </c>
      <c r="G173" s="8">
        <v>0.30292343234323432</v>
      </c>
      <c r="H173" s="8">
        <v>3.087853403141361E-2</v>
      </c>
    </row>
    <row r="174" spans="6:8" x14ac:dyDescent="0.3">
      <c r="F174" s="6">
        <v>40970</v>
      </c>
      <c r="G174" s="8">
        <v>0.29346730769230767</v>
      </c>
      <c r="H174" s="8">
        <v>2.8517311608961305E-2</v>
      </c>
    </row>
    <row r="175" spans="6:8" x14ac:dyDescent="0.3">
      <c r="F175" s="6">
        <v>40977</v>
      </c>
      <c r="G175" s="8">
        <v>0.28731383647798742</v>
      </c>
      <c r="H175" s="8">
        <v>2.570212765957447E-2</v>
      </c>
    </row>
    <row r="176" spans="6:8" x14ac:dyDescent="0.3">
      <c r="F176" s="6">
        <v>40984</v>
      </c>
      <c r="G176" s="8">
        <v>0.29103757961783439</v>
      </c>
      <c r="H176" s="8">
        <v>2.5824854819976775E-2</v>
      </c>
    </row>
    <row r="177" spans="6:8" x14ac:dyDescent="0.3">
      <c r="F177" s="6">
        <v>40991</v>
      </c>
      <c r="G177" s="8">
        <v>0.2931147435897436</v>
      </c>
      <c r="H177" s="8">
        <v>2.5712696941612607E-2</v>
      </c>
    </row>
    <row r="178" spans="6:8" x14ac:dyDescent="0.3">
      <c r="F178" s="6">
        <v>40998</v>
      </c>
      <c r="G178" s="8">
        <v>0.30495266666666665</v>
      </c>
      <c r="H178" s="8">
        <v>2.5653483992467047E-2</v>
      </c>
    </row>
    <row r="179" spans="6:8" x14ac:dyDescent="0.3">
      <c r="F179" s="6">
        <v>41005</v>
      </c>
      <c r="G179" s="8">
        <v>0.30028223684210525</v>
      </c>
      <c r="H179" s="8">
        <v>2.5747645951035784E-2</v>
      </c>
    </row>
    <row r="180" spans="6:8" x14ac:dyDescent="0.3">
      <c r="F180" s="6">
        <v>41012</v>
      </c>
      <c r="G180" s="8">
        <v>0.284999375</v>
      </c>
      <c r="H180" s="8">
        <v>2.8377754459601261E-2</v>
      </c>
    </row>
    <row r="181" spans="6:8" x14ac:dyDescent="0.3">
      <c r="F181" s="6">
        <v>41019</v>
      </c>
      <c r="G181" s="8">
        <v>0.27450242424242421</v>
      </c>
      <c r="H181" s="8">
        <v>2.7857585139318887E-2</v>
      </c>
    </row>
    <row r="182" spans="6:8" x14ac:dyDescent="0.3">
      <c r="F182" s="6">
        <v>41026</v>
      </c>
      <c r="G182" s="8">
        <v>0.28537868338557992</v>
      </c>
      <c r="H182" s="8">
        <v>3.1140057636887604E-2</v>
      </c>
    </row>
    <row r="183" spans="6:8" x14ac:dyDescent="0.3">
      <c r="F183" s="6">
        <v>41033</v>
      </c>
      <c r="G183" s="8">
        <v>0.29162115384615384</v>
      </c>
      <c r="H183" s="8">
        <v>3.0335766423357665E-2</v>
      </c>
    </row>
    <row r="184" spans="6:8" x14ac:dyDescent="0.3">
      <c r="F184" s="6">
        <v>41040</v>
      </c>
      <c r="G184" s="8">
        <v>0.27801762917933132</v>
      </c>
      <c r="H184" s="8">
        <v>3.1022883295194505E-2</v>
      </c>
    </row>
    <row r="185" spans="6:8" x14ac:dyDescent="0.3">
      <c r="F185" s="6">
        <v>41047</v>
      </c>
      <c r="G185" s="8">
        <v>0.2633596541786743</v>
      </c>
      <c r="H185" s="8">
        <v>2.7709759836484413E-2</v>
      </c>
    </row>
    <row r="186" spans="6:8" x14ac:dyDescent="0.3">
      <c r="F186" s="6">
        <v>41054</v>
      </c>
      <c r="G186" s="8">
        <v>0.26292737752161383</v>
      </c>
      <c r="H186" s="8">
        <v>2.9154838709677416E-2</v>
      </c>
    </row>
    <row r="187" spans="6:8" x14ac:dyDescent="0.3">
      <c r="F187" s="6">
        <v>41061</v>
      </c>
      <c r="G187" s="8">
        <v>0.25670168539325838</v>
      </c>
      <c r="H187" s="8">
        <v>2.7769387755102039E-2</v>
      </c>
    </row>
    <row r="188" spans="6:8" x14ac:dyDescent="0.3">
      <c r="F188" s="6">
        <v>41068</v>
      </c>
      <c r="G188" s="8">
        <v>0.26099083094555875</v>
      </c>
      <c r="H188" s="8">
        <v>2.9074786324786325E-2</v>
      </c>
    </row>
    <row r="189" spans="6:8" x14ac:dyDescent="0.3">
      <c r="F189" s="6">
        <v>41075</v>
      </c>
      <c r="G189" s="8">
        <v>0.25498826815642461</v>
      </c>
      <c r="H189" s="8">
        <v>2.9262365591397846E-2</v>
      </c>
    </row>
    <row r="190" spans="6:8" x14ac:dyDescent="0.3">
      <c r="F190" s="6">
        <v>41082</v>
      </c>
      <c r="G190" s="8">
        <v>0.28586187499999999</v>
      </c>
      <c r="H190" s="8">
        <v>2.9234744365035734E-2</v>
      </c>
    </row>
    <row r="191" spans="6:8" x14ac:dyDescent="0.3">
      <c r="F191" s="6">
        <v>41089</v>
      </c>
      <c r="G191" s="8">
        <v>0.28411739130434777</v>
      </c>
      <c r="H191" s="8">
        <v>2.9696188340807176E-2</v>
      </c>
    </row>
    <row r="192" spans="6:8" x14ac:dyDescent="0.3">
      <c r="F192" s="6">
        <v>41096</v>
      </c>
      <c r="G192" s="8">
        <v>0.27852378048780485</v>
      </c>
      <c r="H192" s="8">
        <v>3.0523310023310025E-2</v>
      </c>
    </row>
    <row r="193" spans="6:8" x14ac:dyDescent="0.3">
      <c r="F193" s="6">
        <v>41103</v>
      </c>
      <c r="G193" s="8">
        <v>0.350518320610687</v>
      </c>
      <c r="H193" s="8">
        <v>3.2627672955974844E-2</v>
      </c>
    </row>
    <row r="194" spans="6:8" x14ac:dyDescent="0.3">
      <c r="F194" s="6">
        <v>41110</v>
      </c>
      <c r="G194" s="8">
        <v>0.30392649006622519</v>
      </c>
      <c r="H194" s="8">
        <v>3.3713346482577254E-2</v>
      </c>
    </row>
    <row r="195" spans="6:8" x14ac:dyDescent="0.3">
      <c r="F195" s="6">
        <v>41117</v>
      </c>
      <c r="G195" s="8">
        <v>0.28636187499999999</v>
      </c>
      <c r="H195" s="8">
        <v>3.2593699253004225E-2</v>
      </c>
    </row>
    <row r="196" spans="6:8" x14ac:dyDescent="0.3">
      <c r="F196" s="6">
        <v>41124</v>
      </c>
      <c r="G196" s="8">
        <v>0.29050632911392404</v>
      </c>
      <c r="H196" s="8">
        <v>3.2098522167487688E-2</v>
      </c>
    </row>
    <row r="197" spans="6:8" x14ac:dyDescent="0.3">
      <c r="F197" s="6">
        <v>41131</v>
      </c>
      <c r="G197" s="8">
        <v>0.29869706840390881</v>
      </c>
      <c r="H197" s="8">
        <v>3.2537815126050418E-2</v>
      </c>
    </row>
    <row r="198" spans="6:8" x14ac:dyDescent="0.3">
      <c r="F198" s="6">
        <v>41138</v>
      </c>
      <c r="G198" s="8">
        <v>0.30036405228758173</v>
      </c>
      <c r="H198" s="8">
        <v>3.0738796414852755E-2</v>
      </c>
    </row>
    <row r="199" spans="6:8" x14ac:dyDescent="0.3">
      <c r="F199" s="6">
        <v>41145</v>
      </c>
      <c r="G199" s="8">
        <v>0.30266907894736844</v>
      </c>
      <c r="H199" s="8">
        <v>3.1672852233676975E-2</v>
      </c>
    </row>
    <row r="200" spans="6:8" x14ac:dyDescent="0.3">
      <c r="F200" s="6">
        <v>41152</v>
      </c>
      <c r="G200" s="8">
        <v>0.29752556634304211</v>
      </c>
      <c r="H200" s="8">
        <v>2.990247160988644E-2</v>
      </c>
    </row>
    <row r="201" spans="6:8" x14ac:dyDescent="0.3">
      <c r="F201" s="6">
        <v>41159</v>
      </c>
      <c r="G201" s="8">
        <v>0.3145440273037543</v>
      </c>
      <c r="H201" s="8">
        <v>2.993964912280702E-2</v>
      </c>
    </row>
    <row r="202" spans="6:8" x14ac:dyDescent="0.3">
      <c r="F202" s="6">
        <v>41166</v>
      </c>
      <c r="G202" s="8">
        <v>0.33864485294117647</v>
      </c>
      <c r="H202" s="8">
        <v>2.6484385843164468E-2</v>
      </c>
    </row>
    <row r="203" spans="6:8" x14ac:dyDescent="0.3">
      <c r="F203" s="6">
        <v>41173</v>
      </c>
      <c r="G203" s="8">
        <v>0.36194592476489029</v>
      </c>
      <c r="H203" s="8">
        <v>2.5069488536155204E-2</v>
      </c>
    </row>
    <row r="204" spans="6:8" x14ac:dyDescent="0.3">
      <c r="F204" s="6">
        <v>41180</v>
      </c>
      <c r="G204" s="8">
        <v>0.36927440000000006</v>
      </c>
      <c r="H204" s="8">
        <v>2.3804634581105169E-2</v>
      </c>
    </row>
    <row r="205" spans="6:8" x14ac:dyDescent="0.3">
      <c r="F205" s="6">
        <v>41187</v>
      </c>
      <c r="G205" s="8">
        <v>0.40525087719298236</v>
      </c>
      <c r="H205" s="8">
        <v>2.3921306607275428E-2</v>
      </c>
    </row>
    <row r="206" spans="6:8" x14ac:dyDescent="0.3">
      <c r="F206" s="6">
        <v>41194</v>
      </c>
      <c r="G206" s="8">
        <v>0.3655280632411067</v>
      </c>
      <c r="H206" s="8">
        <v>2.135287651154269E-2</v>
      </c>
    </row>
    <row r="207" spans="6:8" x14ac:dyDescent="0.3">
      <c r="F207" s="6">
        <v>41201</v>
      </c>
      <c r="G207" s="8">
        <v>0.39926120689655176</v>
      </c>
      <c r="H207" s="8">
        <v>1.8130327580133849E-2</v>
      </c>
    </row>
    <row r="208" spans="6:8" x14ac:dyDescent="0.3">
      <c r="F208" s="6">
        <v>41208</v>
      </c>
      <c r="G208" s="8">
        <v>0.38657749999999996</v>
      </c>
      <c r="H208" s="8">
        <v>1.6535809018567636E-2</v>
      </c>
    </row>
    <row r="209" spans="6:8" x14ac:dyDescent="0.3">
      <c r="F209" s="6">
        <v>41215</v>
      </c>
      <c r="G209" s="8">
        <v>0.39045630252100838</v>
      </c>
      <c r="H209" s="8">
        <v>1.639339933993399E-2</v>
      </c>
    </row>
    <row r="210" spans="6:8" x14ac:dyDescent="0.3">
      <c r="F210" s="6">
        <v>41222</v>
      </c>
      <c r="G210" s="8">
        <v>0.40150258620689655</v>
      </c>
      <c r="H210" s="8">
        <v>1.6708634330925353E-2</v>
      </c>
    </row>
    <row r="211" spans="6:8" x14ac:dyDescent="0.3">
      <c r="F211" s="6">
        <v>41229</v>
      </c>
      <c r="G211" s="8">
        <v>0.33434748201438846</v>
      </c>
      <c r="H211" s="8">
        <v>1.4982327848872641E-2</v>
      </c>
    </row>
    <row r="212" spans="6:8" x14ac:dyDescent="0.3">
      <c r="F212" s="6">
        <v>41236</v>
      </c>
      <c r="G212" s="8">
        <v>0.4018474137931034</v>
      </c>
      <c r="H212" s="8">
        <v>1.4049142857142859E-2</v>
      </c>
    </row>
    <row r="213" spans="6:8" x14ac:dyDescent="0.3">
      <c r="F213" s="6">
        <v>41243</v>
      </c>
      <c r="G213" s="8">
        <v>0.40176637931034476</v>
      </c>
      <c r="H213" s="8">
        <v>1.4360184119677794E-2</v>
      </c>
    </row>
    <row r="214" spans="6:8" x14ac:dyDescent="0.3">
      <c r="F214" s="6">
        <v>41250</v>
      </c>
      <c r="G214" s="8">
        <v>0.33275500000000002</v>
      </c>
      <c r="H214" s="8">
        <v>1.5183165382335505E-2</v>
      </c>
    </row>
    <row r="215" spans="6:8" x14ac:dyDescent="0.3">
      <c r="F215" s="6">
        <v>41257</v>
      </c>
      <c r="G215" s="8">
        <v>0.35973513513513516</v>
      </c>
      <c r="H215" s="8">
        <v>1.4485836909871243E-2</v>
      </c>
    </row>
    <row r="216" spans="6:8" x14ac:dyDescent="0.3">
      <c r="F216" s="6">
        <v>41264</v>
      </c>
      <c r="G216" s="8">
        <v>0.36454140624999998</v>
      </c>
      <c r="H216" s="8">
        <v>1.5358457493426819E-2</v>
      </c>
    </row>
    <row r="217" spans="6:8" x14ac:dyDescent="0.3">
      <c r="F217" s="6">
        <v>41271</v>
      </c>
      <c r="G217" s="8">
        <v>0.36478828125000001</v>
      </c>
      <c r="H217" s="8">
        <v>1.4217087587318645E-2</v>
      </c>
    </row>
    <row r="218" spans="6:8" x14ac:dyDescent="0.3">
      <c r="F218" s="6">
        <v>41278</v>
      </c>
      <c r="G218" s="8">
        <v>0.34488634686346864</v>
      </c>
      <c r="H218" s="8">
        <v>1.3552099533437013E-2</v>
      </c>
    </row>
    <row r="219" spans="6:8" x14ac:dyDescent="0.3">
      <c r="F219" s="6">
        <v>41285</v>
      </c>
      <c r="G219" s="8">
        <v>0.34952188552188551</v>
      </c>
      <c r="H219" s="8">
        <v>1.2474929044465469E-2</v>
      </c>
    </row>
    <row r="220" spans="6:8" x14ac:dyDescent="0.3">
      <c r="F220" s="6">
        <v>41292</v>
      </c>
      <c r="G220" s="8">
        <v>0.34702063580591191</v>
      </c>
      <c r="H220" s="8">
        <v>1.2030330062444243E-2</v>
      </c>
    </row>
    <row r="221" spans="6:8" x14ac:dyDescent="0.3">
      <c r="F221" s="6">
        <v>41299</v>
      </c>
      <c r="G221" s="8">
        <v>0.34875542258788333</v>
      </c>
      <c r="H221" s="8">
        <v>1.1687992988606484E-2</v>
      </c>
    </row>
    <row r="222" spans="6:8" x14ac:dyDescent="0.3">
      <c r="F222" s="6">
        <v>41306</v>
      </c>
      <c r="G222" s="8">
        <v>0.33264635667201142</v>
      </c>
      <c r="H222" s="8">
        <v>1.1208033180528267E-2</v>
      </c>
    </row>
    <row r="223" spans="6:8" x14ac:dyDescent="0.3">
      <c r="F223" s="6">
        <v>41313</v>
      </c>
      <c r="G223" s="8">
        <v>0.32281974025974025</v>
      </c>
      <c r="H223" s="8">
        <v>1.0607142857142857E-2</v>
      </c>
    </row>
    <row r="224" spans="6:8" x14ac:dyDescent="0.3">
      <c r="F224" s="6">
        <v>41320</v>
      </c>
      <c r="G224" s="8">
        <v>0.33647181703583645</v>
      </c>
      <c r="H224" s="8">
        <v>1.0535926305015356E-2</v>
      </c>
    </row>
    <row r="225" spans="6:8" x14ac:dyDescent="0.3">
      <c r="F225" s="6">
        <v>41327</v>
      </c>
      <c r="G225" s="8">
        <v>0.32974999999999999</v>
      </c>
      <c r="H225" s="8">
        <v>1.0584499686651351E-2</v>
      </c>
    </row>
    <row r="226" spans="6:8" x14ac:dyDescent="0.3">
      <c r="F226" s="6">
        <v>41334</v>
      </c>
      <c r="G226" s="8">
        <v>0.31823191891427594</v>
      </c>
      <c r="H226" s="8">
        <v>1.0156903332643347E-2</v>
      </c>
    </row>
    <row r="227" spans="6:8" x14ac:dyDescent="0.3">
      <c r="F227" s="6">
        <v>41341</v>
      </c>
      <c r="G227" s="8">
        <v>0.27344005227049983</v>
      </c>
      <c r="H227" s="8">
        <v>9.8563807960607309E-3</v>
      </c>
    </row>
    <row r="228" spans="6:8" x14ac:dyDescent="0.3">
      <c r="F228" s="6">
        <v>41348</v>
      </c>
      <c r="G228" s="8">
        <v>0.27345263503529799</v>
      </c>
      <c r="H228" s="8">
        <v>1.0190920661858295E-2</v>
      </c>
    </row>
    <row r="229" spans="6:8" x14ac:dyDescent="0.3">
      <c r="F229" s="6">
        <v>41355</v>
      </c>
      <c r="G229" s="8">
        <v>0.2716233766233766</v>
      </c>
      <c r="H229" s="8">
        <v>1.010133765707337E-2</v>
      </c>
    </row>
    <row r="230" spans="6:8" x14ac:dyDescent="0.3">
      <c r="F230" s="6">
        <v>41362</v>
      </c>
      <c r="G230" s="8">
        <v>0.2802053168366494</v>
      </c>
      <c r="H230" s="8">
        <v>1.0244768547875715E-2</v>
      </c>
    </row>
    <row r="231" spans="6:8" x14ac:dyDescent="0.3">
      <c r="F231" s="6">
        <v>41369</v>
      </c>
      <c r="G231" s="8">
        <v>0.27548895483020114</v>
      </c>
      <c r="H231" s="8">
        <v>9.7393700787401574E-3</v>
      </c>
    </row>
    <row r="232" spans="6:8" x14ac:dyDescent="0.3">
      <c r="F232" s="6">
        <v>41376</v>
      </c>
      <c r="G232" s="8">
        <v>0.24428408592722489</v>
      </c>
      <c r="H232" s="8">
        <v>9.4488372093023271E-3</v>
      </c>
    </row>
    <row r="233" spans="6:8" x14ac:dyDescent="0.3">
      <c r="F233" s="6">
        <v>41383</v>
      </c>
      <c r="G233" s="8">
        <v>0.23327961952720663</v>
      </c>
      <c r="H233" s="8">
        <v>9.0946175637393774E-3</v>
      </c>
    </row>
    <row r="234" spans="6:8" x14ac:dyDescent="0.3">
      <c r="F234" s="6">
        <v>41390</v>
      </c>
      <c r="G234" s="8">
        <v>0.25184142297256551</v>
      </c>
      <c r="H234" s="8">
        <v>1.0104509060261275E-2</v>
      </c>
    </row>
    <row r="235" spans="6:8" x14ac:dyDescent="0.3">
      <c r="F235" s="6">
        <v>41397</v>
      </c>
      <c r="G235" s="8">
        <v>0.24492818328682625</v>
      </c>
      <c r="H235" s="8">
        <v>1.027452667814114E-2</v>
      </c>
    </row>
    <row r="236" spans="6:8" x14ac:dyDescent="0.3">
      <c r="F236" s="6">
        <v>41404</v>
      </c>
      <c r="G236" s="8">
        <v>0.24640900340589367</v>
      </c>
      <c r="H236" s="8">
        <v>9.6854838709677423E-3</v>
      </c>
    </row>
    <row r="237" spans="6:8" x14ac:dyDescent="0.3">
      <c r="F237" s="6">
        <v>41411</v>
      </c>
      <c r="G237" s="8">
        <v>0.2404043321299639</v>
      </c>
      <c r="H237" s="8">
        <v>9.6481594468171648E-3</v>
      </c>
    </row>
    <row r="238" spans="6:8" x14ac:dyDescent="0.3">
      <c r="F238" s="6">
        <v>41418</v>
      </c>
      <c r="G238" s="8">
        <v>0.25799627791563273</v>
      </c>
      <c r="H238" s="8">
        <v>9.3230403800475051E-3</v>
      </c>
    </row>
    <row r="239" spans="6:8" x14ac:dyDescent="0.3">
      <c r="F239" s="6">
        <v>41425</v>
      </c>
      <c r="G239" s="8">
        <v>0.22838746908491345</v>
      </c>
      <c r="H239" s="8">
        <v>9.3171577123050252E-3</v>
      </c>
    </row>
    <row r="240" spans="6:8" x14ac:dyDescent="0.3">
      <c r="F240" s="6">
        <v>41432</v>
      </c>
      <c r="G240" s="8">
        <v>0.22385043196544277</v>
      </c>
      <c r="H240" s="8">
        <v>8.8058287795992705E-3</v>
      </c>
    </row>
    <row r="241" spans="6:8" x14ac:dyDescent="0.3">
      <c r="F241" s="6">
        <v>41439</v>
      </c>
      <c r="G241" s="8">
        <v>0.2146607997929339</v>
      </c>
      <c r="H241" s="8">
        <v>7.9237458193979933E-3</v>
      </c>
    </row>
    <row r="242" spans="6:8" x14ac:dyDescent="0.3">
      <c r="F242" s="6">
        <v>41446</v>
      </c>
      <c r="G242" s="8">
        <v>0.20027956213160114</v>
      </c>
      <c r="H242" s="8">
        <v>7.7513495828562063E-3</v>
      </c>
    </row>
    <row r="243" spans="6:8" x14ac:dyDescent="0.3">
      <c r="F243" s="6">
        <v>41453</v>
      </c>
      <c r="G243" s="8">
        <v>0.21817213329834687</v>
      </c>
      <c r="H243" s="8">
        <v>8.2774033345157857E-3</v>
      </c>
    </row>
    <row r="244" spans="6:8" x14ac:dyDescent="0.3">
      <c r="F244" s="6">
        <v>41460</v>
      </c>
      <c r="G244" s="8">
        <v>0.2194624422442244</v>
      </c>
      <c r="H244" s="8">
        <v>8.2120499366745044E-3</v>
      </c>
    </row>
    <row r="245" spans="6:8" x14ac:dyDescent="0.3">
      <c r="F245" s="6">
        <v>41467</v>
      </c>
      <c r="G245" s="8">
        <v>0.23092457016084303</v>
      </c>
      <c r="H245" s="8">
        <v>8.0660257573009243E-3</v>
      </c>
    </row>
    <row r="246" spans="6:8" x14ac:dyDescent="0.3">
      <c r="F246" s="6">
        <v>41474</v>
      </c>
      <c r="G246" s="8">
        <v>0.25649168207024031</v>
      </c>
      <c r="H246" s="8">
        <v>8.485996055226824E-3</v>
      </c>
    </row>
    <row r="247" spans="6:8" x14ac:dyDescent="0.3">
      <c r="F247" s="6">
        <v>41481</v>
      </c>
      <c r="G247" s="8">
        <v>0.25708568781843449</v>
      </c>
      <c r="H247" s="8">
        <v>8.8229038854805743E-3</v>
      </c>
    </row>
    <row r="248" spans="6:8" x14ac:dyDescent="0.3">
      <c r="F248" s="6">
        <v>41488</v>
      </c>
      <c r="G248" s="8">
        <v>0.24424974351458301</v>
      </c>
      <c r="H248" s="8">
        <v>9.2331390507910099E-3</v>
      </c>
    </row>
    <row r="249" spans="6:8" x14ac:dyDescent="0.3">
      <c r="F249" s="6">
        <v>41495</v>
      </c>
      <c r="G249" s="8">
        <v>0.254601226993865</v>
      </c>
      <c r="H249" s="8">
        <v>9.2534795444959919E-3</v>
      </c>
    </row>
    <row r="250" spans="6:8" x14ac:dyDescent="0.3">
      <c r="F250" s="6">
        <v>41502</v>
      </c>
      <c r="G250" s="8">
        <v>0.25180937926847774</v>
      </c>
      <c r="H250" s="8">
        <v>9.3471458773784349E-3</v>
      </c>
    </row>
    <row r="251" spans="6:8" x14ac:dyDescent="0.3">
      <c r="F251" s="6">
        <v>41509</v>
      </c>
      <c r="G251" s="8">
        <v>0.22528823689214883</v>
      </c>
      <c r="H251" s="8">
        <v>8.8289607484238336E-3</v>
      </c>
    </row>
    <row r="252" spans="6:8" x14ac:dyDescent="0.3">
      <c r="F252" s="6">
        <v>41516</v>
      </c>
      <c r="G252" s="8">
        <v>0.21579568494931115</v>
      </c>
      <c r="H252" s="8">
        <v>8.3082352941176475E-3</v>
      </c>
    </row>
    <row r="253" spans="6:8" x14ac:dyDescent="0.3">
      <c r="F253" s="6">
        <v>41523</v>
      </c>
      <c r="G253" s="8">
        <v>0.21598727348180938</v>
      </c>
      <c r="H253" s="8">
        <v>8.25777956233688E-3</v>
      </c>
    </row>
    <row r="254" spans="6:8" x14ac:dyDescent="0.3">
      <c r="F254" s="6">
        <v>41530</v>
      </c>
      <c r="G254" s="8">
        <v>0.2321094170403587</v>
      </c>
      <c r="H254" s="8">
        <v>8.4702406078514137E-3</v>
      </c>
    </row>
    <row r="255" spans="6:8" x14ac:dyDescent="0.3">
      <c r="F255" s="6">
        <v>41537</v>
      </c>
      <c r="G255" s="8">
        <v>0.23623114355231142</v>
      </c>
      <c r="H255" s="8">
        <v>8.5083553210202282E-3</v>
      </c>
    </row>
    <row r="256" spans="6:8" x14ac:dyDescent="0.3">
      <c r="F256" s="6">
        <v>41544</v>
      </c>
      <c r="G256" s="8">
        <v>0.21494958448753462</v>
      </c>
      <c r="H256" s="8">
        <v>8.7185574069847047E-3</v>
      </c>
    </row>
    <row r="257" spans="6:8" x14ac:dyDescent="0.3">
      <c r="F257" s="6">
        <v>41551</v>
      </c>
      <c r="G257" s="8">
        <v>0.22432471471905241</v>
      </c>
      <c r="H257" s="8">
        <v>8.7265037593984972E-3</v>
      </c>
    </row>
    <row r="258" spans="6:8" x14ac:dyDescent="0.3">
      <c r="F258" s="6">
        <v>41558</v>
      </c>
      <c r="G258" s="8">
        <v>0.23569338403041828</v>
      </c>
      <c r="H258" s="8">
        <v>9.5536315536315555E-3</v>
      </c>
    </row>
    <row r="259" spans="6:8" x14ac:dyDescent="0.3">
      <c r="F259" s="6">
        <v>41565</v>
      </c>
      <c r="G259" s="8">
        <v>0.25777081945369751</v>
      </c>
      <c r="H259" s="8">
        <v>1.054967602591793E-2</v>
      </c>
    </row>
    <row r="260" spans="6:8" x14ac:dyDescent="0.3">
      <c r="F260" s="6">
        <v>41572</v>
      </c>
      <c r="G260" s="8">
        <v>0.23982543068088599</v>
      </c>
      <c r="H260" s="8">
        <v>1.0620338983050849E-2</v>
      </c>
    </row>
    <row r="261" spans="6:8" x14ac:dyDescent="0.3">
      <c r="F261" s="6">
        <v>41579</v>
      </c>
      <c r="G261" s="8">
        <v>0.2300926482213439</v>
      </c>
      <c r="H261" s="8">
        <v>1.0247300215982722E-2</v>
      </c>
    </row>
    <row r="262" spans="6:8" x14ac:dyDescent="0.3">
      <c r="F262" s="6">
        <v>41586</v>
      </c>
      <c r="G262" s="8">
        <v>0.21308547133851341</v>
      </c>
      <c r="H262" s="8">
        <v>1.013277355024928E-2</v>
      </c>
    </row>
    <row r="263" spans="6:8" x14ac:dyDescent="0.3">
      <c r="F263" s="6">
        <v>41593</v>
      </c>
      <c r="G263" s="8">
        <v>0.25339850927370428</v>
      </c>
      <c r="H263" s="8">
        <v>9.6494427558257365E-3</v>
      </c>
    </row>
    <row r="264" spans="6:8" x14ac:dyDescent="0.3">
      <c r="F264" s="6">
        <v>41600</v>
      </c>
      <c r="G264" s="8">
        <v>0.24187194719471949</v>
      </c>
      <c r="H264" s="8">
        <v>9.4982403217697357E-3</v>
      </c>
    </row>
    <row r="265" spans="6:8" x14ac:dyDescent="0.3">
      <c r="F265" s="6">
        <v>41607</v>
      </c>
      <c r="G265" s="8">
        <v>0.23934665792922674</v>
      </c>
      <c r="H265" s="8">
        <v>9.6641375821952466E-3</v>
      </c>
    </row>
    <row r="266" spans="6:8" x14ac:dyDescent="0.3">
      <c r="F266" s="6">
        <v>41614</v>
      </c>
      <c r="G266" s="8">
        <v>0.2242521137586472</v>
      </c>
      <c r="H266" s="8">
        <v>9.5468127490039873E-3</v>
      </c>
    </row>
    <row r="267" spans="6:8" x14ac:dyDescent="0.3">
      <c r="F267" s="6">
        <v>41621</v>
      </c>
      <c r="G267" s="8">
        <v>0.22101379414885555</v>
      </c>
      <c r="H267" s="8">
        <v>9.3091256569517444E-3</v>
      </c>
    </row>
    <row r="268" spans="6:8" x14ac:dyDescent="0.3">
      <c r="F268" s="6">
        <v>41628</v>
      </c>
      <c r="G268" s="8">
        <v>0.2343629045242312</v>
      </c>
      <c r="H268" s="8">
        <v>1.0212424849699397E-2</v>
      </c>
    </row>
    <row r="269" spans="6:8" x14ac:dyDescent="0.3">
      <c r="F269" s="6">
        <v>41635</v>
      </c>
      <c r="G269" s="8">
        <v>0.23226738819035492</v>
      </c>
      <c r="H269" s="8">
        <v>9.6003889158969395E-3</v>
      </c>
    </row>
    <row r="270" spans="6:8" x14ac:dyDescent="0.3">
      <c r="F270" s="6">
        <v>41642</v>
      </c>
      <c r="G270" s="8">
        <v>0.22679775980087119</v>
      </c>
      <c r="H270" s="8">
        <v>9.2082082082082101E-3</v>
      </c>
    </row>
    <row r="271" spans="6:8" x14ac:dyDescent="0.3">
      <c r="F271" s="6">
        <v>41649</v>
      </c>
      <c r="G271" s="8">
        <v>0.25095410005157298</v>
      </c>
      <c r="H271" s="8">
        <v>1.0414870689655175E-2</v>
      </c>
    </row>
    <row r="272" spans="6:8" x14ac:dyDescent="0.3">
      <c r="F272" s="6">
        <v>41656</v>
      </c>
      <c r="G272" s="8">
        <v>0.25330746373011714</v>
      </c>
      <c r="H272" s="8">
        <v>1.0259718775847807E-2</v>
      </c>
    </row>
    <row r="273" spans="6:8" x14ac:dyDescent="0.3">
      <c r="F273" s="6">
        <v>41663</v>
      </c>
      <c r="G273" s="8">
        <v>0.24547907134384003</v>
      </c>
      <c r="H273" s="8">
        <v>9.0983890954151169E-3</v>
      </c>
    </row>
    <row r="274" spans="6:8" x14ac:dyDescent="0.3">
      <c r="F274" s="6">
        <v>41670</v>
      </c>
      <c r="G274" s="8">
        <v>0.23724117647058823</v>
      </c>
      <c r="H274" s="8">
        <v>9.8906652913873135E-3</v>
      </c>
    </row>
    <row r="275" spans="6:8" x14ac:dyDescent="0.3">
      <c r="F275" s="6">
        <v>41677</v>
      </c>
      <c r="G275" s="8">
        <v>0.24788357446808509</v>
      </c>
      <c r="H275" s="8">
        <v>9.7887545980031524E-3</v>
      </c>
    </row>
    <row r="276" spans="6:8" x14ac:dyDescent="0.3">
      <c r="F276" s="6">
        <v>41684</v>
      </c>
      <c r="G276" s="8">
        <v>0.25671978891820579</v>
      </c>
      <c r="H276" s="8">
        <v>1.0625887493173131E-2</v>
      </c>
    </row>
    <row r="277" spans="6:8" x14ac:dyDescent="0.3">
      <c r="F277" s="6">
        <v>41691</v>
      </c>
      <c r="G277" s="8">
        <v>0.26528403117636395</v>
      </c>
      <c r="H277" s="8">
        <v>1.0706700027800947E-2</v>
      </c>
    </row>
    <row r="278" spans="6:8" x14ac:dyDescent="0.3">
      <c r="F278" s="6">
        <v>41698</v>
      </c>
      <c r="G278" s="8">
        <v>0.27227586206896554</v>
      </c>
      <c r="H278" s="8">
        <v>1.0856980703745741E-2</v>
      </c>
    </row>
    <row r="279" spans="6:8" x14ac:dyDescent="0.3">
      <c r="F279" s="6">
        <v>41705</v>
      </c>
      <c r="G279" s="8">
        <v>0.2844841655333204</v>
      </c>
      <c r="H279" s="8">
        <v>1.1161026837806299E-2</v>
      </c>
    </row>
    <row r="280" spans="6:8" x14ac:dyDescent="0.3">
      <c r="F280" s="6">
        <v>41712</v>
      </c>
      <c r="G280" s="8">
        <v>0.27101422501385553</v>
      </c>
      <c r="H280" s="8">
        <v>1.0796812749003983E-2</v>
      </c>
    </row>
    <row r="281" spans="6:8" x14ac:dyDescent="0.3">
      <c r="F281" s="6">
        <v>41719</v>
      </c>
      <c r="G281" s="8">
        <v>0.29435360224764201</v>
      </c>
      <c r="H281" s="8">
        <v>1.1320024198427103E-2</v>
      </c>
    </row>
    <row r="282" spans="6:8" x14ac:dyDescent="0.3">
      <c r="F282" s="6">
        <v>41726</v>
      </c>
      <c r="G282" s="8">
        <v>0.2991661582265609</v>
      </c>
      <c r="H282" s="8">
        <v>1.1103584532881738E-2</v>
      </c>
    </row>
    <row r="283" spans="6:8" x14ac:dyDescent="0.3">
      <c r="F283" s="6">
        <v>41733</v>
      </c>
      <c r="G283" s="8">
        <v>0.30256099071207432</v>
      </c>
      <c r="H283" s="8">
        <v>1.1527373956077946E-2</v>
      </c>
    </row>
    <row r="284" spans="6:8" x14ac:dyDescent="0.3">
      <c r="F284" s="6">
        <v>41740</v>
      </c>
      <c r="G284" s="8">
        <v>0.30999153259949191</v>
      </c>
      <c r="H284" s="8">
        <v>1.1388542963885431E-2</v>
      </c>
    </row>
    <row r="285" spans="6:8" x14ac:dyDescent="0.3">
      <c r="F285" s="6">
        <v>41747</v>
      </c>
      <c r="G285" s="8">
        <v>0.30782169890664424</v>
      </c>
      <c r="H285" s="8">
        <v>1.1775761503564483E-2</v>
      </c>
    </row>
    <row r="286" spans="6:8" x14ac:dyDescent="0.3">
      <c r="F286" s="6">
        <v>41754</v>
      </c>
      <c r="G286" s="8">
        <v>0.3139551952208236</v>
      </c>
      <c r="H286" s="8">
        <v>1.2753889674681754E-2</v>
      </c>
    </row>
    <row r="287" spans="6:8" x14ac:dyDescent="0.3">
      <c r="F287" s="6">
        <v>41761</v>
      </c>
      <c r="G287" s="8">
        <v>0.31533663153366315</v>
      </c>
      <c r="H287" s="8">
        <v>1.2848263254113342E-2</v>
      </c>
    </row>
    <row r="288" spans="6:8" x14ac:dyDescent="0.3">
      <c r="F288" s="6">
        <v>41768</v>
      </c>
      <c r="G288" s="8">
        <v>0.34328414148512537</v>
      </c>
      <c r="H288" s="8">
        <v>1.399842890809112E-2</v>
      </c>
    </row>
    <row r="289" spans="6:8" x14ac:dyDescent="0.3">
      <c r="F289" s="6">
        <v>41775</v>
      </c>
      <c r="G289" s="8">
        <v>0.35776966155344536</v>
      </c>
      <c r="H289" s="8">
        <v>1.3779904306220093E-2</v>
      </c>
    </row>
    <row r="290" spans="6:8" x14ac:dyDescent="0.3">
      <c r="F290" s="6">
        <v>41782</v>
      </c>
      <c r="G290" s="8">
        <v>0.35824817518248175</v>
      </c>
      <c r="H290" s="8">
        <v>1.4730679156908663E-2</v>
      </c>
    </row>
    <row r="291" spans="6:8" x14ac:dyDescent="0.3">
      <c r="F291" s="6">
        <v>41789</v>
      </c>
      <c r="G291" s="8">
        <v>0.36877530364372468</v>
      </c>
      <c r="H291" s="8">
        <v>1.5209876543209874E-2</v>
      </c>
    </row>
    <row r="292" spans="6:8" x14ac:dyDescent="0.3">
      <c r="F292" s="6">
        <v>41796</v>
      </c>
      <c r="G292" s="8">
        <v>0.322629582806574</v>
      </c>
      <c r="H292" s="8">
        <v>1.5714285714285715E-2</v>
      </c>
    </row>
    <row r="293" spans="6:8" x14ac:dyDescent="0.3">
      <c r="F293" s="6">
        <v>41803</v>
      </c>
      <c r="G293" s="8">
        <v>0.33739171974522292</v>
      </c>
      <c r="H293" s="8">
        <v>1.622560724578016E-2</v>
      </c>
    </row>
    <row r="294" spans="6:8" x14ac:dyDescent="0.3">
      <c r="F294" s="6">
        <v>41810</v>
      </c>
      <c r="G294" s="8">
        <v>0.32925478036175709</v>
      </c>
      <c r="H294" s="8">
        <v>1.6822719449225473E-2</v>
      </c>
    </row>
    <row r="295" spans="6:8" x14ac:dyDescent="0.3">
      <c r="F295" s="6">
        <v>41817</v>
      </c>
      <c r="G295" s="8">
        <v>0.3307758081334724</v>
      </c>
      <c r="H295" s="8">
        <v>1.7288020390824128E-2</v>
      </c>
    </row>
    <row r="296" spans="6:8" x14ac:dyDescent="0.3">
      <c r="F296" s="6">
        <v>41824</v>
      </c>
      <c r="G296" s="8">
        <v>0.36205028571428571</v>
      </c>
      <c r="H296" s="8">
        <v>1.9221476510067115E-2</v>
      </c>
    </row>
    <row r="297" spans="6:8" x14ac:dyDescent="0.3">
      <c r="F297" s="6">
        <v>41831</v>
      </c>
      <c r="G297" s="8">
        <v>0.35870508474576274</v>
      </c>
      <c r="H297" s="8">
        <v>1.8450549450549449E-2</v>
      </c>
    </row>
    <row r="298" spans="6:8" x14ac:dyDescent="0.3">
      <c r="F298" s="6">
        <v>41838</v>
      </c>
      <c r="G298" s="8">
        <v>0.37828708708708708</v>
      </c>
      <c r="H298" s="8">
        <v>1.8700757575757575E-2</v>
      </c>
    </row>
    <row r="299" spans="6:8" x14ac:dyDescent="0.3">
      <c r="F299" s="6">
        <v>41845</v>
      </c>
      <c r="G299" s="8">
        <v>0.38245614035087716</v>
      </c>
      <c r="H299" s="8">
        <v>1.8655913978494622E-2</v>
      </c>
    </row>
    <row r="300" spans="6:8" x14ac:dyDescent="0.3">
      <c r="F300" s="6">
        <v>41852</v>
      </c>
      <c r="G300" s="8">
        <v>0.30269754117927905</v>
      </c>
      <c r="H300" s="8">
        <v>1.8252427184466017E-2</v>
      </c>
    </row>
    <row r="301" spans="6:8" x14ac:dyDescent="0.3">
      <c r="F301" s="6">
        <v>41859</v>
      </c>
      <c r="G301" s="8">
        <v>0.30395299760191846</v>
      </c>
      <c r="H301" s="8">
        <v>1.6322406478981876E-2</v>
      </c>
    </row>
    <row r="302" spans="6:8" x14ac:dyDescent="0.3">
      <c r="F302" s="6">
        <v>41866</v>
      </c>
      <c r="G302" s="8">
        <v>0.32856505961638155</v>
      </c>
      <c r="H302" s="8">
        <v>1.5921022067363535E-2</v>
      </c>
    </row>
    <row r="303" spans="6:8" x14ac:dyDescent="0.3">
      <c r="F303" s="6">
        <v>41873</v>
      </c>
      <c r="G303" s="8">
        <v>0.32517466016927415</v>
      </c>
      <c r="H303" s="8">
        <v>1.7157935584012417E-2</v>
      </c>
    </row>
    <row r="304" spans="6:8" x14ac:dyDescent="0.3">
      <c r="F304" s="6">
        <v>41880</v>
      </c>
      <c r="G304" s="8">
        <v>0.32965970772442588</v>
      </c>
      <c r="H304" s="8">
        <v>1.647682119205298E-2</v>
      </c>
    </row>
    <row r="305" spans="6:8" x14ac:dyDescent="0.3">
      <c r="F305" s="6">
        <v>41887</v>
      </c>
      <c r="G305" s="8">
        <v>0.32275777664456912</v>
      </c>
      <c r="H305" s="8">
        <v>1.5472592592592593E-2</v>
      </c>
    </row>
    <row r="306" spans="6:8" x14ac:dyDescent="0.3">
      <c r="F306" s="6">
        <v>41894</v>
      </c>
      <c r="G306" s="8">
        <v>0.28498563734290844</v>
      </c>
      <c r="H306" s="8">
        <v>1.4381275023098244E-2</v>
      </c>
    </row>
    <row r="307" spans="6:8" x14ac:dyDescent="0.3">
      <c r="F307" s="6">
        <v>41901</v>
      </c>
      <c r="G307" s="8">
        <v>0.28281844508799286</v>
      </c>
      <c r="H307" s="8">
        <v>1.3738476011288806E-2</v>
      </c>
    </row>
    <row r="308" spans="6:8" x14ac:dyDescent="0.3">
      <c r="F308" s="6">
        <v>41908</v>
      </c>
      <c r="G308" s="8">
        <v>0.28332495511669659</v>
      </c>
      <c r="H308" s="8">
        <v>1.4328877836493626E-2</v>
      </c>
    </row>
    <row r="309" spans="6:8" x14ac:dyDescent="0.3">
      <c r="F309" s="6">
        <v>41915</v>
      </c>
      <c r="G309" s="8">
        <v>0.26357654858089907</v>
      </c>
      <c r="H309" s="8">
        <v>1.4854067742956632E-2</v>
      </c>
    </row>
    <row r="310" spans="6:8" x14ac:dyDescent="0.3">
      <c r="F310" s="6">
        <v>41922</v>
      </c>
      <c r="G310" s="8">
        <v>0.28091423519009723</v>
      </c>
      <c r="H310" s="8">
        <v>1.5183408943616333E-2</v>
      </c>
    </row>
    <row r="311" spans="6:8" x14ac:dyDescent="0.3">
      <c r="F311" s="6">
        <v>41929</v>
      </c>
      <c r="G311" s="8">
        <v>0.25990495698484228</v>
      </c>
      <c r="H311" s="8">
        <v>1.4646477132262052E-2</v>
      </c>
    </row>
    <row r="312" spans="6:8" x14ac:dyDescent="0.3">
      <c r="F312" s="6">
        <v>41936</v>
      </c>
      <c r="G312" s="8">
        <v>0.27349321851453173</v>
      </c>
      <c r="H312" s="8">
        <v>1.597958532695375E-2</v>
      </c>
    </row>
    <row r="313" spans="6:8" x14ac:dyDescent="0.3">
      <c r="F313" s="6">
        <v>41943</v>
      </c>
      <c r="G313" s="8">
        <v>0.30292708582357158</v>
      </c>
      <c r="H313" s="8">
        <v>1.3146301369863013E-2</v>
      </c>
    </row>
    <row r="314" spans="6:8" x14ac:dyDescent="0.3">
      <c r="F314" s="6">
        <v>41950</v>
      </c>
      <c r="G314" s="8">
        <v>0.28200578677943466</v>
      </c>
      <c r="H314" s="8">
        <v>1.305578947368421E-2</v>
      </c>
    </row>
    <row r="315" spans="6:8" x14ac:dyDescent="0.3">
      <c r="F315" s="6">
        <v>41957</v>
      </c>
      <c r="G315" s="8">
        <v>0.28475448028673833</v>
      </c>
      <c r="H315" s="8">
        <v>1.1955841766329349E-2</v>
      </c>
    </row>
    <row r="316" spans="6:8" x14ac:dyDescent="0.3">
      <c r="F316" s="6">
        <v>41964</v>
      </c>
      <c r="G316" s="8">
        <v>0.25664912633058851</v>
      </c>
      <c r="H316" s="8">
        <v>1.1864261983863313E-2</v>
      </c>
    </row>
    <row r="317" spans="6:8" x14ac:dyDescent="0.3">
      <c r="F317" s="6">
        <v>41971</v>
      </c>
      <c r="G317" s="8">
        <v>0.26320709570957096</v>
      </c>
      <c r="H317" s="8">
        <v>1.2691616766467066E-2</v>
      </c>
    </row>
    <row r="318" spans="6:8" x14ac:dyDescent="0.3">
      <c r="F318" s="6">
        <v>41978</v>
      </c>
      <c r="G318" s="8">
        <v>0.2527580198019802</v>
      </c>
      <c r="H318" s="8">
        <v>1.1405739514348787E-2</v>
      </c>
    </row>
    <row r="319" spans="6:8" x14ac:dyDescent="0.3">
      <c r="F319" s="6">
        <v>41985</v>
      </c>
      <c r="G319" s="8">
        <v>0.21166760656825345</v>
      </c>
      <c r="H319" s="8">
        <v>1.1867949278530826E-2</v>
      </c>
    </row>
    <row r="320" spans="6:8" x14ac:dyDescent="0.3">
      <c r="F320" s="6">
        <v>41992</v>
      </c>
      <c r="G320" s="8">
        <v>0.20902542233885518</v>
      </c>
      <c r="H320" s="8">
        <v>1.2905504587155963E-2</v>
      </c>
    </row>
    <row r="321" spans="6:8" x14ac:dyDescent="0.3">
      <c r="F321" s="6">
        <v>41999</v>
      </c>
      <c r="G321" s="8">
        <v>0.24405967865340472</v>
      </c>
      <c r="H321" s="8">
        <v>1.3073303167420811E-2</v>
      </c>
    </row>
    <row r="322" spans="6:8" x14ac:dyDescent="0.3">
      <c r="F322" s="6">
        <v>42006</v>
      </c>
      <c r="G322" s="8">
        <v>0.21419539846615537</v>
      </c>
      <c r="H322" s="8">
        <v>1.2681546961325965E-2</v>
      </c>
    </row>
    <row r="323" spans="6:8" x14ac:dyDescent="0.3">
      <c r="F323" s="6">
        <v>42013</v>
      </c>
      <c r="G323" s="8">
        <v>0.21486155913978491</v>
      </c>
      <c r="H323" s="8">
        <v>1.4871189773844639E-2</v>
      </c>
    </row>
    <row r="324" spans="6:8" x14ac:dyDescent="0.3">
      <c r="F324" s="6">
        <v>42020</v>
      </c>
      <c r="G324" s="8">
        <v>0.22351048951048949</v>
      </c>
      <c r="H324" s="8">
        <v>1.3419023136246785E-2</v>
      </c>
    </row>
    <row r="325" spans="6:8" x14ac:dyDescent="0.3">
      <c r="F325" s="6">
        <v>42027</v>
      </c>
      <c r="G325" s="8">
        <v>0.21511409847084523</v>
      </c>
      <c r="H325" s="8">
        <v>1.4650691244239631E-2</v>
      </c>
    </row>
    <row r="326" spans="6:8" x14ac:dyDescent="0.3">
      <c r="F326" s="6">
        <v>42034</v>
      </c>
      <c r="G326" s="8">
        <v>0.21435740678535439</v>
      </c>
      <c r="H326" s="8">
        <v>1.3151568714096333E-2</v>
      </c>
    </row>
    <row r="327" spans="6:8" x14ac:dyDescent="0.3">
      <c r="F327" s="6">
        <v>42041</v>
      </c>
      <c r="G327" s="8">
        <v>0.21387315436241608</v>
      </c>
      <c r="H327" s="8">
        <v>1.4922090729783037E-2</v>
      </c>
    </row>
    <row r="328" spans="6:8" x14ac:dyDescent="0.3">
      <c r="F328" s="6">
        <v>42048</v>
      </c>
      <c r="G328" s="8">
        <v>0.19980031298904541</v>
      </c>
      <c r="H328" s="8">
        <v>1.4395666509656147E-2</v>
      </c>
    </row>
    <row r="329" spans="6:8" x14ac:dyDescent="0.3">
      <c r="F329" s="6">
        <v>42055</v>
      </c>
      <c r="G329" s="8">
        <v>0.25562879999999999</v>
      </c>
      <c r="H329" s="8">
        <v>1.6455494778717057E-2</v>
      </c>
    </row>
    <row r="330" spans="6:8" x14ac:dyDescent="0.3">
      <c r="F330" s="6">
        <v>42062</v>
      </c>
      <c r="G330" s="8">
        <v>0.2314299132947977</v>
      </c>
      <c r="H330" s="8">
        <v>1.8762281197063805E-2</v>
      </c>
    </row>
    <row r="331" spans="6:8" x14ac:dyDescent="0.3">
      <c r="F331" s="6">
        <v>42069</v>
      </c>
      <c r="G331" s="8">
        <v>0.22447350935478233</v>
      </c>
      <c r="H331" s="8">
        <v>1.859279475982533E-2</v>
      </c>
    </row>
    <row r="332" spans="6:8" x14ac:dyDescent="0.3">
      <c r="F332" s="6">
        <v>42076</v>
      </c>
      <c r="G332" s="8">
        <v>0.21544351324170299</v>
      </c>
      <c r="H332" s="8">
        <v>1.8131164742917105E-2</v>
      </c>
    </row>
    <row r="333" spans="6:8" x14ac:dyDescent="0.3">
      <c r="F333" s="6">
        <v>42083</v>
      </c>
      <c r="G333" s="8">
        <v>0.21092183643245022</v>
      </c>
      <c r="H333" s="8">
        <v>1.8902247191011235E-2</v>
      </c>
    </row>
    <row r="334" spans="6:8" x14ac:dyDescent="0.3">
      <c r="F334" s="6">
        <v>42090</v>
      </c>
      <c r="G334" s="8">
        <v>0.21521957760643648</v>
      </c>
      <c r="H334" s="8">
        <v>1.9878787878787878E-2</v>
      </c>
    </row>
    <row r="335" spans="6:8" x14ac:dyDescent="0.3">
      <c r="F335" s="6">
        <v>42097</v>
      </c>
      <c r="G335" s="8">
        <v>0.21032362139917696</v>
      </c>
      <c r="H335" s="8">
        <v>1.9146887966804981E-2</v>
      </c>
    </row>
    <row r="336" spans="6:8" x14ac:dyDescent="0.3">
      <c r="F336" s="6">
        <v>42104</v>
      </c>
      <c r="G336" s="8">
        <v>0.21436785059196264</v>
      </c>
      <c r="H336" s="8">
        <v>2.1153111432706231E-2</v>
      </c>
    </row>
    <row r="337" spans="6:8" x14ac:dyDescent="0.3">
      <c r="F337" s="6">
        <v>42111</v>
      </c>
      <c r="G337" s="8">
        <v>0.24138084464555054</v>
      </c>
      <c r="H337" s="8">
        <v>2.1692767483562463E-2</v>
      </c>
    </row>
    <row r="338" spans="6:8" x14ac:dyDescent="0.3">
      <c r="F338" s="6">
        <v>42118</v>
      </c>
      <c r="G338" s="8">
        <v>0.23267719107240065</v>
      </c>
      <c r="H338" s="8">
        <v>2.1603508771929826E-2</v>
      </c>
    </row>
    <row r="339" spans="6:8" x14ac:dyDescent="0.3">
      <c r="F339" s="6">
        <v>42125</v>
      </c>
      <c r="G339" s="8">
        <v>0.23029739910313904</v>
      </c>
      <c r="H339" s="8">
        <v>2.0926940639269406E-2</v>
      </c>
    </row>
    <row r="340" spans="6:8" x14ac:dyDescent="0.3">
      <c r="F340" s="6">
        <v>42132</v>
      </c>
      <c r="G340" s="8">
        <v>0.25722934673366832</v>
      </c>
      <c r="H340" s="8">
        <v>2.1447470817120624E-2</v>
      </c>
    </row>
    <row r="341" spans="6:8" x14ac:dyDescent="0.3">
      <c r="F341" s="6">
        <v>42139</v>
      </c>
      <c r="G341" s="8">
        <v>0.27144956466341047</v>
      </c>
      <c r="H341" s="8">
        <v>2.3708029197080295E-2</v>
      </c>
    </row>
    <row r="342" spans="6:8" x14ac:dyDescent="0.3">
      <c r="F342" s="6">
        <v>42146</v>
      </c>
      <c r="G342" s="8">
        <v>0.25478665077473184</v>
      </c>
      <c r="H342" s="8">
        <v>2.3220467466835121E-2</v>
      </c>
    </row>
    <row r="343" spans="6:8" x14ac:dyDescent="0.3">
      <c r="F343" s="6">
        <v>42153</v>
      </c>
      <c r="G343" s="8">
        <v>0.23222689380210221</v>
      </c>
      <c r="H343" s="8">
        <v>2.0726970954356844E-2</v>
      </c>
    </row>
    <row r="344" spans="6:8" x14ac:dyDescent="0.3">
      <c r="F344" s="6">
        <v>42160</v>
      </c>
      <c r="G344" s="8">
        <v>0.2339497084548105</v>
      </c>
      <c r="H344" s="8">
        <v>2.0592127780946948E-2</v>
      </c>
    </row>
    <row r="345" spans="6:8" x14ac:dyDescent="0.3">
      <c r="F345" s="6">
        <v>42167</v>
      </c>
      <c r="G345" s="8">
        <v>0.23390618726044901</v>
      </c>
      <c r="H345" s="8">
        <v>2.1869932925051041E-2</v>
      </c>
    </row>
    <row r="346" spans="6:8" x14ac:dyDescent="0.3">
      <c r="F346" s="6">
        <v>42174</v>
      </c>
      <c r="G346" s="8">
        <v>0.25628691308691315</v>
      </c>
      <c r="H346" s="8">
        <v>2.2414251207729469E-2</v>
      </c>
    </row>
    <row r="347" spans="6:8" x14ac:dyDescent="0.3">
      <c r="F347" s="6">
        <v>42181</v>
      </c>
      <c r="G347" s="8">
        <v>0.25351323587514818</v>
      </c>
      <c r="H347" s="8">
        <v>2.2895877862595421E-2</v>
      </c>
    </row>
    <row r="348" spans="6:8" x14ac:dyDescent="0.3">
      <c r="F348" s="6">
        <v>42188</v>
      </c>
      <c r="G348" s="8">
        <v>0.24100112994350281</v>
      </c>
      <c r="H348" s="8">
        <v>2.194084254556319E-2</v>
      </c>
    </row>
    <row r="349" spans="6:8" x14ac:dyDescent="0.3">
      <c r="F349" s="6">
        <v>42195</v>
      </c>
      <c r="G349" s="8">
        <v>0.23222512708787219</v>
      </c>
      <c r="H349" s="8">
        <v>2.254829034193161E-2</v>
      </c>
    </row>
    <row r="350" spans="6:8" x14ac:dyDescent="0.3">
      <c r="F350" s="6">
        <v>42202</v>
      </c>
      <c r="G350" s="8">
        <v>0.25653034247947126</v>
      </c>
      <c r="H350" s="8">
        <v>2.5164179104477612E-2</v>
      </c>
    </row>
    <row r="351" spans="6:8" x14ac:dyDescent="0.3">
      <c r="F351" s="6">
        <v>42209</v>
      </c>
      <c r="G351" s="8">
        <v>0.25750901081297556</v>
      </c>
      <c r="H351" s="8">
        <v>2.501259445843829E-2</v>
      </c>
    </row>
    <row r="352" spans="6:8" x14ac:dyDescent="0.3">
      <c r="F352" s="6">
        <v>42216</v>
      </c>
      <c r="G352" s="8">
        <v>0.260426547956293</v>
      </c>
      <c r="H352" s="8">
        <v>2.5803587716631191E-2</v>
      </c>
    </row>
    <row r="353" spans="6:8" x14ac:dyDescent="0.3">
      <c r="F353" s="6">
        <v>42223</v>
      </c>
      <c r="G353" s="8">
        <v>0.24106182090670664</v>
      </c>
      <c r="H353" s="8">
        <v>2.6081212121212116E-2</v>
      </c>
    </row>
    <row r="354" spans="6:8" x14ac:dyDescent="0.3">
      <c r="F354" s="6">
        <v>42230</v>
      </c>
      <c r="G354" s="8">
        <v>0.23984411709863881</v>
      </c>
      <c r="H354" s="8">
        <v>2.805118829981719E-2</v>
      </c>
    </row>
    <row r="355" spans="6:8" x14ac:dyDescent="0.3">
      <c r="F355" s="6">
        <v>42237</v>
      </c>
      <c r="G355" s="8">
        <v>0.22407560256632564</v>
      </c>
      <c r="H355" s="8">
        <v>2.5607047517351843E-2</v>
      </c>
    </row>
    <row r="356" spans="6:8" x14ac:dyDescent="0.3">
      <c r="F356" s="6">
        <v>42244</v>
      </c>
      <c r="G356" s="8">
        <v>0.20459027777777777</v>
      </c>
      <c r="H356" s="8">
        <v>2.4769826918109018E-2</v>
      </c>
    </row>
    <row r="357" spans="6:8" x14ac:dyDescent="0.3">
      <c r="F357" s="6">
        <v>42251</v>
      </c>
      <c r="G357" s="8">
        <v>0.21135809710003259</v>
      </c>
      <c r="H357" s="8">
        <v>2.2116406966086161E-2</v>
      </c>
    </row>
    <row r="358" spans="6:8" x14ac:dyDescent="0.3">
      <c r="F358" s="6">
        <v>42258</v>
      </c>
      <c r="G358" s="8">
        <v>0.18976172443926592</v>
      </c>
      <c r="H358" s="8">
        <v>2.3094897252366658E-2</v>
      </c>
    </row>
    <row r="359" spans="6:8" x14ac:dyDescent="0.3">
      <c r="F359" s="6">
        <v>42265</v>
      </c>
      <c r="G359" s="8">
        <v>0.19734710618259152</v>
      </c>
      <c r="H359" s="8">
        <v>2.347094578166788E-2</v>
      </c>
    </row>
    <row r="360" spans="6:8" x14ac:dyDescent="0.3">
      <c r="F360" s="6">
        <v>42272</v>
      </c>
      <c r="G360" s="8">
        <v>0.17549702219815921</v>
      </c>
      <c r="H360" s="8">
        <v>2.2794172932330825E-2</v>
      </c>
    </row>
    <row r="361" spans="6:8" x14ac:dyDescent="0.3">
      <c r="F361" s="6">
        <v>42279</v>
      </c>
      <c r="G361" s="8">
        <v>0.2133683341588245</v>
      </c>
      <c r="H361" s="8">
        <v>2.4071568627450982E-2</v>
      </c>
    </row>
    <row r="362" spans="6:8" x14ac:dyDescent="0.3">
      <c r="F362" s="6">
        <v>42286</v>
      </c>
      <c r="G362" s="8">
        <v>0.19839336201598035</v>
      </c>
      <c r="H362" s="8">
        <v>2.6018548827059469E-2</v>
      </c>
    </row>
    <row r="363" spans="6:8" x14ac:dyDescent="0.3">
      <c r="F363" s="6">
        <v>42293</v>
      </c>
      <c r="G363" s="8">
        <v>0.19403305288461536</v>
      </c>
      <c r="H363" s="8">
        <v>2.6052573932092E-2</v>
      </c>
    </row>
    <row r="364" spans="6:8" x14ac:dyDescent="0.3">
      <c r="F364" s="6">
        <v>42300</v>
      </c>
      <c r="G364" s="8">
        <v>0.20953294194390087</v>
      </c>
      <c r="H364" s="8">
        <v>2.7211549139367019E-2</v>
      </c>
    </row>
    <row r="365" spans="6:8" x14ac:dyDescent="0.3">
      <c r="F365" s="6">
        <v>42307</v>
      </c>
      <c r="G365" s="8">
        <v>0.21498882029033872</v>
      </c>
      <c r="H365" s="8">
        <v>3.0314337132573484E-2</v>
      </c>
    </row>
    <row r="366" spans="6:8" x14ac:dyDescent="0.3">
      <c r="F366" s="6">
        <v>42314</v>
      </c>
      <c r="G366" s="8">
        <v>0.2167347899159664</v>
      </c>
      <c r="H366" s="8">
        <v>2.9816222348269996E-2</v>
      </c>
    </row>
    <row r="367" spans="6:8" x14ac:dyDescent="0.3">
      <c r="F367" s="6">
        <v>42321</v>
      </c>
      <c r="G367" s="8">
        <v>0.2155354539430086</v>
      </c>
      <c r="H367" s="8">
        <v>3.3510109763142698E-2</v>
      </c>
    </row>
    <row r="368" spans="6:8" x14ac:dyDescent="0.3">
      <c r="F368" s="6">
        <v>42328</v>
      </c>
      <c r="G368" s="8">
        <v>0.21744320266889072</v>
      </c>
      <c r="H368" s="8">
        <v>3.7105231509320505E-2</v>
      </c>
    </row>
    <row r="369" spans="6:8" x14ac:dyDescent="0.3">
      <c r="F369" s="6">
        <v>42335</v>
      </c>
      <c r="G369" s="8">
        <v>0.22957749469214433</v>
      </c>
      <c r="H369" s="8">
        <v>4.0623732856290992E-2</v>
      </c>
    </row>
    <row r="370" spans="6:8" x14ac:dyDescent="0.3">
      <c r="F370" s="6">
        <v>42342</v>
      </c>
      <c r="G370" s="8">
        <v>0.2210777343085559</v>
      </c>
      <c r="H370" s="8">
        <v>4.9008997429305916E-2</v>
      </c>
    </row>
    <row r="371" spans="6:8" x14ac:dyDescent="0.3">
      <c r="F371" s="6">
        <v>42349</v>
      </c>
      <c r="G371" s="8">
        <v>0.23059563994374119</v>
      </c>
      <c r="H371" s="8">
        <v>4.9440408626560725E-2</v>
      </c>
    </row>
    <row r="372" spans="6:8" x14ac:dyDescent="0.3">
      <c r="F372" s="6">
        <v>42356</v>
      </c>
      <c r="G372" s="8">
        <v>0.23344815707888389</v>
      </c>
      <c r="H372" s="8">
        <v>6.0615199034981922E-2</v>
      </c>
    </row>
    <row r="373" spans="6:8" x14ac:dyDescent="0.3">
      <c r="F373" s="6">
        <v>42363</v>
      </c>
      <c r="G373" s="8">
        <v>0.23992090199479621</v>
      </c>
      <c r="H373" s="8">
        <v>6.3521739130434782E-2</v>
      </c>
    </row>
    <row r="374" spans="6:8" x14ac:dyDescent="0.3">
      <c r="F374" s="6">
        <v>42370</v>
      </c>
      <c r="G374" s="8">
        <v>0.23904578313253011</v>
      </c>
      <c r="H374" s="8">
        <v>6.6147315855181021E-2</v>
      </c>
    </row>
    <row r="375" spans="6:8" x14ac:dyDescent="0.3">
      <c r="F375" s="6">
        <v>42377</v>
      </c>
      <c r="G375" s="8">
        <v>0.22970039682539684</v>
      </c>
      <c r="H375" s="8">
        <v>5.6215624999999998E-2</v>
      </c>
    </row>
    <row r="376" spans="6:8" x14ac:dyDescent="0.3">
      <c r="F376" s="6">
        <v>42384</v>
      </c>
      <c r="G376" s="8">
        <v>0.22223424</v>
      </c>
      <c r="H376" s="8">
        <v>5.1976783555018141E-2</v>
      </c>
    </row>
    <row r="377" spans="6:8" x14ac:dyDescent="0.3">
      <c r="F377" s="6">
        <v>42391</v>
      </c>
      <c r="G377" s="8">
        <v>0.18789352790163491</v>
      </c>
      <c r="H377" s="8">
        <v>5.4110000000000005E-2</v>
      </c>
    </row>
    <row r="378" spans="6:8" x14ac:dyDescent="0.3">
      <c r="F378" s="6">
        <v>42398</v>
      </c>
      <c r="G378" s="8">
        <v>0.19865779790546279</v>
      </c>
      <c r="H378" s="8">
        <v>5.8980944922996603E-2</v>
      </c>
    </row>
    <row r="379" spans="6:8" x14ac:dyDescent="0.3">
      <c r="F379" s="6">
        <v>42405</v>
      </c>
      <c r="G379" s="8">
        <v>0.19050606959805771</v>
      </c>
      <c r="H379" s="8">
        <v>5.7602542165729659E-2</v>
      </c>
    </row>
    <row r="380" spans="6:8" x14ac:dyDescent="0.3">
      <c r="F380" s="6">
        <v>42412</v>
      </c>
      <c r="G380" s="8">
        <v>0.17216019476567254</v>
      </c>
      <c r="H380" s="8">
        <v>4.6391736801836267E-2</v>
      </c>
    </row>
    <row r="381" spans="6:8" x14ac:dyDescent="0.3">
      <c r="F381" s="6">
        <v>42419</v>
      </c>
      <c r="G381" s="8">
        <v>0.20843292053663573</v>
      </c>
      <c r="H381" s="8">
        <v>4.8757243539545816E-2</v>
      </c>
    </row>
    <row r="382" spans="6:8" x14ac:dyDescent="0.3">
      <c r="F382" s="6">
        <v>42426</v>
      </c>
      <c r="G382" s="8">
        <v>0.21600585573595954</v>
      </c>
      <c r="H382" s="8">
        <v>5.3245236122618056E-2</v>
      </c>
    </row>
    <row r="383" spans="6:8" x14ac:dyDescent="0.3">
      <c r="F383" s="6">
        <v>42433</v>
      </c>
      <c r="G383" s="8">
        <v>0.21158140742664244</v>
      </c>
      <c r="H383" s="8">
        <v>6.080793763288448E-2</v>
      </c>
    </row>
    <row r="384" spans="6:8" x14ac:dyDescent="0.3">
      <c r="F384" s="6">
        <v>42440</v>
      </c>
      <c r="G384" s="8">
        <v>0.20742273307790549</v>
      </c>
      <c r="H384" s="8">
        <v>5.8801393728223003E-2</v>
      </c>
    </row>
    <row r="385" spans="6:8" x14ac:dyDescent="0.3">
      <c r="F385" s="6">
        <v>42447</v>
      </c>
      <c r="G385" s="8">
        <v>0.22893254637436763</v>
      </c>
      <c r="H385" s="8">
        <v>6.1894065718489447E-2</v>
      </c>
    </row>
    <row r="386" spans="6:8" x14ac:dyDescent="0.3">
      <c r="F386" s="6">
        <v>42454</v>
      </c>
      <c r="G386" s="8">
        <v>0.21344006288484213</v>
      </c>
      <c r="H386" s="8">
        <v>6.036839600190385E-2</v>
      </c>
    </row>
    <row r="387" spans="6:8" x14ac:dyDescent="0.3">
      <c r="F387" s="6">
        <v>42461</v>
      </c>
      <c r="G387" s="8">
        <v>0.21385197844090972</v>
      </c>
      <c r="H387" s="8">
        <v>6.3799597180261833E-2</v>
      </c>
    </row>
    <row r="388" spans="6:8" x14ac:dyDescent="0.3">
      <c r="F388" s="6">
        <v>42468</v>
      </c>
      <c r="G388" s="8">
        <v>0.22372926963207029</v>
      </c>
      <c r="H388" s="8">
        <v>5.4891926527125164E-2</v>
      </c>
    </row>
    <row r="389" spans="6:8" x14ac:dyDescent="0.3">
      <c r="F389" s="6">
        <v>42475</v>
      </c>
      <c r="G389" s="8">
        <v>0.23032975719932244</v>
      </c>
      <c r="H389" s="8">
        <v>5.7404878048780486E-2</v>
      </c>
    </row>
    <row r="390" spans="6:8" x14ac:dyDescent="0.3">
      <c r="F390" s="6">
        <v>42482</v>
      </c>
      <c r="G390" s="8">
        <v>0.24054897360703809</v>
      </c>
      <c r="H390" s="8">
        <v>5.9735281097830904E-2</v>
      </c>
    </row>
    <row r="391" spans="6:8" x14ac:dyDescent="0.3">
      <c r="F391" s="6">
        <v>42489</v>
      </c>
      <c r="G391" s="8">
        <v>0.22667424452453563</v>
      </c>
      <c r="H391" s="8">
        <v>5.579094371561575E-2</v>
      </c>
    </row>
    <row r="392" spans="6:8" x14ac:dyDescent="0.3">
      <c r="F392" s="6">
        <v>42496</v>
      </c>
      <c r="G392" s="8">
        <v>0.2193877112959485</v>
      </c>
      <c r="H392" s="8">
        <v>5.6332182916307171E-2</v>
      </c>
    </row>
    <row r="393" spans="6:8" x14ac:dyDescent="0.3">
      <c r="F393" s="6">
        <v>42503</v>
      </c>
      <c r="G393" s="8">
        <v>0.21936145707780905</v>
      </c>
      <c r="H393" s="8">
        <v>5.6781519861830748E-2</v>
      </c>
    </row>
    <row r="394" spans="6:8" x14ac:dyDescent="0.3">
      <c r="F394" s="6">
        <v>42510</v>
      </c>
      <c r="G394" s="8">
        <v>0.22545809288266003</v>
      </c>
      <c r="H394" s="8">
        <v>6.3800046500813765E-2</v>
      </c>
    </row>
    <row r="395" spans="6:8" x14ac:dyDescent="0.3">
      <c r="F395" s="6">
        <v>42517</v>
      </c>
      <c r="G395" s="8">
        <v>0.2609132911392405</v>
      </c>
      <c r="H395" s="8">
        <v>6.9450746268656716E-2</v>
      </c>
    </row>
    <row r="396" spans="6:8" x14ac:dyDescent="0.3">
      <c r="F396" s="6">
        <v>42524</v>
      </c>
      <c r="G396" s="8">
        <v>0.24140638734251391</v>
      </c>
      <c r="H396" s="8">
        <v>6.4263706388763026E-2</v>
      </c>
    </row>
    <row r="397" spans="6:8" x14ac:dyDescent="0.3">
      <c r="F397" s="6">
        <v>42531</v>
      </c>
      <c r="G397" s="8">
        <v>0.24102345912866091</v>
      </c>
      <c r="H397" s="8">
        <v>5.823933054393305E-2</v>
      </c>
    </row>
    <row r="398" spans="6:8" x14ac:dyDescent="0.3">
      <c r="F398" s="6">
        <v>42538</v>
      </c>
      <c r="G398" s="8">
        <v>0.24714994026284351</v>
      </c>
      <c r="H398" s="8">
        <v>5.6603094939355919E-2</v>
      </c>
    </row>
    <row r="399" spans="6:8" x14ac:dyDescent="0.3">
      <c r="F399" s="6">
        <v>42545</v>
      </c>
      <c r="G399" s="8">
        <v>0.24863097744360899</v>
      </c>
      <c r="H399" s="8">
        <v>4.7769526248399495E-2</v>
      </c>
    </row>
    <row r="400" spans="6:8" x14ac:dyDescent="0.3">
      <c r="F400" s="6">
        <v>42552</v>
      </c>
      <c r="G400" s="8">
        <v>0.28282338423569331</v>
      </c>
      <c r="H400" s="8">
        <v>5.5395501022494888E-2</v>
      </c>
    </row>
    <row r="401" spans="6:8" x14ac:dyDescent="0.3">
      <c r="F401" s="6">
        <v>42559</v>
      </c>
      <c r="G401" s="8">
        <v>0.24034723670490091</v>
      </c>
      <c r="H401" s="8">
        <v>5.4496404275996113E-2</v>
      </c>
    </row>
    <row r="402" spans="6:8" x14ac:dyDescent="0.3">
      <c r="F402" s="6">
        <v>42566</v>
      </c>
      <c r="G402" s="8">
        <v>0.24174341590612775</v>
      </c>
      <c r="H402" s="8">
        <v>5.5530480878455128E-2</v>
      </c>
    </row>
    <row r="403" spans="6:8" x14ac:dyDescent="0.3">
      <c r="F403" s="6">
        <v>42573</v>
      </c>
      <c r="G403" s="8">
        <v>0.26040045121263394</v>
      </c>
      <c r="H403" s="8">
        <v>5.653153153153153E-2</v>
      </c>
    </row>
    <row r="404" spans="6:8" x14ac:dyDescent="0.3">
      <c r="F404" s="6">
        <v>42580</v>
      </c>
      <c r="G404" s="8">
        <v>0.24248732840549103</v>
      </c>
      <c r="H404" s="8">
        <v>6.6679130434782602E-2</v>
      </c>
    </row>
    <row r="405" spans="6:8" x14ac:dyDescent="0.3">
      <c r="F405" s="6">
        <v>42587</v>
      </c>
      <c r="G405" s="8">
        <v>0.26502732240437155</v>
      </c>
      <c r="H405" s="8">
        <v>7.0402249134948094E-2</v>
      </c>
    </row>
    <row r="406" spans="6:8" x14ac:dyDescent="0.3">
      <c r="F406" s="6">
        <v>42594</v>
      </c>
      <c r="G406" s="8">
        <v>0.26592043816661859</v>
      </c>
      <c r="H406" s="8">
        <v>7.0183186951066498E-2</v>
      </c>
    </row>
    <row r="407" spans="6:8" x14ac:dyDescent="0.3">
      <c r="F407" s="6">
        <v>42601</v>
      </c>
      <c r="G407" s="8">
        <v>0.2512875816993464</v>
      </c>
      <c r="H407" s="8">
        <v>6.4486882716049382E-2</v>
      </c>
    </row>
    <row r="408" spans="6:8" x14ac:dyDescent="0.3">
      <c r="F408" s="6">
        <v>42608</v>
      </c>
      <c r="G408" s="8">
        <v>0.25158975755924812</v>
      </c>
      <c r="H408" s="8">
        <v>6.7087348217782991E-2</v>
      </c>
    </row>
    <row r="409" spans="6:8" x14ac:dyDescent="0.3">
      <c r="F409" s="6">
        <v>42615</v>
      </c>
      <c r="G409" s="8">
        <v>0.24919514824797845</v>
      </c>
      <c r="H409" s="8">
        <v>6.9297557068482188E-2</v>
      </c>
    </row>
    <row r="410" spans="6:8" x14ac:dyDescent="0.3">
      <c r="F410" s="6">
        <v>42622</v>
      </c>
      <c r="G410" s="8">
        <v>0.26045239436619716</v>
      </c>
      <c r="H410" s="8">
        <v>7.0574391703230946E-2</v>
      </c>
    </row>
    <row r="411" spans="6:8" x14ac:dyDescent="0.3">
      <c r="F411" s="6">
        <v>42629</v>
      </c>
      <c r="G411" s="8">
        <v>0.25050972972972974</v>
      </c>
      <c r="H411" s="8">
        <v>7.2403795679386235E-2</v>
      </c>
    </row>
    <row r="412" spans="6:8" x14ac:dyDescent="0.3">
      <c r="F412" s="6">
        <v>42636</v>
      </c>
      <c r="G412" s="8">
        <v>0.25178594594594594</v>
      </c>
      <c r="H412" s="8">
        <v>7.4188005104210974E-2</v>
      </c>
    </row>
    <row r="413" spans="6:8" x14ac:dyDescent="0.3">
      <c r="F413" s="6">
        <v>42643</v>
      </c>
      <c r="G413" s="8">
        <v>0.23824439252336449</v>
      </c>
      <c r="H413" s="8">
        <v>7.3361134278565471E-2</v>
      </c>
    </row>
    <row r="414" spans="6:8" x14ac:dyDescent="0.3">
      <c r="F414" s="6">
        <v>42650</v>
      </c>
      <c r="G414" s="8">
        <v>0.23532110091743119</v>
      </c>
      <c r="H414" s="8">
        <v>7.8878521126760567E-2</v>
      </c>
    </row>
    <row r="415" spans="6:8" x14ac:dyDescent="0.3">
      <c r="F415" s="6">
        <v>42657</v>
      </c>
      <c r="G415" s="8">
        <v>0.23502614678899081</v>
      </c>
      <c r="H415" s="8">
        <v>8.0084229390680994E-2</v>
      </c>
    </row>
    <row r="416" spans="6:8" x14ac:dyDescent="0.3">
      <c r="F416" s="6">
        <v>42664</v>
      </c>
      <c r="G416" s="8">
        <v>0.24158917647058825</v>
      </c>
      <c r="H416" s="8">
        <v>8.9241172051089404E-2</v>
      </c>
    </row>
    <row r="417" spans="6:8" x14ac:dyDescent="0.3">
      <c r="F417" s="6">
        <v>42671</v>
      </c>
      <c r="G417" s="8">
        <v>0.28644134078212291</v>
      </c>
      <c r="H417" s="8">
        <v>8.5994285714285718E-2</v>
      </c>
    </row>
    <row r="418" spans="6:8" x14ac:dyDescent="0.3">
      <c r="F418" s="6">
        <v>42678</v>
      </c>
      <c r="G418" s="8">
        <v>0.28374560439560437</v>
      </c>
      <c r="H418" s="8">
        <v>7.9402680280791324E-2</v>
      </c>
    </row>
    <row r="419" spans="6:8" x14ac:dyDescent="0.3">
      <c r="F419" s="6">
        <v>42685</v>
      </c>
      <c r="G419" s="8">
        <v>0.28569139784946235</v>
      </c>
      <c r="H419" s="8">
        <v>8.1725210084033606E-2</v>
      </c>
    </row>
    <row r="420" spans="6:8" x14ac:dyDescent="0.3">
      <c r="F420" s="6">
        <v>42692</v>
      </c>
      <c r="G420" s="8">
        <v>0.26707848699763592</v>
      </c>
      <c r="H420" s="8">
        <v>7.8824055262088591E-2</v>
      </c>
    </row>
    <row r="421" spans="6:8" x14ac:dyDescent="0.3">
      <c r="F421" s="6">
        <v>42699</v>
      </c>
      <c r="G421" s="8">
        <v>0.26396542056074768</v>
      </c>
      <c r="H421" s="8">
        <v>8.1203774342501506E-2</v>
      </c>
    </row>
    <row r="422" spans="6:8" x14ac:dyDescent="0.3">
      <c r="F422" s="6">
        <v>42706</v>
      </c>
      <c r="G422" s="8">
        <v>0.28226450000000003</v>
      </c>
      <c r="H422" s="8">
        <v>8.0214400000000005E-2</v>
      </c>
    </row>
    <row r="423" spans="6:8" x14ac:dyDescent="0.3">
      <c r="F423" s="6">
        <v>42713</v>
      </c>
      <c r="G423" s="8">
        <v>0.29137061855670104</v>
      </c>
      <c r="H423" s="8">
        <v>8.2622668579626968E-2</v>
      </c>
    </row>
    <row r="424" spans="6:8" x14ac:dyDescent="0.3">
      <c r="F424" s="6">
        <v>42720</v>
      </c>
      <c r="G424" s="8">
        <v>0.30630927318295742</v>
      </c>
      <c r="H424" s="8">
        <v>8.0477588569191613E-2</v>
      </c>
    </row>
    <row r="425" spans="6:8" x14ac:dyDescent="0.3">
      <c r="F425" s="6">
        <v>42727</v>
      </c>
      <c r="G425" s="8">
        <v>0.31223418367346939</v>
      </c>
      <c r="H425" s="8">
        <v>8.1099476439790583E-2</v>
      </c>
    </row>
    <row r="426" spans="6:8" x14ac:dyDescent="0.3">
      <c r="F426" s="6">
        <v>42734</v>
      </c>
      <c r="G426" s="8">
        <v>0.31015465994962216</v>
      </c>
      <c r="H426" s="8">
        <v>8.1186164010882231E-2</v>
      </c>
    </row>
    <row r="427" spans="6:8" x14ac:dyDescent="0.3">
      <c r="F427" s="6">
        <v>42741</v>
      </c>
      <c r="G427" s="8">
        <v>0.31493606138107416</v>
      </c>
      <c r="H427" s="8">
        <v>8.3936673346693386E-2</v>
      </c>
    </row>
    <row r="428" spans="6:8" x14ac:dyDescent="0.3">
      <c r="F428" s="6">
        <v>42748</v>
      </c>
      <c r="G428" s="8">
        <v>0.31061666666666665</v>
      </c>
      <c r="H428" s="8">
        <v>8.3107438016528923E-2</v>
      </c>
    </row>
    <row r="429" spans="6:8" x14ac:dyDescent="0.3">
      <c r="F429" s="6">
        <v>42755</v>
      </c>
      <c r="G429" s="8">
        <v>0.29310999999999998</v>
      </c>
      <c r="H429" s="8">
        <v>8.6033678230878471E-2</v>
      </c>
    </row>
    <row r="430" spans="6:8" x14ac:dyDescent="0.3">
      <c r="F430" s="6">
        <v>42762</v>
      </c>
      <c r="G430" s="8">
        <v>0.30141414634146341</v>
      </c>
      <c r="H430" s="8">
        <v>8.7165438165438161E-2</v>
      </c>
    </row>
    <row r="431" spans="6:8" x14ac:dyDescent="0.3">
      <c r="F431" s="6">
        <v>42769</v>
      </c>
      <c r="G431" s="8">
        <v>0.29932815533980583</v>
      </c>
      <c r="H431" s="8">
        <v>8.6488347680033592E-2</v>
      </c>
    </row>
    <row r="432" spans="6:8" x14ac:dyDescent="0.3">
      <c r="F432" s="6">
        <v>42776</v>
      </c>
      <c r="G432" s="8">
        <v>0.31701923076923078</v>
      </c>
      <c r="H432" s="8">
        <v>8.4770478507704763E-2</v>
      </c>
    </row>
    <row r="433" spans="6:8" x14ac:dyDescent="0.3">
      <c r="F433" s="6">
        <v>42783</v>
      </c>
      <c r="G433" s="8">
        <v>0.32995361596009976</v>
      </c>
      <c r="H433" s="8">
        <v>9.4487010127697044E-2</v>
      </c>
    </row>
    <row r="434" spans="6:8" x14ac:dyDescent="0.3">
      <c r="F434" s="6">
        <v>42790</v>
      </c>
      <c r="G434" s="8">
        <v>0.36020978260869568</v>
      </c>
      <c r="H434" s="8">
        <v>9.4264744429882058E-2</v>
      </c>
    </row>
    <row r="435" spans="6:8" x14ac:dyDescent="0.3">
      <c r="F435" s="6">
        <v>42797</v>
      </c>
      <c r="G435" s="8">
        <v>0.3657259668508287</v>
      </c>
      <c r="H435" s="8">
        <v>0.10220784583620095</v>
      </c>
    </row>
    <row r="436" spans="6:8" x14ac:dyDescent="0.3">
      <c r="F436" s="6">
        <v>42804</v>
      </c>
      <c r="G436" s="8">
        <v>0.37098823529411762</v>
      </c>
      <c r="H436" s="8">
        <v>0.10913432835820897</v>
      </c>
    </row>
    <row r="437" spans="6:8" x14ac:dyDescent="0.3">
      <c r="F437" s="6">
        <v>42811</v>
      </c>
      <c r="G437" s="8">
        <v>0.40254121212121213</v>
      </c>
      <c r="H437" s="8">
        <v>0.12223852242744064</v>
      </c>
    </row>
    <row r="438" spans="6:8" x14ac:dyDescent="0.3">
      <c r="F438" s="6">
        <v>42818</v>
      </c>
      <c r="G438" s="8">
        <v>0.40083999999999997</v>
      </c>
      <c r="H438" s="8">
        <v>0.11510569105691058</v>
      </c>
    </row>
    <row r="439" spans="6:8" x14ac:dyDescent="0.3">
      <c r="F439" s="6">
        <v>42825</v>
      </c>
      <c r="G439" s="8">
        <v>0.41018493975903614</v>
      </c>
      <c r="H439" s="8">
        <v>0.11728914405010438</v>
      </c>
    </row>
    <row r="440" spans="6:8" x14ac:dyDescent="0.3">
      <c r="F440" s="6">
        <v>42832</v>
      </c>
      <c r="G440" s="8">
        <v>0.41338848484848484</v>
      </c>
      <c r="H440" s="8">
        <v>0.11547239263803682</v>
      </c>
    </row>
    <row r="441" spans="6:8" x14ac:dyDescent="0.3">
      <c r="F441" s="6">
        <v>42839</v>
      </c>
      <c r="G441" s="8">
        <v>0.41499151515151517</v>
      </c>
      <c r="H441" s="8">
        <v>0.11249877270495826</v>
      </c>
    </row>
    <row r="442" spans="6:8" x14ac:dyDescent="0.3">
      <c r="F442" s="6">
        <v>42846</v>
      </c>
      <c r="G442" s="8">
        <v>0.41624666666666665</v>
      </c>
      <c r="H442" s="8">
        <v>0.11646717557251909</v>
      </c>
    </row>
    <row r="443" spans="6:8" x14ac:dyDescent="0.3">
      <c r="F443" s="6">
        <v>42853</v>
      </c>
      <c r="G443" s="8">
        <v>0.41764060606060605</v>
      </c>
      <c r="H443" s="8">
        <v>0.1292707182320442</v>
      </c>
    </row>
    <row r="444" spans="6:8" x14ac:dyDescent="0.3">
      <c r="F444" s="6">
        <v>42860</v>
      </c>
      <c r="G444" s="8">
        <v>0.41774787878787883</v>
      </c>
      <c r="H444" s="8">
        <v>0.13346885617214044</v>
      </c>
    </row>
    <row r="445" spans="6:8" x14ac:dyDescent="0.3">
      <c r="F445" s="6">
        <v>42867</v>
      </c>
      <c r="G445" s="8">
        <v>0.41797151515151515</v>
      </c>
      <c r="H445" s="8">
        <v>0.140128841607565</v>
      </c>
    </row>
    <row r="446" spans="6:8" x14ac:dyDescent="0.3">
      <c r="F446" s="6">
        <v>42874</v>
      </c>
      <c r="G446" s="8">
        <v>0.43095090909090911</v>
      </c>
      <c r="H446" s="8">
        <v>0.1317111477210324</v>
      </c>
    </row>
    <row r="447" spans="6:8" x14ac:dyDescent="0.3">
      <c r="F447" s="6">
        <v>42881</v>
      </c>
      <c r="G447" s="8">
        <v>0.43365393939393937</v>
      </c>
      <c r="H447" s="8">
        <v>0.14243066120538328</v>
      </c>
    </row>
    <row r="448" spans="6:8" x14ac:dyDescent="0.3">
      <c r="F448" s="6">
        <v>42888</v>
      </c>
      <c r="G448" s="8">
        <v>0.43628119293974438</v>
      </c>
      <c r="H448" s="8">
        <v>0.1458087367178276</v>
      </c>
    </row>
    <row r="449" spans="6:8" x14ac:dyDescent="0.3">
      <c r="F449" s="6">
        <v>42895</v>
      </c>
      <c r="G449" s="8">
        <v>0.43809125591332215</v>
      </c>
      <c r="H449" s="8">
        <v>0.15399629629629633</v>
      </c>
    </row>
    <row r="450" spans="6:8" x14ac:dyDescent="0.3">
      <c r="F450" s="6">
        <v>42902</v>
      </c>
      <c r="G450" s="8">
        <v>0.44830070038910502</v>
      </c>
      <c r="H450" s="8">
        <v>0.158383477188656</v>
      </c>
    </row>
    <row r="451" spans="6:8" x14ac:dyDescent="0.3">
      <c r="F451" s="6">
        <v>42909</v>
      </c>
      <c r="G451" s="8">
        <v>0.45916364772017487</v>
      </c>
      <c r="H451" s="8">
        <v>0.15975261538461538</v>
      </c>
    </row>
    <row r="452" spans="6:8" x14ac:dyDescent="0.3">
      <c r="F452" s="6">
        <v>42916</v>
      </c>
      <c r="G452" s="8">
        <v>0.46409199747952112</v>
      </c>
      <c r="H452" s="8">
        <v>0.15422077151335309</v>
      </c>
    </row>
    <row r="453" spans="6:8" x14ac:dyDescent="0.3">
      <c r="F453" s="6">
        <v>42923</v>
      </c>
      <c r="G453" s="8">
        <v>0.46390806045340049</v>
      </c>
      <c r="H453" s="8">
        <v>0.1514577056778679</v>
      </c>
    </row>
    <row r="454" spans="6:8" x14ac:dyDescent="0.3">
      <c r="F454" s="6">
        <v>42930</v>
      </c>
      <c r="G454" s="8">
        <v>0.46490521999684592</v>
      </c>
      <c r="H454" s="8">
        <v>0.15964963503649632</v>
      </c>
    </row>
    <row r="455" spans="6:8" x14ac:dyDescent="0.3">
      <c r="F455" s="6">
        <v>42937</v>
      </c>
      <c r="G455" s="8">
        <v>0.46839822165766914</v>
      </c>
      <c r="H455" s="8">
        <v>0.15451431911163063</v>
      </c>
    </row>
    <row r="456" spans="6:8" x14ac:dyDescent="0.3">
      <c r="F456" s="6">
        <v>42944</v>
      </c>
      <c r="G456" s="8">
        <v>0.47136892430278882</v>
      </c>
      <c r="H456" s="8">
        <v>0.15080410022779045</v>
      </c>
    </row>
    <row r="457" spans="6:8" x14ac:dyDescent="0.3">
      <c r="F457" s="6">
        <v>42951</v>
      </c>
      <c r="G457" s="8">
        <v>0.47434252726106479</v>
      </c>
      <c r="H457" s="8">
        <v>0.1506447592067989</v>
      </c>
    </row>
    <row r="458" spans="6:8" x14ac:dyDescent="0.3">
      <c r="F458" s="6">
        <v>42958</v>
      </c>
      <c r="G458" s="8">
        <v>0.47516046213093704</v>
      </c>
      <c r="H458" s="8">
        <v>0.13960498960498963</v>
      </c>
    </row>
    <row r="459" spans="6:8" x14ac:dyDescent="0.3">
      <c r="F459" s="6">
        <v>42965</v>
      </c>
      <c r="G459" s="8">
        <v>0.47590309642226863</v>
      </c>
      <c r="H459" s="8">
        <v>0.14672243346007605</v>
      </c>
    </row>
    <row r="460" spans="6:8" x14ac:dyDescent="0.3">
      <c r="F460" s="6">
        <v>42972</v>
      </c>
      <c r="G460" s="8">
        <v>0.47658283690227016</v>
      </c>
      <c r="H460" s="8">
        <v>0.15754332552693212</v>
      </c>
    </row>
    <row r="461" spans="6:8" x14ac:dyDescent="0.3">
      <c r="F461" s="6">
        <v>42979</v>
      </c>
      <c r="G461" s="8">
        <v>0.47904333764553686</v>
      </c>
      <c r="H461" s="8">
        <v>0.15379479851386108</v>
      </c>
    </row>
    <row r="462" spans="6:8" x14ac:dyDescent="0.3">
      <c r="F462" s="6">
        <v>42986</v>
      </c>
      <c r="G462" s="8">
        <v>0.4823881471833279</v>
      </c>
      <c r="H462" s="8">
        <v>0.13771736342651961</v>
      </c>
    </row>
    <row r="463" spans="6:8" x14ac:dyDescent="0.3">
      <c r="F463" s="6">
        <v>42993</v>
      </c>
      <c r="G463" s="8">
        <v>0.48218489583333335</v>
      </c>
      <c r="H463" s="8">
        <v>0.14409888357256781</v>
      </c>
    </row>
    <row r="464" spans="6:8" x14ac:dyDescent="0.3">
      <c r="F464" s="6">
        <v>43000</v>
      </c>
      <c r="G464" s="8">
        <v>0.48395166557805352</v>
      </c>
      <c r="H464" s="8">
        <v>0.13776040609137058</v>
      </c>
    </row>
    <row r="465" spans="6:8" x14ac:dyDescent="0.3">
      <c r="F465" s="6">
        <v>43007</v>
      </c>
      <c r="G465" s="8">
        <v>0.48856268509378081</v>
      </c>
      <c r="H465" s="8">
        <v>0.14133673469387753</v>
      </c>
    </row>
    <row r="466" spans="6:8" x14ac:dyDescent="0.3">
      <c r="F466" s="6">
        <v>43014</v>
      </c>
      <c r="G466" s="8">
        <v>0.4928503153003651</v>
      </c>
      <c r="H466" s="8">
        <v>0.15886152099886491</v>
      </c>
    </row>
    <row r="467" spans="6:8" x14ac:dyDescent="0.3">
      <c r="F467" s="6">
        <v>43021</v>
      </c>
      <c r="G467" s="8">
        <v>0.49848790322580638</v>
      </c>
      <c r="H467" s="8">
        <v>0.16238528896672505</v>
      </c>
    </row>
    <row r="468" spans="6:8" x14ac:dyDescent="0.3">
      <c r="F468" s="6">
        <v>43028</v>
      </c>
      <c r="G468" s="8">
        <v>0.49902958977807665</v>
      </c>
      <c r="H468" s="8">
        <v>0.16198149219201852</v>
      </c>
    </row>
    <row r="469" spans="6:8" x14ac:dyDescent="0.3">
      <c r="F469" s="6">
        <v>43035</v>
      </c>
      <c r="G469" s="8">
        <v>0.49857869045615216</v>
      </c>
      <c r="H469" s="8">
        <v>0.16659551886792454</v>
      </c>
    </row>
    <row r="470" spans="6:8" x14ac:dyDescent="0.3">
      <c r="F470" s="6">
        <v>43042</v>
      </c>
      <c r="G470" s="8">
        <v>0.50337512707556764</v>
      </c>
      <c r="H470" s="8">
        <v>0.18094783155248273</v>
      </c>
    </row>
    <row r="471" spans="6:8" x14ac:dyDescent="0.3">
      <c r="F471" s="6">
        <v>43049</v>
      </c>
      <c r="G471" s="8">
        <v>0.49826442953020134</v>
      </c>
      <c r="H471" s="8">
        <v>0.17781540342298288</v>
      </c>
    </row>
    <row r="472" spans="6:8" x14ac:dyDescent="0.3">
      <c r="F472" s="6">
        <v>43056</v>
      </c>
      <c r="G472" s="8">
        <v>0.50026211788549224</v>
      </c>
      <c r="H472" s="8">
        <v>0.17657451923076919</v>
      </c>
    </row>
    <row r="473" spans="6:8" x14ac:dyDescent="0.3">
      <c r="F473" s="6">
        <v>43063</v>
      </c>
      <c r="G473" s="8">
        <v>0.50248778833107188</v>
      </c>
      <c r="H473" s="8">
        <v>0.18717691342534507</v>
      </c>
    </row>
    <row r="474" spans="6:8" x14ac:dyDescent="0.3">
      <c r="F474" s="6">
        <v>43070</v>
      </c>
      <c r="G474" s="8">
        <v>0.50418225093505609</v>
      </c>
      <c r="H474" s="8">
        <v>0.17762448979591836</v>
      </c>
    </row>
    <row r="475" spans="6:8" x14ac:dyDescent="0.3">
      <c r="F475" s="6">
        <v>43077</v>
      </c>
      <c r="G475" s="8">
        <v>0.5074888091576969</v>
      </c>
      <c r="H475" s="8">
        <v>0.19349646480172147</v>
      </c>
    </row>
    <row r="476" spans="6:8" x14ac:dyDescent="0.3">
      <c r="F476" s="6">
        <v>43084</v>
      </c>
      <c r="G476" s="8">
        <v>0.51827687074829931</v>
      </c>
      <c r="H476" s="8">
        <v>0.21870140280561123</v>
      </c>
    </row>
    <row r="477" spans="6:8" x14ac:dyDescent="0.3">
      <c r="F477" s="6">
        <v>43091</v>
      </c>
      <c r="G477" s="8">
        <v>0.51909473684210528</v>
      </c>
      <c r="H477" s="8">
        <v>0.22840106951871655</v>
      </c>
    </row>
    <row r="478" spans="6:8" x14ac:dyDescent="0.3">
      <c r="F478" s="6">
        <v>43098</v>
      </c>
      <c r="G478" s="8">
        <v>0.55412739775606223</v>
      </c>
      <c r="H478" s="8">
        <v>0.23144107744107745</v>
      </c>
    </row>
    <row r="479" spans="6:8" x14ac:dyDescent="0.3">
      <c r="F479" s="6">
        <v>43105</v>
      </c>
      <c r="G479" s="8">
        <v>0.55419471588852698</v>
      </c>
      <c r="H479" s="8">
        <v>0.24500070771408347</v>
      </c>
    </row>
    <row r="480" spans="6:8" x14ac:dyDescent="0.3">
      <c r="F480" s="6">
        <v>43112</v>
      </c>
      <c r="G480" s="8">
        <v>0.5547231270358306</v>
      </c>
      <c r="H480" s="8">
        <v>0.23445083612040132</v>
      </c>
    </row>
    <row r="481" spans="6:8" x14ac:dyDescent="0.3">
      <c r="F481" s="6">
        <v>43119</v>
      </c>
      <c r="G481" s="8">
        <v>0.55475931958016644</v>
      </c>
      <c r="H481" s="8">
        <v>0.22707682458386683</v>
      </c>
    </row>
    <row r="482" spans="6:8" x14ac:dyDescent="0.3">
      <c r="F482" s="6">
        <v>43126</v>
      </c>
      <c r="G482" s="8">
        <v>0.55618313427433941</v>
      </c>
      <c r="H482" s="8">
        <v>0.2122951205173427</v>
      </c>
    </row>
    <row r="483" spans="6:8" x14ac:dyDescent="0.3">
      <c r="F483" s="6">
        <v>43133</v>
      </c>
      <c r="G483" s="8">
        <v>0.55848715164676077</v>
      </c>
      <c r="H483" s="8">
        <v>0.22156218006624512</v>
      </c>
    </row>
    <row r="484" spans="6:8" x14ac:dyDescent="0.3">
      <c r="F484" s="6">
        <v>43140</v>
      </c>
      <c r="G484" s="8">
        <v>0.57227651103872601</v>
      </c>
      <c r="H484" s="8">
        <v>0.1909873417721519</v>
      </c>
    </row>
    <row r="485" spans="6:8" x14ac:dyDescent="0.3">
      <c r="F485" s="6">
        <v>43147</v>
      </c>
      <c r="G485" s="8">
        <v>0.57127542526239594</v>
      </c>
      <c r="H485" s="8">
        <v>0.20739548472775565</v>
      </c>
    </row>
    <row r="486" spans="6:8" x14ac:dyDescent="0.3">
      <c r="F486" s="6">
        <v>43154</v>
      </c>
      <c r="G486" s="8">
        <v>0.57149258052841123</v>
      </c>
      <c r="H486" s="8">
        <v>0.23576730657358927</v>
      </c>
    </row>
    <row r="487" spans="6:8" x14ac:dyDescent="0.3">
      <c r="F487" s="6">
        <v>43161</v>
      </c>
      <c r="G487" s="8">
        <v>0.57112558812884551</v>
      </c>
      <c r="H487" s="8">
        <v>0.22973428886438807</v>
      </c>
    </row>
    <row r="488" spans="6:8" x14ac:dyDescent="0.3">
      <c r="F488" s="6">
        <v>43168</v>
      </c>
      <c r="G488" s="8">
        <v>0.57154035468693454</v>
      </c>
      <c r="H488" s="8">
        <v>0.27067255520504735</v>
      </c>
    </row>
    <row r="489" spans="6:8" x14ac:dyDescent="0.3">
      <c r="F489" s="6">
        <v>43175</v>
      </c>
      <c r="G489" s="8">
        <v>0.57068403908794785</v>
      </c>
      <c r="H489" s="8">
        <v>0.26824404761904763</v>
      </c>
    </row>
    <row r="490" spans="6:8" x14ac:dyDescent="0.3">
      <c r="F490" s="6">
        <v>43182</v>
      </c>
      <c r="G490" s="8">
        <v>0.5707441187115454</v>
      </c>
      <c r="H490" s="8">
        <v>0.2715392670157068</v>
      </c>
    </row>
    <row r="491" spans="6:8" x14ac:dyDescent="0.3">
      <c r="F491" s="6">
        <v>43189</v>
      </c>
      <c r="G491" s="8">
        <v>0.57051248642779584</v>
      </c>
      <c r="H491" s="8">
        <v>0.29070471464019848</v>
      </c>
    </row>
    <row r="492" spans="6:8" x14ac:dyDescent="0.3">
      <c r="F492" s="6">
        <v>43196</v>
      </c>
      <c r="G492" s="8">
        <v>0.57034165761853062</v>
      </c>
      <c r="H492" s="8">
        <v>0.30604708158658495</v>
      </c>
    </row>
    <row r="493" spans="6:8" x14ac:dyDescent="0.3">
      <c r="F493" s="6">
        <v>43203</v>
      </c>
      <c r="G493" s="8">
        <v>0.57045964531306548</v>
      </c>
      <c r="H493" s="8">
        <v>0.32135750251762341</v>
      </c>
    </row>
    <row r="494" spans="6:8" x14ac:dyDescent="0.3">
      <c r="F494" s="6">
        <v>43210</v>
      </c>
      <c r="G494" s="8">
        <v>0.56927035830618888</v>
      </c>
      <c r="H494" s="8">
        <v>0.32585432266848202</v>
      </c>
    </row>
    <row r="495" spans="6:8" x14ac:dyDescent="0.3">
      <c r="F495" s="6">
        <v>43217</v>
      </c>
      <c r="G495" s="8">
        <v>0.57003257328990231</v>
      </c>
      <c r="H495" s="8">
        <v>0.33</v>
      </c>
    </row>
    <row r="496" spans="6:8" x14ac:dyDescent="0.3">
      <c r="F496" s="6">
        <v>43224</v>
      </c>
      <c r="G496" s="8">
        <v>0.52188699254349635</v>
      </c>
      <c r="H496" s="8">
        <v>0.32304576043068645</v>
      </c>
    </row>
    <row r="497" spans="6:8" x14ac:dyDescent="0.3">
      <c r="F497" s="6">
        <v>43231</v>
      </c>
      <c r="G497" s="8">
        <v>0.52182734051367019</v>
      </c>
      <c r="H497" s="8">
        <v>0.33516478873239436</v>
      </c>
    </row>
    <row r="498" spans="6:8" x14ac:dyDescent="0.3">
      <c r="F498" s="6">
        <v>43238</v>
      </c>
      <c r="G498" s="8">
        <v>0.52313305716652858</v>
      </c>
      <c r="H498" s="8">
        <v>0.33209449929478141</v>
      </c>
    </row>
    <row r="499" spans="6:8" x14ac:dyDescent="0.3">
      <c r="F499" s="6">
        <v>43245</v>
      </c>
      <c r="G499" s="8">
        <v>0.52321657000828503</v>
      </c>
      <c r="H499" s="8">
        <v>0.31852817379497622</v>
      </c>
    </row>
    <row r="500" spans="6:8" x14ac:dyDescent="0.3">
      <c r="F500" s="6">
        <v>43252</v>
      </c>
      <c r="G500" s="8">
        <v>0.95088077271355254</v>
      </c>
      <c r="H500" s="8">
        <v>0.31562020202020202</v>
      </c>
    </row>
    <row r="501" spans="6:8" x14ac:dyDescent="0.3">
      <c r="F501" s="6">
        <v>43259</v>
      </c>
      <c r="G501" s="8">
        <v>0.93702786010669825</v>
      </c>
      <c r="H501" s="8">
        <v>0.31447568287808125</v>
      </c>
    </row>
    <row r="502" spans="6:8" x14ac:dyDescent="0.3">
      <c r="F502" s="6">
        <v>43266</v>
      </c>
      <c r="G502" s="8">
        <v>0.94058091286307044</v>
      </c>
      <c r="H502" s="8">
        <v>0.33283263009845293</v>
      </c>
    </row>
    <row r="503" spans="6:8" x14ac:dyDescent="0.3">
      <c r="F503" s="6">
        <v>43273</v>
      </c>
      <c r="G503" s="8">
        <v>0.52442169841782371</v>
      </c>
      <c r="H503" s="8">
        <v>0.32389698407319556</v>
      </c>
    </row>
    <row r="504" spans="6:8" x14ac:dyDescent="0.3">
      <c r="F504" s="6">
        <v>43280</v>
      </c>
      <c r="G504" s="8">
        <v>0.52584893479664296</v>
      </c>
      <c r="H504" s="8">
        <v>0.31743333333333335</v>
      </c>
    </row>
    <row r="505" spans="6:8" x14ac:dyDescent="0.3">
      <c r="F505" s="6">
        <v>43287</v>
      </c>
      <c r="G505" s="8">
        <v>0.54036785418392708</v>
      </c>
      <c r="H505" s="8">
        <v>0.33987705503931381</v>
      </c>
    </row>
    <row r="506" spans="6:8" x14ac:dyDescent="0.3">
      <c r="F506" s="6">
        <v>43294</v>
      </c>
      <c r="G506" s="8">
        <v>0.52592092948200753</v>
      </c>
      <c r="H506" s="8">
        <v>0.32902213001383118</v>
      </c>
    </row>
    <row r="507" spans="6:8" x14ac:dyDescent="0.3">
      <c r="F507" s="6">
        <v>43301</v>
      </c>
      <c r="G507" s="8">
        <v>0.52974288964732641</v>
      </c>
      <c r="H507" s="8">
        <v>0.31093794905290661</v>
      </c>
    </row>
    <row r="508" spans="6:8" x14ac:dyDescent="0.3">
      <c r="F508" s="6">
        <v>43308</v>
      </c>
      <c r="G508" s="8">
        <v>0.52483459738583182</v>
      </c>
      <c r="H508" s="8">
        <v>0.3131108179419525</v>
      </c>
    </row>
    <row r="509" spans="6:8" x14ac:dyDescent="0.3">
      <c r="F509" s="6">
        <v>43315</v>
      </c>
      <c r="G509" s="8">
        <v>0.52523285460706803</v>
      </c>
      <c r="H509" s="8">
        <v>0.32828887353144431</v>
      </c>
    </row>
    <row r="510" spans="6:8" x14ac:dyDescent="0.3">
      <c r="F510" s="6">
        <v>43322</v>
      </c>
      <c r="G510" s="8">
        <v>0.52569501371631433</v>
      </c>
      <c r="H510" s="8">
        <v>0.30267136902853475</v>
      </c>
    </row>
    <row r="511" spans="6:8" x14ac:dyDescent="0.3">
      <c r="F511" s="6">
        <v>43329</v>
      </c>
      <c r="G511" s="8">
        <v>0.52605843422114607</v>
      </c>
      <c r="H511" s="8">
        <v>0.30234362934362935</v>
      </c>
    </row>
    <row r="512" spans="6:8" x14ac:dyDescent="0.3">
      <c r="F512" s="6">
        <v>43336</v>
      </c>
      <c r="G512" s="8">
        <v>0.52556591899306115</v>
      </c>
      <c r="H512" s="8">
        <v>0.32136618754277896</v>
      </c>
    </row>
    <row r="513" spans="6:8" x14ac:dyDescent="0.3">
      <c r="F513" s="6">
        <v>43343</v>
      </c>
      <c r="G513" s="8">
        <v>0.52547555268678392</v>
      </c>
      <c r="H513" s="8">
        <v>0.31971195652173912</v>
      </c>
    </row>
    <row r="514" spans="6:8" x14ac:dyDescent="0.3">
      <c r="F514" s="6">
        <v>43350</v>
      </c>
      <c r="G514" s="8">
        <v>0.52545601291363997</v>
      </c>
      <c r="H514" s="8">
        <v>0.31643835616438359</v>
      </c>
    </row>
    <row r="515" spans="6:8" x14ac:dyDescent="0.3">
      <c r="F515" s="6">
        <v>43357</v>
      </c>
      <c r="G515" s="8">
        <v>0.52650185573664676</v>
      </c>
      <c r="H515" s="8">
        <v>0.32971666666666671</v>
      </c>
    </row>
    <row r="516" spans="6:8" x14ac:dyDescent="0.3">
      <c r="F516" s="6">
        <v>43364</v>
      </c>
      <c r="G516" s="8">
        <v>0.54075401689580915</v>
      </c>
      <c r="H516" s="8">
        <v>0.33365031098825154</v>
      </c>
    </row>
    <row r="517" spans="6:8" x14ac:dyDescent="0.3">
      <c r="F517" s="6">
        <v>43371</v>
      </c>
      <c r="G517" s="8">
        <v>0.59779378427787933</v>
      </c>
      <c r="H517" s="8">
        <v>0.3545101156069364</v>
      </c>
    </row>
    <row r="518" spans="6:8" x14ac:dyDescent="0.3">
      <c r="F518" s="6">
        <v>43378</v>
      </c>
      <c r="G518" s="8">
        <v>0.55686030287561683</v>
      </c>
      <c r="H518" s="8">
        <v>0.34743758765778404</v>
      </c>
    </row>
    <row r="519" spans="6:8" x14ac:dyDescent="0.3">
      <c r="F519" s="6">
        <v>43385</v>
      </c>
      <c r="G519" s="8">
        <v>0.6325543562066307</v>
      </c>
      <c r="H519" s="8">
        <v>0.34931167933655838</v>
      </c>
    </row>
    <row r="520" spans="6:8" x14ac:dyDescent="0.3">
      <c r="F520" s="6">
        <v>43392</v>
      </c>
      <c r="G520" s="8">
        <v>0.64973420479302824</v>
      </c>
      <c r="H520" s="8">
        <v>0.37323546511627903</v>
      </c>
    </row>
    <row r="521" spans="6:8" x14ac:dyDescent="0.3">
      <c r="F521" s="6">
        <v>43399</v>
      </c>
      <c r="G521" s="8">
        <v>0.58400852878464804</v>
      </c>
      <c r="H521" s="8">
        <v>0.34555878467635398</v>
      </c>
    </row>
    <row r="522" spans="6:8" x14ac:dyDescent="0.3">
      <c r="F522" s="6">
        <v>43406</v>
      </c>
      <c r="G522" s="8">
        <v>0.60858078763341916</v>
      </c>
      <c r="H522" s="8">
        <v>0.37588111888111886</v>
      </c>
    </row>
    <row r="523" spans="6:8" x14ac:dyDescent="0.3">
      <c r="F523" s="6">
        <v>43413</v>
      </c>
      <c r="G523" s="8">
        <v>0.61060603829160531</v>
      </c>
      <c r="H523" s="8">
        <v>0.38767236467236471</v>
      </c>
    </row>
    <row r="524" spans="6:8" x14ac:dyDescent="0.3">
      <c r="F524" s="6">
        <v>43420</v>
      </c>
      <c r="G524" s="8">
        <v>0.62025257731958772</v>
      </c>
      <c r="H524" s="8">
        <v>0.37489161554192224</v>
      </c>
    </row>
    <row r="525" spans="6:8" x14ac:dyDescent="0.3">
      <c r="F525" s="6">
        <v>43427</v>
      </c>
      <c r="G525" s="8">
        <v>0.54443346253229974</v>
      </c>
      <c r="H525" s="8">
        <v>0.40143707422015057</v>
      </c>
    </row>
    <row r="526" spans="6:8" x14ac:dyDescent="0.3">
      <c r="F526" s="6">
        <v>43434</v>
      </c>
      <c r="G526" s="8">
        <v>0.56004640371229708</v>
      </c>
      <c r="H526" s="8">
        <v>0.41690497076023392</v>
      </c>
    </row>
    <row r="527" spans="6:8" x14ac:dyDescent="0.3">
      <c r="F527" s="6">
        <v>43441</v>
      </c>
      <c r="G527" s="8">
        <v>0.56453911592994166</v>
      </c>
      <c r="H527" s="8">
        <v>0.41749493487698985</v>
      </c>
    </row>
    <row r="528" spans="6:8" x14ac:dyDescent="0.3">
      <c r="F528" s="6">
        <v>43448</v>
      </c>
      <c r="G528" s="8">
        <v>0.57138695505238246</v>
      </c>
      <c r="H528" s="8">
        <v>0.43938880484114978</v>
      </c>
    </row>
    <row r="529" spans="6:8" x14ac:dyDescent="0.3">
      <c r="F529" s="6">
        <v>43455</v>
      </c>
      <c r="G529" s="8">
        <v>0.58799046483909423</v>
      </c>
      <c r="H529" s="8">
        <v>0.36307017543859649</v>
      </c>
    </row>
    <row r="530" spans="6:8" x14ac:dyDescent="0.3">
      <c r="F530" s="6">
        <v>43462</v>
      </c>
      <c r="G530" s="8">
        <v>0.53060608841976431</v>
      </c>
      <c r="H530" s="8">
        <v>0.33698885630498532</v>
      </c>
    </row>
    <row r="531" spans="6:8" x14ac:dyDescent="0.3">
      <c r="F531" s="6">
        <v>43469</v>
      </c>
      <c r="G531" s="8">
        <v>0.5301820406914487</v>
      </c>
      <c r="H531" s="8">
        <v>0.33189737676563852</v>
      </c>
    </row>
    <row r="532" spans="6:8" x14ac:dyDescent="0.3">
      <c r="F532" s="6">
        <v>43476</v>
      </c>
      <c r="G532" s="8">
        <v>0.54531361132966172</v>
      </c>
      <c r="H532" s="8">
        <v>0.35150523076923079</v>
      </c>
    </row>
    <row r="533" spans="6:8" x14ac:dyDescent="0.3">
      <c r="F533" s="6">
        <v>43483</v>
      </c>
      <c r="G533" s="8">
        <v>0.65724772727272729</v>
      </c>
      <c r="H533" s="8">
        <v>0.37646194573130382</v>
      </c>
    </row>
    <row r="534" spans="6:8" x14ac:dyDescent="0.3">
      <c r="F534" s="6">
        <v>43490</v>
      </c>
      <c r="G534" s="8">
        <v>0.65762651515151527</v>
      </c>
      <c r="H534" s="8">
        <v>0.40103180212014133</v>
      </c>
    </row>
    <row r="535" spans="6:8" x14ac:dyDescent="0.3">
      <c r="F535" s="6">
        <v>43497</v>
      </c>
      <c r="G535" s="8">
        <v>0.6567803030303031</v>
      </c>
      <c r="H535" s="8">
        <v>0.40527429805615545</v>
      </c>
    </row>
    <row r="536" spans="6:8" x14ac:dyDescent="0.3">
      <c r="F536" s="6">
        <v>43504</v>
      </c>
      <c r="G536" s="8">
        <v>0.65610823084200565</v>
      </c>
      <c r="H536" s="8">
        <v>0.40297506324539212</v>
      </c>
    </row>
    <row r="537" spans="6:8" x14ac:dyDescent="0.3">
      <c r="F537" s="6">
        <v>43511</v>
      </c>
      <c r="G537" s="8">
        <v>0.67746415981198593</v>
      </c>
      <c r="H537" s="8">
        <v>0.40896088560885602</v>
      </c>
    </row>
    <row r="538" spans="6:8" x14ac:dyDescent="0.3">
      <c r="F538" s="6">
        <v>43518</v>
      </c>
      <c r="G538" s="8">
        <v>0.69461048387096769</v>
      </c>
      <c r="H538" s="8">
        <v>0.44534859011033928</v>
      </c>
    </row>
    <row r="539" spans="6:8" x14ac:dyDescent="0.3">
      <c r="F539" s="6">
        <v>43525</v>
      </c>
      <c r="G539" s="8">
        <v>0.71414478323999164</v>
      </c>
      <c r="H539" s="8">
        <v>0.4408960396039604</v>
      </c>
    </row>
    <row r="540" spans="6:8" x14ac:dyDescent="0.3">
      <c r="F540" s="6">
        <v>43532</v>
      </c>
      <c r="G540" s="8">
        <v>0.72576492930998093</v>
      </c>
      <c r="H540" s="8">
        <v>0.4372039312039312</v>
      </c>
    </row>
    <row r="541" spans="6:8" x14ac:dyDescent="0.3">
      <c r="F541" s="6">
        <v>43539</v>
      </c>
      <c r="G541" s="8">
        <v>0.78562211560429529</v>
      </c>
      <c r="H541" s="8">
        <v>0.47783230361871132</v>
      </c>
    </row>
    <row r="542" spans="6:8" x14ac:dyDescent="0.3">
      <c r="F542" s="6">
        <v>43546</v>
      </c>
      <c r="G542" s="8">
        <v>0.76815126426493618</v>
      </c>
      <c r="H542" s="8">
        <v>0.41255581216320242</v>
      </c>
    </row>
    <row r="543" spans="6:8" x14ac:dyDescent="0.3">
      <c r="F543" s="6">
        <v>43553</v>
      </c>
      <c r="G543" s="8">
        <v>0.72062158756824868</v>
      </c>
      <c r="H543" s="8">
        <v>0.4180070615927815</v>
      </c>
    </row>
    <row r="544" spans="6:8" x14ac:dyDescent="0.3">
      <c r="F544" s="6">
        <v>43560</v>
      </c>
      <c r="G544" s="8">
        <v>0.74530108932461869</v>
      </c>
      <c r="H544" s="8">
        <v>0.4781009009009009</v>
      </c>
    </row>
    <row r="545" spans="6:8" x14ac:dyDescent="0.3">
      <c r="F545" s="6">
        <v>43567</v>
      </c>
      <c r="G545" s="8">
        <v>0.77176364456472701</v>
      </c>
      <c r="H545" s="8">
        <v>0.49301249421564092</v>
      </c>
    </row>
    <row r="546" spans="6:8" x14ac:dyDescent="0.3">
      <c r="F546" s="6">
        <v>43574</v>
      </c>
      <c r="G546" s="8">
        <v>0.78703077629765728</v>
      </c>
      <c r="H546" s="8">
        <v>0.51325459825750241</v>
      </c>
    </row>
    <row r="547" spans="6:8" x14ac:dyDescent="0.3">
      <c r="F547" s="6">
        <v>43581</v>
      </c>
      <c r="G547" s="8">
        <v>0.78029865695424538</v>
      </c>
      <c r="H547" s="8">
        <v>0.46315347616965452</v>
      </c>
    </row>
    <row r="548" spans="6:8" x14ac:dyDescent="0.3">
      <c r="F548" s="6">
        <v>43588</v>
      </c>
      <c r="G548" s="8">
        <v>0.8096766580127448</v>
      </c>
      <c r="H548" s="8">
        <v>0.46959821029082777</v>
      </c>
    </row>
    <row r="549" spans="6:8" x14ac:dyDescent="0.3">
      <c r="F549" s="6">
        <v>43595</v>
      </c>
      <c r="G549" s="8">
        <v>0.78476525714285716</v>
      </c>
      <c r="H549" s="8">
        <v>0.39817348108521211</v>
      </c>
    </row>
    <row r="550" spans="6:8" x14ac:dyDescent="0.3">
      <c r="F550" s="6">
        <v>43602</v>
      </c>
      <c r="G550" s="8">
        <v>0.76552185548617302</v>
      </c>
      <c r="H550" s="8">
        <v>0.39837241379310345</v>
      </c>
    </row>
    <row r="551" spans="6:8" x14ac:dyDescent="0.3">
      <c r="F551" s="6">
        <v>43609</v>
      </c>
      <c r="G551" s="8">
        <v>0.77222252252252266</v>
      </c>
      <c r="H551" s="8">
        <v>0.39317388003037201</v>
      </c>
    </row>
    <row r="552" spans="6:8" x14ac:dyDescent="0.3">
      <c r="F552" s="6">
        <v>43616</v>
      </c>
      <c r="G552" s="8">
        <v>0.75693197879858654</v>
      </c>
      <c r="H552" s="8">
        <v>0.37721412803532006</v>
      </c>
    </row>
    <row r="553" spans="6:8" x14ac:dyDescent="0.3">
      <c r="F553" s="6">
        <v>43623</v>
      </c>
      <c r="G553" s="8">
        <v>0.75792356969295338</v>
      </c>
      <c r="H553" s="8">
        <v>0.37520566318926973</v>
      </c>
    </row>
    <row r="554" spans="6:8" x14ac:dyDescent="0.3">
      <c r="F554" s="6">
        <v>43630</v>
      </c>
      <c r="G554" s="8">
        <v>0.76251822222222232</v>
      </c>
      <c r="H554" s="8">
        <v>0.38351397515527946</v>
      </c>
    </row>
    <row r="555" spans="6:8" x14ac:dyDescent="0.3">
      <c r="F555" s="6">
        <v>43637</v>
      </c>
      <c r="G555" s="8">
        <v>0.75628665931642769</v>
      </c>
      <c r="H555" s="8">
        <v>0.36914569031273842</v>
      </c>
    </row>
    <row r="556" spans="6:8" x14ac:dyDescent="0.3">
      <c r="F556" s="6">
        <v>43644</v>
      </c>
      <c r="G556" s="8">
        <v>0.74255208333333333</v>
      </c>
      <c r="H556" s="8">
        <v>0.36183238528631018</v>
      </c>
    </row>
    <row r="557" spans="6:8" x14ac:dyDescent="0.3">
      <c r="F557" s="6">
        <v>43651</v>
      </c>
      <c r="G557" s="8">
        <v>0.75766843971631215</v>
      </c>
      <c r="H557" s="8">
        <v>0.41119585849870582</v>
      </c>
    </row>
    <row r="558" spans="6:8" x14ac:dyDescent="0.3">
      <c r="F558" s="6">
        <v>43658</v>
      </c>
      <c r="G558" s="8">
        <v>0.7771271571298819</v>
      </c>
      <c r="H558" s="8">
        <v>0.41402583979328167</v>
      </c>
    </row>
    <row r="559" spans="6:8" x14ac:dyDescent="0.3">
      <c r="F559" s="6">
        <v>43665</v>
      </c>
      <c r="G559" s="8">
        <v>0.78248742569730223</v>
      </c>
      <c r="H559" s="8">
        <v>0.3717615262321145</v>
      </c>
    </row>
    <row r="560" spans="6:8" x14ac:dyDescent="0.3">
      <c r="F560" s="6">
        <v>43672</v>
      </c>
      <c r="G560" s="8">
        <v>0.80540466650954523</v>
      </c>
      <c r="H560" s="8">
        <v>0.40609027777777779</v>
      </c>
    </row>
    <row r="561" spans="6:8" x14ac:dyDescent="0.3">
      <c r="F561" s="6">
        <v>43679</v>
      </c>
      <c r="G561" s="8">
        <v>0.77910938924339102</v>
      </c>
      <c r="H561" s="8">
        <v>0.32310402219140083</v>
      </c>
    </row>
    <row r="562" spans="6:8" x14ac:dyDescent="0.3">
      <c r="F562" s="6">
        <v>43686</v>
      </c>
      <c r="G562" s="8">
        <v>0.63438427299703271</v>
      </c>
      <c r="H562" s="8">
        <v>0.28314267990074438</v>
      </c>
    </row>
    <row r="563" spans="6:8" x14ac:dyDescent="0.3">
      <c r="F563" s="6">
        <v>43693</v>
      </c>
      <c r="G563" s="8">
        <v>0.68104814137720904</v>
      </c>
      <c r="H563" s="8">
        <v>0.28096421845574382</v>
      </c>
    </row>
    <row r="564" spans="6:8" x14ac:dyDescent="0.3">
      <c r="F564" s="6">
        <v>43700</v>
      </c>
      <c r="G564" s="8">
        <v>0.67337600644122375</v>
      </c>
      <c r="H564" s="8">
        <v>0.27584539270253555</v>
      </c>
    </row>
    <row r="565" spans="6:8" x14ac:dyDescent="0.3">
      <c r="F565" s="6">
        <v>43707</v>
      </c>
      <c r="G565" s="8">
        <v>0.66285714285714292</v>
      </c>
      <c r="H565" s="8">
        <v>0.28249984162179287</v>
      </c>
    </row>
    <row r="566" spans="6:8" x14ac:dyDescent="0.3">
      <c r="F566" s="6">
        <v>43714</v>
      </c>
      <c r="G566" s="8">
        <v>0.6626430278884462</v>
      </c>
      <c r="H566" s="8">
        <v>0.32487057965730948</v>
      </c>
    </row>
    <row r="567" spans="6:8" x14ac:dyDescent="0.3">
      <c r="F567" s="6">
        <v>43721</v>
      </c>
      <c r="G567" s="8">
        <v>0.66054422310756955</v>
      </c>
      <c r="H567" s="8">
        <v>0.34548004649360714</v>
      </c>
    </row>
    <row r="568" spans="6:8" x14ac:dyDescent="0.3">
      <c r="F568" s="6">
        <v>43728</v>
      </c>
      <c r="G568" s="8">
        <v>0.67866147540983623</v>
      </c>
      <c r="H568" s="8">
        <v>0.35287692916501778</v>
      </c>
    </row>
    <row r="569" spans="6:8" x14ac:dyDescent="0.3">
      <c r="F569" s="6">
        <v>43735</v>
      </c>
      <c r="G569" s="8">
        <v>0.65870445344129558</v>
      </c>
      <c r="H569" s="8">
        <v>0.3328725341426404</v>
      </c>
    </row>
    <row r="570" spans="6:8" x14ac:dyDescent="0.3">
      <c r="F570" s="6">
        <v>43742</v>
      </c>
      <c r="G570" s="8">
        <v>0.65751659919028349</v>
      </c>
      <c r="H570" s="8">
        <v>0.32167117117117122</v>
      </c>
    </row>
    <row r="571" spans="6:8" x14ac:dyDescent="0.3">
      <c r="F571" s="6">
        <v>43749</v>
      </c>
      <c r="G571" s="8">
        <v>0.65967479674796736</v>
      </c>
      <c r="H571" s="8">
        <v>0.33318296529968455</v>
      </c>
    </row>
    <row r="572" spans="6:8" x14ac:dyDescent="0.3">
      <c r="F572" s="6">
        <v>43756</v>
      </c>
      <c r="G572" s="8">
        <v>0.65967723577235771</v>
      </c>
      <c r="H572" s="8">
        <v>0.35222448979591836</v>
      </c>
    </row>
    <row r="573" spans="6:8" x14ac:dyDescent="0.3">
      <c r="F573" s="6">
        <v>43763</v>
      </c>
      <c r="G573" s="8">
        <v>0.66906611570247931</v>
      </c>
      <c r="H573" s="8">
        <v>0.364602862254025</v>
      </c>
    </row>
    <row r="574" spans="6:8" x14ac:dyDescent="0.3">
      <c r="F574" s="6">
        <v>43770</v>
      </c>
      <c r="G574" s="8">
        <v>0.66742396694214878</v>
      </c>
      <c r="H574" s="8">
        <v>0.3447302405498282</v>
      </c>
    </row>
    <row r="575" spans="6:8" x14ac:dyDescent="0.3">
      <c r="F575" s="6">
        <v>43777</v>
      </c>
      <c r="G575" s="8">
        <v>0.67106916666666672</v>
      </c>
      <c r="H575" s="8">
        <v>0.34628620689655171</v>
      </c>
    </row>
    <row r="576" spans="6:8" x14ac:dyDescent="0.3">
      <c r="F576" s="6">
        <v>43784</v>
      </c>
      <c r="G576" s="8">
        <v>0.65851416666666662</v>
      </c>
      <c r="H576" s="8">
        <v>0.34315338474721507</v>
      </c>
    </row>
    <row r="577" spans="6:8" x14ac:dyDescent="0.3">
      <c r="F577" s="6">
        <v>43791</v>
      </c>
      <c r="G577" s="8">
        <v>0.66264705882352937</v>
      </c>
      <c r="H577" s="8">
        <v>0.3532427695004382</v>
      </c>
    </row>
    <row r="578" spans="6:8" x14ac:dyDescent="0.3">
      <c r="F578" s="6">
        <v>43798</v>
      </c>
      <c r="G578" s="8">
        <v>0.76348543689320381</v>
      </c>
      <c r="H578" s="8">
        <v>0.38360655737704918</v>
      </c>
    </row>
    <row r="579" spans="6:8" x14ac:dyDescent="0.3">
      <c r="F579" s="6">
        <v>43805</v>
      </c>
      <c r="G579" s="8">
        <v>0.76143980582524273</v>
      </c>
      <c r="H579" s="8">
        <v>0.34963563474387532</v>
      </c>
    </row>
    <row r="580" spans="6:8" x14ac:dyDescent="0.3">
      <c r="F580" s="6">
        <v>43812</v>
      </c>
      <c r="G580" s="8">
        <v>0.82224947368421053</v>
      </c>
      <c r="H580" s="8">
        <v>0.36276243093922655</v>
      </c>
    </row>
    <row r="581" spans="6:8" x14ac:dyDescent="0.3">
      <c r="F581" s="6">
        <v>43819</v>
      </c>
      <c r="G581" s="8">
        <v>0.80307052631578946</v>
      </c>
      <c r="H581" s="8">
        <v>0.393050024764735</v>
      </c>
    </row>
    <row r="582" spans="6:8" x14ac:dyDescent="0.3">
      <c r="F582" s="6">
        <v>43826</v>
      </c>
      <c r="G582" s="8">
        <v>0.86392045454545452</v>
      </c>
      <c r="H582" s="8">
        <v>0.38406769825918763</v>
      </c>
    </row>
    <row r="583" spans="6:8" x14ac:dyDescent="0.3">
      <c r="F583" s="6">
        <v>43833</v>
      </c>
      <c r="G583" s="8">
        <v>0.86331477272727264</v>
      </c>
      <c r="H583" s="8">
        <v>0.33331309627059846</v>
      </c>
    </row>
    <row r="584" spans="6:8" x14ac:dyDescent="0.3">
      <c r="F584" s="6">
        <v>43840</v>
      </c>
      <c r="G584" s="8">
        <v>0.85210112359550549</v>
      </c>
      <c r="H584" s="8">
        <v>0.36282545805207334</v>
      </c>
    </row>
    <row r="585" spans="6:8" x14ac:dyDescent="0.3">
      <c r="F585" s="6">
        <v>43847</v>
      </c>
      <c r="G585" s="8">
        <v>0.85196629213483144</v>
      </c>
      <c r="H585" s="8">
        <v>0.38471325796505651</v>
      </c>
    </row>
    <row r="586" spans="6:8" x14ac:dyDescent="0.3">
      <c r="F586" s="6">
        <v>43854</v>
      </c>
      <c r="G586" s="8">
        <v>0.84966629213483147</v>
      </c>
      <c r="H586" s="8">
        <v>0.351955938697318</v>
      </c>
    </row>
    <row r="587" spans="6:8" x14ac:dyDescent="0.3">
      <c r="F587" s="6">
        <v>43861</v>
      </c>
      <c r="G587" s="8">
        <v>0.82084456521739135</v>
      </c>
      <c r="H587" s="8">
        <v>0.30955479452054796</v>
      </c>
    </row>
    <row r="588" spans="6:8" x14ac:dyDescent="0.3">
      <c r="F588" s="6">
        <v>43868</v>
      </c>
      <c r="G588" s="8">
        <v>0.82105434782608699</v>
      </c>
      <c r="H588" s="8">
        <v>0.34794186046511627</v>
      </c>
    </row>
    <row r="589" spans="6:8" x14ac:dyDescent="0.3">
      <c r="F589" s="6">
        <v>43875</v>
      </c>
      <c r="G589" s="8">
        <v>0.80474673913043482</v>
      </c>
      <c r="H589" s="8">
        <v>0.35414643931795381</v>
      </c>
    </row>
    <row r="590" spans="6:8" x14ac:dyDescent="0.3">
      <c r="F590" s="6">
        <v>43882</v>
      </c>
      <c r="G590" s="8">
        <v>0.80092391304347832</v>
      </c>
      <c r="H590" s="8">
        <v>0.30529308836395447</v>
      </c>
    </row>
    <row r="591" spans="6:8" x14ac:dyDescent="0.3">
      <c r="F591" s="6">
        <v>43889</v>
      </c>
      <c r="G591" s="8">
        <v>0.80092391304347832</v>
      </c>
      <c r="H591" s="8">
        <v>0.19398046013236686</v>
      </c>
    </row>
    <row r="592" spans="6:8" x14ac:dyDescent="0.3">
      <c r="F592" s="6">
        <v>43896</v>
      </c>
      <c r="G592" s="8">
        <v>0.79782608695652191</v>
      </c>
      <c r="H592" s="8">
        <v>9.8815399802566636E-2</v>
      </c>
    </row>
    <row r="593" spans="6:8" x14ac:dyDescent="0.3">
      <c r="F593" s="6">
        <v>43903</v>
      </c>
      <c r="G593" s="8">
        <v>0.79806195652173917</v>
      </c>
      <c r="H593" s="8">
        <v>7.2818198909569476E-2</v>
      </c>
    </row>
    <row r="594" spans="6:8" x14ac:dyDescent="0.3">
      <c r="F594" s="6">
        <v>43910</v>
      </c>
      <c r="G594" s="8">
        <v>0.29175999999999996</v>
      </c>
      <c r="H594" s="8">
        <v>9.8583222370173085E-2</v>
      </c>
    </row>
    <row r="595" spans="6:8" x14ac:dyDescent="0.3">
      <c r="F595" s="6">
        <v>43917</v>
      </c>
      <c r="G595" s="8">
        <v>0.30341786550685845</v>
      </c>
      <c r="H595" s="8">
        <v>0.12098993963782695</v>
      </c>
    </row>
    <row r="596" spans="6:8" x14ac:dyDescent="0.3">
      <c r="F596" s="6">
        <v>43924</v>
      </c>
      <c r="G596" s="8">
        <v>0.30610677618069815</v>
      </c>
      <c r="H596" s="8">
        <v>0.13471106851940584</v>
      </c>
    </row>
    <row r="597" spans="6:8" x14ac:dyDescent="0.3">
      <c r="F597" s="6">
        <v>43931</v>
      </c>
      <c r="G597" s="8">
        <v>0.26151098039215687</v>
      </c>
      <c r="H597" s="8">
        <v>0.1450480093676815</v>
      </c>
    </row>
    <row r="598" spans="6:8" x14ac:dyDescent="0.3">
      <c r="F598" s="6">
        <v>43938</v>
      </c>
      <c r="G598" s="8">
        <v>0.30084227272727276</v>
      </c>
      <c r="H598" s="8">
        <v>0.12919408181026978</v>
      </c>
    </row>
    <row r="599" spans="6:8" x14ac:dyDescent="0.3">
      <c r="F599" s="6">
        <v>43945</v>
      </c>
      <c r="G599" s="8">
        <v>0.28493181818181817</v>
      </c>
      <c r="H599" s="8">
        <v>0.10665828845002992</v>
      </c>
    </row>
    <row r="600" spans="6:8" x14ac:dyDescent="0.3">
      <c r="F600" s="6">
        <v>43952</v>
      </c>
      <c r="G600" s="8">
        <v>0.28446954545454545</v>
      </c>
      <c r="H600" s="8">
        <v>6.8112345679012351E-2</v>
      </c>
    </row>
    <row r="601" spans="6:8" x14ac:dyDescent="0.3">
      <c r="F601" s="6">
        <v>43959</v>
      </c>
      <c r="G601" s="8">
        <v>0.28490318181818181</v>
      </c>
      <c r="H601" s="8">
        <v>5.9654952076677314E-2</v>
      </c>
    </row>
    <row r="602" spans="6:8" x14ac:dyDescent="0.3">
      <c r="F602" s="6">
        <v>43966</v>
      </c>
      <c r="G602" s="8">
        <v>0.2639468181818182</v>
      </c>
      <c r="H602" s="8">
        <v>5.6810320781032084E-2</v>
      </c>
    </row>
    <row r="603" spans="6:8" x14ac:dyDescent="0.3">
      <c r="F603" s="6">
        <v>43973</v>
      </c>
      <c r="G603" s="8">
        <v>0.26325909090909089</v>
      </c>
      <c r="H603" s="8">
        <v>6.314330958036421E-2</v>
      </c>
    </row>
    <row r="604" spans="6:8" x14ac:dyDescent="0.3">
      <c r="F604" s="6">
        <v>43980</v>
      </c>
      <c r="G604" s="8">
        <v>0.26274227272727269</v>
      </c>
      <c r="H604" s="8">
        <v>6.5558773424190794E-2</v>
      </c>
    </row>
    <row r="605" spans="6:8" x14ac:dyDescent="0.3">
      <c r="F605" s="6">
        <v>43987</v>
      </c>
      <c r="G605" s="8">
        <v>0.26163954545454549</v>
      </c>
      <c r="H605" s="8">
        <v>6.1970740103270222E-2</v>
      </c>
    </row>
    <row r="606" spans="6:8" x14ac:dyDescent="0.3">
      <c r="F606" s="6">
        <v>43994</v>
      </c>
      <c r="G606" s="8">
        <v>0.26039409090909094</v>
      </c>
      <c r="H606" s="8">
        <v>5.2321178120617109E-2</v>
      </c>
    </row>
    <row r="607" spans="6:8" x14ac:dyDescent="0.3">
      <c r="F607" s="6">
        <v>44001</v>
      </c>
      <c r="G607" s="8">
        <v>0.31166666666666665</v>
      </c>
      <c r="H607" s="8">
        <v>5.1857352941176472E-2</v>
      </c>
    </row>
    <row r="608" spans="6:8" x14ac:dyDescent="0.3">
      <c r="F608" s="6">
        <v>44008</v>
      </c>
      <c r="G608" s="8">
        <v>0.29187595628415303</v>
      </c>
      <c r="H608" s="8">
        <v>5.4318146718146713E-2</v>
      </c>
    </row>
    <row r="609" spans="6:8" x14ac:dyDescent="0.3">
      <c r="F609" s="6">
        <v>44015</v>
      </c>
      <c r="G609" s="8">
        <v>0.28980163934426229</v>
      </c>
      <c r="H609" s="8">
        <v>5.4294117647058819E-2</v>
      </c>
    </row>
    <row r="610" spans="6:8" x14ac:dyDescent="0.3">
      <c r="F610" s="6">
        <v>44022</v>
      </c>
      <c r="G610" s="8">
        <v>0.28893442622950821</v>
      </c>
      <c r="H610" s="8">
        <v>5.1988524590163933E-2</v>
      </c>
    </row>
    <row r="611" spans="6:8" x14ac:dyDescent="0.3">
      <c r="F611" s="6">
        <v>44029</v>
      </c>
      <c r="G611" s="8">
        <v>0.28800546448087427</v>
      </c>
      <c r="H611" s="8">
        <v>5.4353344768439109E-2</v>
      </c>
    </row>
    <row r="612" spans="6:8" x14ac:dyDescent="0.3">
      <c r="F612" s="6">
        <v>44036</v>
      </c>
      <c r="G612" s="8">
        <v>0.28696721311475409</v>
      </c>
      <c r="H612" s="8">
        <v>4.3624907338769461E-2</v>
      </c>
    </row>
    <row r="613" spans="6:8" x14ac:dyDescent="0.3">
      <c r="F613" s="6">
        <v>44043</v>
      </c>
      <c r="G613" s="8">
        <v>0.28675792349726775</v>
      </c>
      <c r="H613" s="8">
        <v>4.0959568733153637E-2</v>
      </c>
    </row>
    <row r="614" spans="6:8" x14ac:dyDescent="0.3">
      <c r="F614" s="6">
        <v>44050</v>
      </c>
      <c r="G614" s="8">
        <v>0.28538415300546449</v>
      </c>
      <c r="H614" s="8">
        <v>3.7448402948402945E-2</v>
      </c>
    </row>
    <row r="615" spans="6:8" x14ac:dyDescent="0.3">
      <c r="F615" s="6">
        <v>44057</v>
      </c>
      <c r="G615" s="8">
        <v>0.26546994535519125</v>
      </c>
      <c r="H615" s="8">
        <v>4.1584639999999999E-2</v>
      </c>
    </row>
    <row r="616" spans="6:8" x14ac:dyDescent="0.3">
      <c r="F616" s="6">
        <v>44064</v>
      </c>
      <c r="G616" s="8">
        <v>0.26428032786885247</v>
      </c>
      <c r="H616" s="8">
        <v>3.7646398503274087E-2</v>
      </c>
    </row>
    <row r="617" spans="6:8" x14ac:dyDescent="0.3">
      <c r="F617" s="6">
        <v>44071</v>
      </c>
      <c r="G617" s="8">
        <v>0.26376120218579235</v>
      </c>
      <c r="H617" s="8">
        <v>3.4713538640325392E-2</v>
      </c>
    </row>
    <row r="618" spans="6:8" x14ac:dyDescent="0.3">
      <c r="F618" s="6">
        <v>44078</v>
      </c>
      <c r="G618" s="8">
        <v>0.2642825136612022</v>
      </c>
      <c r="H618" s="8">
        <v>3.9080168776371313E-2</v>
      </c>
    </row>
    <row r="619" spans="6:8" x14ac:dyDescent="0.3">
      <c r="F619" s="6">
        <v>44085</v>
      </c>
      <c r="G619" s="8">
        <v>0.26474699453551914</v>
      </c>
      <c r="H619" s="8">
        <v>4.2380073800738008E-2</v>
      </c>
    </row>
    <row r="620" spans="6:8" x14ac:dyDescent="0.3">
      <c r="F620" s="6">
        <v>44092</v>
      </c>
      <c r="G620" s="8">
        <v>0.26422786885245902</v>
      </c>
      <c r="H620" s="8">
        <v>3.7571014492753622E-2</v>
      </c>
    </row>
    <row r="621" spans="6:8" x14ac:dyDescent="0.3">
      <c r="F621" s="6">
        <v>44099</v>
      </c>
      <c r="G621" s="8">
        <v>0.25449016393442619</v>
      </c>
      <c r="H621" s="8">
        <v>3.6618160651920841E-2</v>
      </c>
    </row>
    <row r="622" spans="6:8" x14ac:dyDescent="0.3">
      <c r="F622" s="6">
        <v>44106</v>
      </c>
      <c r="G622" s="8">
        <v>0.23754062340316812</v>
      </c>
      <c r="H622" s="8">
        <v>4.3598450613298909E-2</v>
      </c>
    </row>
    <row r="623" spans="6:8" x14ac:dyDescent="0.3">
      <c r="F623" s="6">
        <v>44113</v>
      </c>
      <c r="G623" s="8">
        <v>0.23707204905467552</v>
      </c>
      <c r="H623" s="8">
        <v>4.5610115911485775E-2</v>
      </c>
    </row>
    <row r="624" spans="6:8" x14ac:dyDescent="0.3">
      <c r="F624" s="6">
        <v>44120</v>
      </c>
      <c r="G624" s="8">
        <v>0.25391397260273968</v>
      </c>
      <c r="H624" s="8">
        <v>4.659087617668356E-2</v>
      </c>
    </row>
    <row r="625" spans="6:8" x14ac:dyDescent="0.3">
      <c r="F625" s="6">
        <v>44127</v>
      </c>
      <c r="G625" s="8">
        <v>0.26096555618294748</v>
      </c>
      <c r="H625" s="8">
        <v>4.4585537918871251E-2</v>
      </c>
    </row>
    <row r="626" spans="6:8" x14ac:dyDescent="0.3">
      <c r="F626" s="6">
        <v>44134</v>
      </c>
      <c r="G626" s="8">
        <v>0.242584494086728</v>
      </c>
      <c r="H626" s="8">
        <v>4.2798387096774186E-2</v>
      </c>
    </row>
    <row r="627" spans="6:8" x14ac:dyDescent="0.3">
      <c r="F627" s="6">
        <v>44141</v>
      </c>
      <c r="G627" s="8">
        <v>0.24205886990801581</v>
      </c>
      <c r="H627" s="8">
        <v>4.5284821756707089E-2</v>
      </c>
    </row>
    <row r="628" spans="6:8" x14ac:dyDescent="0.3">
      <c r="F628" s="6">
        <v>44148</v>
      </c>
      <c r="G628" s="8">
        <v>0.28484265842349304</v>
      </c>
      <c r="H628" s="8">
        <v>4.9610707456978972E-2</v>
      </c>
    </row>
    <row r="629" spans="6:8" x14ac:dyDescent="0.3">
      <c r="F629" s="6">
        <v>44155</v>
      </c>
      <c r="G629" s="8">
        <v>0.28404945904173107</v>
      </c>
      <c r="H629" s="8">
        <v>4.8308539944903577E-2</v>
      </c>
    </row>
    <row r="630" spans="6:8" x14ac:dyDescent="0.3">
      <c r="F630" s="6">
        <v>44162</v>
      </c>
      <c r="G630" s="8">
        <v>0.30316309719934104</v>
      </c>
      <c r="H630" s="8">
        <v>5.4482593037214894E-2</v>
      </c>
    </row>
    <row r="631" spans="6:8" x14ac:dyDescent="0.3">
      <c r="F631" s="6">
        <v>44169</v>
      </c>
      <c r="G631" s="8">
        <v>0.31353846153846154</v>
      </c>
      <c r="H631" s="8">
        <v>5.1207473725184895E-2</v>
      </c>
    </row>
    <row r="632" spans="6:8" x14ac:dyDescent="0.3">
      <c r="F632" s="6">
        <v>44176</v>
      </c>
      <c r="G632" s="8">
        <v>0.30568747913188649</v>
      </c>
      <c r="H632" s="8">
        <v>4.8681014604150655E-2</v>
      </c>
    </row>
    <row r="633" spans="6:8" x14ac:dyDescent="0.3">
      <c r="F633" s="6">
        <v>44183</v>
      </c>
      <c r="G633" s="8">
        <v>0.30313158329205875</v>
      </c>
      <c r="H633" s="8">
        <v>4.9228031145717464E-2</v>
      </c>
    </row>
    <row r="634" spans="6:8" x14ac:dyDescent="0.3">
      <c r="F634" s="6">
        <v>44190</v>
      </c>
      <c r="G634" s="8">
        <v>0.30256190161769564</v>
      </c>
      <c r="H634" s="8">
        <v>5.1640432098765426E-2</v>
      </c>
    </row>
    <row r="635" spans="6:8" x14ac:dyDescent="0.3">
      <c r="F635" s="6">
        <v>44197</v>
      </c>
      <c r="G635" s="8">
        <v>0.30133729569093609</v>
      </c>
      <c r="H635" s="8">
        <v>4.9064220183486239E-2</v>
      </c>
    </row>
    <row r="636" spans="6:8" x14ac:dyDescent="0.3">
      <c r="F636" s="6">
        <v>44204</v>
      </c>
      <c r="G636" s="8">
        <v>0.30073753714097062</v>
      </c>
      <c r="H636" s="8">
        <v>4.796023856858847E-2</v>
      </c>
    </row>
    <row r="637" spans="6:8" x14ac:dyDescent="0.3">
      <c r="F637" s="6">
        <v>44211</v>
      </c>
      <c r="G637" s="8">
        <v>0.29995576097722026</v>
      </c>
      <c r="H637" s="8">
        <v>4.8630036630036629E-2</v>
      </c>
    </row>
    <row r="638" spans="6:8" x14ac:dyDescent="0.3">
      <c r="F638" s="6">
        <v>44218</v>
      </c>
      <c r="G638" s="8">
        <v>0.29870378912685336</v>
      </c>
      <c r="H638" s="8">
        <v>4.9050919982884036E-2</v>
      </c>
    </row>
    <row r="639" spans="6:8" x14ac:dyDescent="0.3">
      <c r="F639" s="6">
        <v>44225</v>
      </c>
      <c r="G639" s="8">
        <v>0.29500162284972414</v>
      </c>
      <c r="H639" s="8">
        <v>5.072828412494651E-2</v>
      </c>
    </row>
    <row r="640" spans="6:8" x14ac:dyDescent="0.3">
      <c r="F640" s="6">
        <v>44232</v>
      </c>
      <c r="G640" s="8">
        <v>0.30249133333333333</v>
      </c>
      <c r="H640" s="8">
        <v>4.9899167032003505E-2</v>
      </c>
    </row>
    <row r="641" spans="6:8" x14ac:dyDescent="0.3">
      <c r="F641" s="6">
        <v>44239</v>
      </c>
      <c r="G641" s="8">
        <v>0.31214606341289636</v>
      </c>
      <c r="H641" s="8">
        <v>4.9001312910284464E-2</v>
      </c>
    </row>
    <row r="642" spans="6:8" x14ac:dyDescent="0.3">
      <c r="F642" s="6">
        <v>44246</v>
      </c>
      <c r="G642" s="8">
        <v>0.30131124913733615</v>
      </c>
      <c r="H642" s="8">
        <v>4.2159702110053779E-2</v>
      </c>
    </row>
    <row r="643" spans="6:8" x14ac:dyDescent="0.3">
      <c r="F643" s="6">
        <v>44253</v>
      </c>
      <c r="G643" s="8">
        <v>0.2608789237668161</v>
      </c>
      <c r="H643" s="8">
        <v>3.886166007905139E-2</v>
      </c>
    </row>
    <row r="644" spans="6:8" x14ac:dyDescent="0.3">
      <c r="F644" s="6">
        <v>44260</v>
      </c>
      <c r="G644" s="8">
        <v>0.26603714981729598</v>
      </c>
      <c r="H644" s="8">
        <v>4.2076655052264815E-2</v>
      </c>
    </row>
    <row r="645" spans="6:8" x14ac:dyDescent="0.3">
      <c r="F645" s="6">
        <v>44267</v>
      </c>
      <c r="G645" s="8">
        <v>0.26603714981729598</v>
      </c>
      <c r="H645" s="8">
        <v>4.1894817073170734E-2</v>
      </c>
    </row>
    <row r="646" spans="6:8" x14ac:dyDescent="0.3">
      <c r="F646" s="6">
        <v>44274</v>
      </c>
      <c r="G646" s="8">
        <v>0.2741357636706474</v>
      </c>
      <c r="H646" s="8">
        <v>4.3705835331734617E-2</v>
      </c>
    </row>
    <row r="647" spans="6:8" x14ac:dyDescent="0.3">
      <c r="F647" s="6">
        <v>44281</v>
      </c>
      <c r="G647" s="8">
        <v>0.26638362858888204</v>
      </c>
      <c r="H647" s="8">
        <v>4.407735697018534E-2</v>
      </c>
    </row>
    <row r="648" spans="6:8" x14ac:dyDescent="0.3">
      <c r="F648" s="6">
        <v>44288</v>
      </c>
      <c r="G648" s="8">
        <v>0.28678749999999997</v>
      </c>
      <c r="H648" s="8">
        <v>4.3288676236044661E-2</v>
      </c>
    </row>
    <row r="649" spans="6:8" x14ac:dyDescent="0.3">
      <c r="F649" s="6">
        <v>44295</v>
      </c>
      <c r="G649" s="8">
        <v>0.30734801762114539</v>
      </c>
      <c r="H649" s="8">
        <v>4.2058346839546193E-2</v>
      </c>
    </row>
    <row r="650" spans="6:8" x14ac:dyDescent="0.3">
      <c r="F650" s="6">
        <v>44302</v>
      </c>
      <c r="G650" s="8">
        <v>0.34636674622116154</v>
      </c>
      <c r="H650" s="8">
        <v>4.5083044982698967E-2</v>
      </c>
    </row>
    <row r="651" spans="6:8" x14ac:dyDescent="0.3">
      <c r="F651" s="6">
        <v>44309</v>
      </c>
      <c r="G651" s="8">
        <v>0.33412667946257191</v>
      </c>
      <c r="H651" s="8">
        <v>4.3032590051457972E-2</v>
      </c>
    </row>
    <row r="652" spans="6:8" x14ac:dyDescent="0.3">
      <c r="F652" s="6">
        <v>44316</v>
      </c>
      <c r="G652" s="8">
        <v>0.32545271779597912</v>
      </c>
      <c r="H652" s="8">
        <v>4.421753794266442E-2</v>
      </c>
    </row>
    <row r="653" spans="6:8" x14ac:dyDescent="0.3">
      <c r="F653" s="6">
        <v>44323</v>
      </c>
      <c r="G653" s="8">
        <v>0.3447142857142857</v>
      </c>
      <c r="H653" s="8">
        <v>4.0249380677126342E-2</v>
      </c>
    </row>
    <row r="654" spans="6:8" x14ac:dyDescent="0.3">
      <c r="F654" s="6">
        <v>44330</v>
      </c>
      <c r="G654" s="8">
        <v>0.3555014210312627</v>
      </c>
      <c r="H654" s="8">
        <v>4.1489761092150163E-2</v>
      </c>
    </row>
    <row r="655" spans="6:8" x14ac:dyDescent="0.3">
      <c r="F655" s="6">
        <v>44337</v>
      </c>
      <c r="G655" s="8">
        <v>0.35489240763296798</v>
      </c>
      <c r="H655" s="8">
        <v>4.0724762726488353E-2</v>
      </c>
    </row>
    <row r="656" spans="6:8" x14ac:dyDescent="0.3">
      <c r="F656" s="6">
        <v>44344</v>
      </c>
      <c r="G656" s="8">
        <v>0.35970653514180023</v>
      </c>
      <c r="H656" s="8">
        <v>3.8253641816623822E-2</v>
      </c>
    </row>
    <row r="657" spans="6:8" x14ac:dyDescent="0.3">
      <c r="F657" s="6">
        <v>44351</v>
      </c>
      <c r="G657" s="8">
        <v>0.35108500400962306</v>
      </c>
      <c r="H657" s="8">
        <v>3.9004351610095737E-2</v>
      </c>
    </row>
    <row r="658" spans="6:8" x14ac:dyDescent="0.3">
      <c r="F658" s="6">
        <v>44358</v>
      </c>
      <c r="G658" s="8">
        <v>0.38761609907120748</v>
      </c>
      <c r="H658" s="8">
        <v>4.0944523470839267E-2</v>
      </c>
    </row>
    <row r="659" spans="6:8" x14ac:dyDescent="0.3">
      <c r="F659" s="6">
        <v>44365</v>
      </c>
      <c r="G659" s="8">
        <v>0.35694891704127502</v>
      </c>
      <c r="H659" s="8">
        <v>3.8773500447627576E-2</v>
      </c>
    </row>
    <row r="660" spans="6:8" x14ac:dyDescent="0.3">
      <c r="F660" s="6">
        <v>44372</v>
      </c>
      <c r="G660" s="8">
        <v>0.42807538389948813</v>
      </c>
      <c r="H660" s="8">
        <v>4.1559852670349909E-2</v>
      </c>
    </row>
    <row r="661" spans="6:8" x14ac:dyDescent="0.3">
      <c r="F661" s="6">
        <v>44379</v>
      </c>
      <c r="G661" s="8">
        <v>0.41256285010082905</v>
      </c>
      <c r="H661" s="8">
        <v>3.9062357760582617E-2</v>
      </c>
    </row>
    <row r="662" spans="6:8" x14ac:dyDescent="0.3">
      <c r="F662" s="6">
        <v>44386</v>
      </c>
      <c r="G662" s="8">
        <v>0.39319350704827</v>
      </c>
      <c r="H662" s="8">
        <v>3.6794997766860203E-2</v>
      </c>
    </row>
    <row r="663" spans="6:8" x14ac:dyDescent="0.3">
      <c r="F663" s="6">
        <v>44393</v>
      </c>
      <c r="G663" s="8">
        <v>0.39706770159551524</v>
      </c>
      <c r="H663" s="8">
        <v>3.9177586985991865E-2</v>
      </c>
    </row>
    <row r="664" spans="6:8" x14ac:dyDescent="0.3">
      <c r="F664" s="6">
        <v>44400</v>
      </c>
      <c r="G664" s="8">
        <v>0.39596119016817594</v>
      </c>
      <c r="H664" s="8">
        <v>3.6909986565158981E-2</v>
      </c>
    </row>
    <row r="665" spans="6:8" x14ac:dyDescent="0.3">
      <c r="F665" s="6">
        <v>44407</v>
      </c>
      <c r="G665" s="8">
        <v>0.39814575247951695</v>
      </c>
      <c r="H665" s="8">
        <v>3.9756866276452051E-2</v>
      </c>
    </row>
    <row r="666" spans="6:8" x14ac:dyDescent="0.3">
      <c r="F666" s="6">
        <v>44414</v>
      </c>
      <c r="G666" s="8">
        <v>0.39984128360797921</v>
      </c>
      <c r="H666" s="8">
        <v>3.9868305531167686E-2</v>
      </c>
    </row>
    <row r="667" spans="6:8" x14ac:dyDescent="0.3">
      <c r="F667" s="6">
        <v>44421</v>
      </c>
      <c r="G667" s="8">
        <v>0.45877410207939512</v>
      </c>
      <c r="H667" s="8">
        <v>4.1107972665148068E-2</v>
      </c>
    </row>
    <row r="668" spans="6:8" x14ac:dyDescent="0.3">
      <c r="F668" s="6">
        <v>44428</v>
      </c>
      <c r="G668" s="8">
        <v>0.40081435643564362</v>
      </c>
      <c r="H668" s="8">
        <v>4.0061619718309856E-2</v>
      </c>
    </row>
    <row r="669" spans="6:8" x14ac:dyDescent="0.3">
      <c r="F669" s="6">
        <v>44435</v>
      </c>
      <c r="G669" s="8">
        <v>0.44689677419354845</v>
      </c>
      <c r="H669" s="8">
        <v>4.0001828989483311E-2</v>
      </c>
    </row>
    <row r="670" spans="6:8" x14ac:dyDescent="0.3">
      <c r="F670" s="6">
        <v>44442</v>
      </c>
      <c r="G670" s="8">
        <v>0.47358492413117964</v>
      </c>
      <c r="H670" s="8">
        <v>3.8922863741339499E-2</v>
      </c>
    </row>
    <row r="671" spans="6:8" x14ac:dyDescent="0.3">
      <c r="F671" s="6">
        <v>44449</v>
      </c>
      <c r="G671" s="8">
        <v>0.47740415019762855</v>
      </c>
      <c r="H671" s="8">
        <v>3.8218439716312058E-2</v>
      </c>
    </row>
    <row r="672" spans="6:8" x14ac:dyDescent="0.3">
      <c r="F672" s="6">
        <v>44456</v>
      </c>
      <c r="G672" s="8">
        <v>0.46812124151309409</v>
      </c>
      <c r="H672" s="8">
        <v>3.7914087759815245E-2</v>
      </c>
    </row>
    <row r="673" spans="6:8" x14ac:dyDescent="0.3">
      <c r="F673" s="6">
        <v>44463</v>
      </c>
      <c r="G673" s="8">
        <v>0.44330418775885877</v>
      </c>
      <c r="H673" s="8">
        <v>3.563876651982379E-2</v>
      </c>
    </row>
    <row r="674" spans="6:8" x14ac:dyDescent="0.3">
      <c r="F674" s="6">
        <v>44470</v>
      </c>
      <c r="G674" s="8">
        <v>0.43343384879725083</v>
      </c>
      <c r="H674" s="8">
        <v>3.6368286445012783E-2</v>
      </c>
    </row>
    <row r="675" spans="6:8" x14ac:dyDescent="0.3">
      <c r="F675" s="6">
        <v>44477</v>
      </c>
      <c r="G675" s="8">
        <v>0.41872674658949982</v>
      </c>
      <c r="H675" s="8">
        <v>3.4077282377919321E-2</v>
      </c>
    </row>
    <row r="676" spans="6:8" x14ac:dyDescent="0.3">
      <c r="F676" s="6">
        <v>44484</v>
      </c>
      <c r="G676" s="8">
        <v>0.43840639861651537</v>
      </c>
      <c r="H676" s="8">
        <v>3.1728865194211725E-2</v>
      </c>
    </row>
    <row r="677" spans="6:8" x14ac:dyDescent="0.3">
      <c r="F677" s="6">
        <v>44491</v>
      </c>
      <c r="G677" s="8">
        <v>0.44913008849557517</v>
      </c>
      <c r="H677" s="8">
        <v>3.1470811220621689E-2</v>
      </c>
    </row>
    <row r="678" spans="6:8" x14ac:dyDescent="0.3">
      <c r="F678" s="6">
        <v>44498</v>
      </c>
      <c r="G678" s="8">
        <v>0.44235959947757947</v>
      </c>
      <c r="H678" s="8">
        <v>3.3230412967966035E-2</v>
      </c>
    </row>
    <row r="679" spans="6:8" x14ac:dyDescent="0.3">
      <c r="F679" s="6">
        <v>44505</v>
      </c>
      <c r="G679" s="8">
        <v>0.44647602287725469</v>
      </c>
      <c r="H679" s="8">
        <v>3.6572580645161293E-2</v>
      </c>
    </row>
    <row r="680" spans="6:8" x14ac:dyDescent="0.3">
      <c r="F680" s="6">
        <v>44512</v>
      </c>
      <c r="G680" s="8">
        <v>0.4497950021177467</v>
      </c>
      <c r="H680" s="8">
        <v>3.8344557556773691E-2</v>
      </c>
    </row>
    <row r="681" spans="6:8" x14ac:dyDescent="0.3">
      <c r="F681" s="6">
        <v>44519</v>
      </c>
      <c r="G681" s="8">
        <v>0.41072419106317409</v>
      </c>
      <c r="H681" s="8">
        <v>3.6829008176324209E-2</v>
      </c>
    </row>
    <row r="682" spans="6:8" x14ac:dyDescent="0.3">
      <c r="F682" s="6">
        <v>44526</v>
      </c>
      <c r="G682" s="8">
        <v>0.3619860425531915</v>
      </c>
      <c r="H682" s="8">
        <v>3.1575425790754258E-2</v>
      </c>
    </row>
    <row r="683" spans="6:8" x14ac:dyDescent="0.3">
      <c r="F683" s="6">
        <v>44533</v>
      </c>
      <c r="G683" s="8">
        <v>0.36199419498036539</v>
      </c>
      <c r="H683" s="8">
        <v>3.4922099632230016E-2</v>
      </c>
    </row>
    <row r="684" spans="6:8" x14ac:dyDescent="0.3">
      <c r="F684" s="6">
        <v>44540</v>
      </c>
      <c r="G684" s="8">
        <v>0.40074490566037735</v>
      </c>
      <c r="H684" s="8">
        <v>3.9252255503428361E-2</v>
      </c>
    </row>
    <row r="685" spans="6:8" x14ac:dyDescent="0.3">
      <c r="F685" s="6">
        <v>44547</v>
      </c>
      <c r="G685" s="8">
        <v>0.45500827097282392</v>
      </c>
      <c r="H685" s="8">
        <v>4.4921881072677805E-2</v>
      </c>
    </row>
    <row r="686" spans="6:8" x14ac:dyDescent="0.3">
      <c r="F686" s="6">
        <v>44554</v>
      </c>
      <c r="G686" s="8">
        <v>0.46662638469284995</v>
      </c>
      <c r="H686" s="8">
        <v>4.8666666666666664E-2</v>
      </c>
    </row>
    <row r="687" spans="6:8" x14ac:dyDescent="0.3">
      <c r="F687" s="6">
        <v>44561</v>
      </c>
      <c r="G687" s="8">
        <v>0.47476941996310718</v>
      </c>
      <c r="H687" s="8">
        <v>4.8102910164487554E-2</v>
      </c>
    </row>
    <row r="688" spans="6:8" x14ac:dyDescent="0.3">
      <c r="F688" s="6">
        <v>44568</v>
      </c>
      <c r="G688" s="8">
        <v>0.48703559322033896</v>
      </c>
      <c r="H688" s="8">
        <v>4.3287177386317086E-2</v>
      </c>
    </row>
    <row r="689" spans="6:8" x14ac:dyDescent="0.3">
      <c r="F689" s="6">
        <v>44575</v>
      </c>
      <c r="G689" s="8">
        <v>0.50397280701754388</v>
      </c>
      <c r="H689" s="8">
        <v>4.0750192159877019E-2</v>
      </c>
    </row>
    <row r="690" spans="6:8" x14ac:dyDescent="0.3">
      <c r="F690" s="6">
        <v>44582</v>
      </c>
      <c r="G690" s="8">
        <v>0.48305294117647052</v>
      </c>
      <c r="H690" s="8">
        <v>4.3220496894409932E-2</v>
      </c>
    </row>
    <row r="691" spans="6:8" x14ac:dyDescent="0.3">
      <c r="F691" s="6">
        <v>44589</v>
      </c>
      <c r="G691" s="8">
        <v>0.4674760357432981</v>
      </c>
      <c r="H691" s="8">
        <v>5.3438985736925515E-2</v>
      </c>
    </row>
    <row r="692" spans="6:8" x14ac:dyDescent="0.3">
      <c r="F692" s="6">
        <v>44596</v>
      </c>
      <c r="G692" s="8">
        <v>0.48835847457627113</v>
      </c>
      <c r="H692" s="8">
        <v>5.6679275019700555E-2</v>
      </c>
    </row>
    <row r="693" spans="6:8" x14ac:dyDescent="0.3">
      <c r="F693" s="6">
        <v>44603</v>
      </c>
      <c r="G693" s="8">
        <v>0.51061386951169463</v>
      </c>
      <c r="H693" s="8">
        <v>7.117623227548954E-2</v>
      </c>
    </row>
    <row r="694" spans="6:8" x14ac:dyDescent="0.3">
      <c r="F694" s="6">
        <v>44610</v>
      </c>
      <c r="G694" s="8">
        <v>0.51937905236907733</v>
      </c>
      <c r="H694" s="8">
        <v>7.115220483641535E-2</v>
      </c>
    </row>
    <row r="695" spans="6:8" x14ac:dyDescent="0.3">
      <c r="F695" s="6">
        <v>44617</v>
      </c>
      <c r="G695" s="8">
        <v>0.51721573498964801</v>
      </c>
      <c r="H695" s="8">
        <v>8.2913886733902237E-2</v>
      </c>
    </row>
    <row r="696" spans="6:8" x14ac:dyDescent="0.3">
      <c r="F696" s="6">
        <v>44624</v>
      </c>
      <c r="G696" s="8">
        <v>0.42310267705862414</v>
      </c>
      <c r="H696" s="8">
        <v>7.9174522292993627E-2</v>
      </c>
    </row>
    <row r="697" spans="6:8" x14ac:dyDescent="0.3">
      <c r="F697" s="6">
        <v>44631</v>
      </c>
      <c r="G697" s="8">
        <v>0.4373139656982849</v>
      </c>
      <c r="H697" s="8">
        <v>0.11702100840336135</v>
      </c>
    </row>
    <row r="698" spans="6:8" x14ac:dyDescent="0.3">
      <c r="F698" s="6">
        <v>44638</v>
      </c>
      <c r="G698" s="8">
        <v>0.48347802621434077</v>
      </c>
      <c r="H698" s="8">
        <v>0.13122701949860727</v>
      </c>
    </row>
    <row r="699" spans="6:8" x14ac:dyDescent="0.3">
      <c r="F699" s="6">
        <v>44645</v>
      </c>
      <c r="G699" s="8">
        <v>0.51606753645433612</v>
      </c>
      <c r="H699" s="8">
        <v>0.12047717589774802</v>
      </c>
    </row>
    <row r="700" spans="6:8" x14ac:dyDescent="0.3">
      <c r="F700" s="6">
        <v>44652</v>
      </c>
      <c r="G700" s="8">
        <v>0.49539624032436425</v>
      </c>
      <c r="H700" s="8">
        <v>0.10921022727272726</v>
      </c>
    </row>
    <row r="701" spans="6:8" x14ac:dyDescent="0.3">
      <c r="F701" s="6">
        <v>44659</v>
      </c>
      <c r="G701" s="8">
        <v>0.5081381132075472</v>
      </c>
      <c r="H701" s="8">
        <v>0.11462902315076227</v>
      </c>
    </row>
    <row r="702" spans="6:8" x14ac:dyDescent="0.3">
      <c r="F702" s="6">
        <v>44666</v>
      </c>
      <c r="G702" s="8">
        <v>0.50617772778402692</v>
      </c>
      <c r="H702" s="8">
        <v>0.11617349137931035</v>
      </c>
    </row>
    <row r="703" spans="6:8" x14ac:dyDescent="0.3">
      <c r="F703" s="6">
        <v>44673</v>
      </c>
      <c r="G703" s="8">
        <v>0.46344249914177826</v>
      </c>
      <c r="H703" s="8">
        <v>0.12166501976284588</v>
      </c>
    </row>
    <row r="704" spans="6:8" x14ac:dyDescent="0.3">
      <c r="F704" s="6">
        <v>44680</v>
      </c>
      <c r="G704" s="8">
        <v>0.42753646984527949</v>
      </c>
      <c r="H704" s="8">
        <v>0.11878787878787878</v>
      </c>
    </row>
    <row r="705" spans="6:8" x14ac:dyDescent="0.3">
      <c r="F705" s="6">
        <v>44687</v>
      </c>
      <c r="G705" s="8">
        <v>0.43346773162939295</v>
      </c>
      <c r="H705" s="8">
        <v>0.12571946902654868</v>
      </c>
    </row>
    <row r="706" spans="6:8" x14ac:dyDescent="0.3">
      <c r="F706" s="6">
        <v>44694</v>
      </c>
      <c r="G706" s="8">
        <v>0.45285919450515144</v>
      </c>
      <c r="H706" s="8">
        <v>0.12962962962962962</v>
      </c>
    </row>
    <row r="707" spans="6:8" x14ac:dyDescent="0.3">
      <c r="F707" s="6">
        <v>44701</v>
      </c>
      <c r="G707" s="8">
        <v>0.48797161203109163</v>
      </c>
      <c r="H707" s="8">
        <v>0.14452062588904693</v>
      </c>
    </row>
    <row r="708" spans="6:8" x14ac:dyDescent="0.3">
      <c r="F708" s="6">
        <v>44708</v>
      </c>
      <c r="G708" s="8">
        <v>0.51883357245337158</v>
      </c>
      <c r="H708" s="8">
        <v>0.17175970228601811</v>
      </c>
    </row>
    <row r="709" spans="6:8" x14ac:dyDescent="0.3">
      <c r="F709" s="6">
        <v>44715</v>
      </c>
      <c r="G709" s="8">
        <v>0.51491089811856583</v>
      </c>
      <c r="H709" s="8">
        <v>0.17279621848739496</v>
      </c>
    </row>
    <row r="710" spans="6:8" x14ac:dyDescent="0.3">
      <c r="F710" s="6">
        <v>44722</v>
      </c>
      <c r="G710" s="8">
        <v>0.46216027874564458</v>
      </c>
      <c r="H710" s="8">
        <v>0.15532806324110673</v>
      </c>
    </row>
    <row r="711" spans="6:8" x14ac:dyDescent="0.3">
      <c r="F711" s="6">
        <v>44729</v>
      </c>
      <c r="G711" s="8">
        <v>0.42599652073064653</v>
      </c>
      <c r="H711" s="8">
        <v>0.16995936431301548</v>
      </c>
    </row>
    <row r="712" spans="6:8" x14ac:dyDescent="0.3">
      <c r="F712" s="6">
        <v>44736</v>
      </c>
      <c r="G712" s="8">
        <v>0.49343479594967771</v>
      </c>
      <c r="H712" s="8">
        <v>0.18139506915213471</v>
      </c>
    </row>
    <row r="713" spans="6:8" x14ac:dyDescent="0.3">
      <c r="F713" s="6">
        <v>44743</v>
      </c>
      <c r="G713" s="8">
        <v>0.47795494961470064</v>
      </c>
      <c r="H713" s="8">
        <v>0.18015193798449611</v>
      </c>
    </row>
    <row r="714" spans="6:8" x14ac:dyDescent="0.3">
      <c r="F714" s="6">
        <v>44750</v>
      </c>
      <c r="G714" s="8">
        <v>0.49318579736761547</v>
      </c>
      <c r="H714" s="8">
        <v>0.21537087549494061</v>
      </c>
    </row>
    <row r="715" spans="6:8" x14ac:dyDescent="0.3">
      <c r="F715" s="6">
        <v>44757</v>
      </c>
      <c r="G715" s="8">
        <v>0.48370216606498195</v>
      </c>
      <c r="H715" s="8">
        <v>0.23002089427496863</v>
      </c>
    </row>
    <row r="716" spans="6:8" x14ac:dyDescent="0.3">
      <c r="F716" s="6">
        <v>44764</v>
      </c>
      <c r="G716" s="8">
        <v>0.52651682456713489</v>
      </c>
      <c r="H716" s="8">
        <v>0.25558538267065045</v>
      </c>
    </row>
    <row r="717" spans="6:8" x14ac:dyDescent="0.3">
      <c r="F717" s="6">
        <v>44771</v>
      </c>
      <c r="G717" s="8">
        <v>0.54129765886287629</v>
      </c>
      <c r="H717" s="8">
        <v>0.25920314669134659</v>
      </c>
    </row>
    <row r="718" spans="6:8" x14ac:dyDescent="0.3">
      <c r="F718" s="6">
        <v>44778</v>
      </c>
      <c r="G718" s="8">
        <v>0.53690231023102308</v>
      </c>
      <c r="H718" s="8">
        <v>0.26869743589743589</v>
      </c>
    </row>
    <row r="719" spans="6:8" x14ac:dyDescent="0.3">
      <c r="F719" s="6">
        <v>44785</v>
      </c>
      <c r="G719" s="8">
        <v>0.62380837473385375</v>
      </c>
      <c r="H719" s="8">
        <v>0.29731949367088611</v>
      </c>
    </row>
    <row r="720" spans="6:8" x14ac:dyDescent="0.3">
      <c r="F720" s="6">
        <v>44792</v>
      </c>
      <c r="G720" s="8">
        <v>0.55575205566097408</v>
      </c>
      <c r="H720" s="8">
        <v>0.25651253241140881</v>
      </c>
    </row>
    <row r="721" spans="6:8" x14ac:dyDescent="0.3">
      <c r="F721" s="6">
        <v>44799</v>
      </c>
      <c r="G721" s="8">
        <v>0.58857399999999993</v>
      </c>
      <c r="H721" s="8">
        <v>0.27992562358276646</v>
      </c>
    </row>
    <row r="722" spans="6:8" x14ac:dyDescent="0.3">
      <c r="F722" s="6">
        <v>44806</v>
      </c>
      <c r="G722" s="8">
        <v>0.57375981824083089</v>
      </c>
      <c r="H722" s="8">
        <v>0.2743445595854922</v>
      </c>
    </row>
    <row r="723" spans="6:8" x14ac:dyDescent="0.3">
      <c r="F723" s="6">
        <v>44813</v>
      </c>
      <c r="G723" s="8">
        <v>0.55554761904761907</v>
      </c>
      <c r="H723" s="8">
        <v>0.2619991961414791</v>
      </c>
    </row>
    <row r="724" spans="6:8" x14ac:dyDescent="0.3">
      <c r="F724" s="6">
        <v>44820</v>
      </c>
      <c r="G724" s="8">
        <v>0.54421078356499164</v>
      </c>
      <c r="H724" s="8">
        <v>0.28686103323988787</v>
      </c>
    </row>
    <row r="725" spans="6:8" x14ac:dyDescent="0.3">
      <c r="F725" s="6">
        <v>44827</v>
      </c>
      <c r="G725" s="8">
        <v>0.53983995186522271</v>
      </c>
      <c r="H725" s="8">
        <v>0.28891114189590339</v>
      </c>
    </row>
    <row r="726" spans="6:8" x14ac:dyDescent="0.3">
      <c r="F726" s="6">
        <v>44834</v>
      </c>
      <c r="G726" s="8">
        <v>0.57764212432106221</v>
      </c>
      <c r="H726" s="8">
        <v>0.30735630320226998</v>
      </c>
    </row>
    <row r="727" spans="6:8" x14ac:dyDescent="0.3">
      <c r="F727" s="6">
        <v>44841</v>
      </c>
      <c r="G727" s="8">
        <v>0.62318267665255611</v>
      </c>
      <c r="H727" s="8">
        <v>0.35099821428571432</v>
      </c>
    </row>
    <row r="728" spans="6:8" x14ac:dyDescent="0.3">
      <c r="F728" s="6">
        <v>44848</v>
      </c>
      <c r="G728" s="8">
        <v>0.58433861144945176</v>
      </c>
      <c r="H728" s="8">
        <v>0.33057142857142863</v>
      </c>
    </row>
    <row r="729" spans="6:8" x14ac:dyDescent="0.3">
      <c r="F729" s="6">
        <v>44855</v>
      </c>
      <c r="G729" s="8">
        <v>0.56018855808523071</v>
      </c>
      <c r="H729" s="8">
        <v>0.30742536790469521</v>
      </c>
    </row>
    <row r="730" spans="6:8" x14ac:dyDescent="0.3">
      <c r="F730" s="6">
        <v>44862</v>
      </c>
      <c r="G730" s="8">
        <v>0.61059581218274106</v>
      </c>
      <c r="H730" s="8">
        <v>0.35415573608084011</v>
      </c>
    </row>
    <row r="731" spans="6:8" x14ac:dyDescent="0.3">
      <c r="F731" s="6">
        <v>44869</v>
      </c>
      <c r="G731" s="8">
        <v>0.64285866666666669</v>
      </c>
      <c r="H731" s="8">
        <v>0.38192330137557318</v>
      </c>
    </row>
    <row r="732" spans="6:8" x14ac:dyDescent="0.3">
      <c r="F732" s="6">
        <v>44876</v>
      </c>
      <c r="G732" s="8">
        <v>0.68984568835098337</v>
      </c>
      <c r="H732" s="8">
        <v>0.38651164725457565</v>
      </c>
    </row>
    <row r="733" spans="6:8" x14ac:dyDescent="0.3">
      <c r="F733" s="6">
        <v>44883</v>
      </c>
      <c r="G733" s="8">
        <v>0.70272171984303011</v>
      </c>
      <c r="H733" s="8">
        <v>0.41098909725250765</v>
      </c>
    </row>
    <row r="734" spans="6:8" x14ac:dyDescent="0.3">
      <c r="F734" s="6">
        <v>44890</v>
      </c>
      <c r="G734" s="8">
        <v>0.68166919775503476</v>
      </c>
      <c r="H734" s="8">
        <v>0.38095101553166072</v>
      </c>
    </row>
    <row r="735" spans="6:8" x14ac:dyDescent="0.3">
      <c r="F735" s="6">
        <v>44897</v>
      </c>
      <c r="G735" s="8">
        <v>0.67383964872336954</v>
      </c>
      <c r="H735" s="8">
        <v>0.37796245801225054</v>
      </c>
    </row>
    <row r="736" spans="6:8" x14ac:dyDescent="0.3">
      <c r="F736" s="6">
        <v>44904</v>
      </c>
      <c r="G736" s="8">
        <v>0.69459027893769831</v>
      </c>
      <c r="H736" s="8">
        <v>0.40588330150647139</v>
      </c>
    </row>
    <row r="737" spans="6:8" x14ac:dyDescent="0.3">
      <c r="F737" s="6">
        <v>44911</v>
      </c>
      <c r="G737" s="8">
        <v>0.80402017937219727</v>
      </c>
      <c r="H737" s="8">
        <v>0.45135657089024966</v>
      </c>
    </row>
    <row r="738" spans="6:8" x14ac:dyDescent="0.3">
      <c r="F738" s="6">
        <v>44918</v>
      </c>
      <c r="G738" s="8">
        <v>0.75449475157452761</v>
      </c>
      <c r="H738" s="8">
        <v>0.38363900080580177</v>
      </c>
    </row>
    <row r="739" spans="6:8" x14ac:dyDescent="0.3">
      <c r="F739" s="6">
        <v>44925</v>
      </c>
      <c r="G739" s="8">
        <v>0.7475277825861173</v>
      </c>
      <c r="H739" s="8">
        <v>0.375075117370892</v>
      </c>
    </row>
    <row r="740" spans="6:8" x14ac:dyDescent="0.3">
      <c r="F740" s="6">
        <v>44932</v>
      </c>
      <c r="G740" s="8">
        <v>0.76371913689423421</v>
      </c>
      <c r="H740" s="8">
        <v>0.37022239234449755</v>
      </c>
    </row>
    <row r="741" spans="6:8" x14ac:dyDescent="0.3">
      <c r="F741" s="6">
        <v>44939</v>
      </c>
      <c r="G741" s="8">
        <v>0.72904156809733023</v>
      </c>
      <c r="H741" s="8">
        <v>0.3397567424643046</v>
      </c>
    </row>
    <row r="742" spans="6:8" x14ac:dyDescent="0.3">
      <c r="F742" s="6">
        <v>44946</v>
      </c>
      <c r="G742" s="8">
        <v>0.77925576368876071</v>
      </c>
      <c r="H742" s="8">
        <v>0.38548885350318468</v>
      </c>
    </row>
    <row r="743" spans="6:8" x14ac:dyDescent="0.3">
      <c r="F743" s="6">
        <v>44953</v>
      </c>
      <c r="G743" s="8">
        <v>0.79291142020497807</v>
      </c>
      <c r="H743" s="8">
        <v>0.38035750686005482</v>
      </c>
    </row>
    <row r="744" spans="6:8" x14ac:dyDescent="0.3">
      <c r="F744" s="6">
        <v>44960</v>
      </c>
      <c r="G744" s="8">
        <v>0.79758400586940581</v>
      </c>
      <c r="H744" s="8">
        <v>0.38045479452054787</v>
      </c>
    </row>
    <row r="745" spans="6:8" x14ac:dyDescent="0.3">
      <c r="F745" s="6">
        <v>44967</v>
      </c>
      <c r="G745" s="8">
        <v>0.79898260560880363</v>
      </c>
      <c r="H745" s="8">
        <v>0.3761505954667691</v>
      </c>
    </row>
    <row r="746" spans="6:8" x14ac:dyDescent="0.3">
      <c r="F746" s="6">
        <v>44974</v>
      </c>
      <c r="G746" s="8">
        <v>0.82091551347414415</v>
      </c>
      <c r="H746" s="8">
        <v>0.40044246353322521</v>
      </c>
    </row>
    <row r="747" spans="6:8" x14ac:dyDescent="0.3">
      <c r="F747" s="6">
        <v>44981</v>
      </c>
      <c r="G747" s="8">
        <v>0.84148696947133295</v>
      </c>
      <c r="H747" s="8">
        <v>0.41740150880134114</v>
      </c>
    </row>
    <row r="748" spans="6:8" x14ac:dyDescent="0.3">
      <c r="F748" s="6">
        <v>44988</v>
      </c>
      <c r="G748" s="8">
        <v>0.86489254302103258</v>
      </c>
      <c r="H748" s="8">
        <v>0.4352884448305821</v>
      </c>
    </row>
    <row r="749" spans="6:8" x14ac:dyDescent="0.3">
      <c r="F749" s="6">
        <v>44995</v>
      </c>
      <c r="G749" s="8">
        <v>0.77433731649026982</v>
      </c>
      <c r="H749" s="8">
        <v>0.4200333468889792</v>
      </c>
    </row>
    <row r="750" spans="6:8" x14ac:dyDescent="0.3">
      <c r="F750" s="6">
        <v>45002</v>
      </c>
      <c r="G750" s="8">
        <v>0.71034467686543867</v>
      </c>
      <c r="H750" s="8">
        <v>0.37993194706994327</v>
      </c>
    </row>
    <row r="751" spans="6:8" x14ac:dyDescent="0.3">
      <c r="F751" s="6">
        <v>45009</v>
      </c>
      <c r="G751" s="8">
        <v>0.73552891896246175</v>
      </c>
      <c r="H751" s="8">
        <v>0.39352264006139676</v>
      </c>
    </row>
    <row r="752" spans="6:8" x14ac:dyDescent="0.3">
      <c r="F752" s="6">
        <v>45016</v>
      </c>
      <c r="G752" s="8">
        <v>0.76212343234323432</v>
      </c>
      <c r="H752" s="8">
        <v>0.43024567188788121</v>
      </c>
    </row>
    <row r="753" spans="6:8" x14ac:dyDescent="0.3">
      <c r="F753" s="6">
        <v>45023</v>
      </c>
      <c r="G753" s="8">
        <v>0.82609009653199861</v>
      </c>
      <c r="H753" s="8">
        <v>0.44535635123614659</v>
      </c>
    </row>
    <row r="754" spans="6:8" x14ac:dyDescent="0.3">
      <c r="F754" s="6">
        <v>45030</v>
      </c>
      <c r="G754" s="8">
        <v>0.88452543021032515</v>
      </c>
      <c r="H754" s="8">
        <v>0.49628155795401219</v>
      </c>
    </row>
    <row r="755" spans="6:8" x14ac:dyDescent="0.3">
      <c r="F755" s="6">
        <v>45037</v>
      </c>
      <c r="G755" s="8">
        <v>0.90087502437122247</v>
      </c>
      <c r="H755" s="8">
        <v>0.50036096636665084</v>
      </c>
    </row>
    <row r="756" spans="6:8" x14ac:dyDescent="0.3">
      <c r="F756" s="6">
        <v>45044</v>
      </c>
      <c r="G756" s="8">
        <v>0.92460623003194886</v>
      </c>
      <c r="H756" s="8">
        <v>0.51089165867689357</v>
      </c>
    </row>
    <row r="757" spans="6:8" x14ac:dyDescent="0.3">
      <c r="F757" s="6">
        <v>45051</v>
      </c>
      <c r="G757" s="8">
        <v>0.89660889748549322</v>
      </c>
      <c r="H757" s="8">
        <v>0.4873266696955928</v>
      </c>
    </row>
    <row r="758" spans="6:8" x14ac:dyDescent="0.3">
      <c r="F758" s="6">
        <v>45058</v>
      </c>
      <c r="G758" s="8">
        <v>0.93200241545893725</v>
      </c>
      <c r="H758" s="8">
        <v>0.51837633365664404</v>
      </c>
    </row>
    <row r="759" spans="6:8" x14ac:dyDescent="0.3">
      <c r="F759" s="6">
        <v>45065</v>
      </c>
      <c r="G759" s="8">
        <v>0.9040884713251125</v>
      </c>
      <c r="H759" s="8">
        <v>0.52559456838021335</v>
      </c>
    </row>
    <row r="760" spans="6:8" x14ac:dyDescent="0.3">
      <c r="F760" s="6">
        <v>45072</v>
      </c>
      <c r="G760" s="8">
        <v>0.88846782273603087</v>
      </c>
      <c r="H760" s="8">
        <v>0.52274394299287408</v>
      </c>
    </row>
    <row r="761" spans="6:8" x14ac:dyDescent="0.3">
      <c r="F761" s="6">
        <v>45079</v>
      </c>
      <c r="G761" s="8">
        <v>0.94368487824841418</v>
      </c>
      <c r="H761" s="8">
        <v>0.55980334515965535</v>
      </c>
    </row>
    <row r="762" spans="6:8" x14ac:dyDescent="0.3">
      <c r="F762" s="6">
        <v>45086</v>
      </c>
      <c r="G762" s="8">
        <v>1.0062062350119905</v>
      </c>
      <c r="H762" s="8">
        <v>0.62731981981981977</v>
      </c>
    </row>
    <row r="763" spans="6:8" x14ac:dyDescent="0.3">
      <c r="F763" s="6">
        <v>45093</v>
      </c>
      <c r="G763" s="8">
        <v>1.010461875547765</v>
      </c>
      <c r="H763" s="8">
        <v>0.61173149171270702</v>
      </c>
    </row>
    <row r="764" spans="6:8" x14ac:dyDescent="0.3">
      <c r="F764" s="6">
        <v>45100</v>
      </c>
      <c r="G764" s="8">
        <v>0.98017165923093263</v>
      </c>
      <c r="H764" s="8">
        <v>0.56695267175572517</v>
      </c>
    </row>
    <row r="765" spans="6:8" x14ac:dyDescent="0.3">
      <c r="F765" s="6">
        <v>45107</v>
      </c>
      <c r="G765" s="8">
        <v>0.95874958402662236</v>
      </c>
      <c r="H765" s="8">
        <v>0.53676300578034675</v>
      </c>
    </row>
    <row r="766" spans="6:8" x14ac:dyDescent="0.3">
      <c r="F766" s="6">
        <v>45114</v>
      </c>
      <c r="G766" s="8">
        <v>0.93180032336297502</v>
      </c>
      <c r="H766" s="8">
        <v>0.56002506265664165</v>
      </c>
    </row>
    <row r="767" spans="6:8" x14ac:dyDescent="0.3">
      <c r="F767" s="6">
        <v>45121</v>
      </c>
      <c r="G767" s="8">
        <v>0.90847662260800954</v>
      </c>
      <c r="H767" s="8">
        <v>0.56074830954169796</v>
      </c>
    </row>
    <row r="768" spans="6:8" x14ac:dyDescent="0.3">
      <c r="F768" s="6">
        <v>45128</v>
      </c>
      <c r="G768" s="8">
        <v>0.86172421524663678</v>
      </c>
      <c r="H768" s="8">
        <v>0.55693728395061726</v>
      </c>
    </row>
    <row r="769" spans="6:8" x14ac:dyDescent="0.3">
      <c r="F769" s="6">
        <v>45135</v>
      </c>
      <c r="G769" s="8">
        <v>0.86895105421686758</v>
      </c>
      <c r="H769" s="8">
        <v>0.59986115527291994</v>
      </c>
    </row>
    <row r="770" spans="6:8" x14ac:dyDescent="0.3">
      <c r="F770" s="6">
        <v>45142</v>
      </c>
      <c r="G770" s="8">
        <v>0.76857799999999998</v>
      </c>
      <c r="H770" s="8">
        <v>0.56330114484818306</v>
      </c>
    </row>
    <row r="771" spans="6:8" x14ac:dyDescent="0.3">
      <c r="F771" s="6">
        <v>45149</v>
      </c>
      <c r="G771" s="8">
        <v>0.78956286399451869</v>
      </c>
      <c r="H771" s="8">
        <v>0.60003715498938426</v>
      </c>
    </row>
    <row r="772" spans="6:8" x14ac:dyDescent="0.3">
      <c r="F772" s="6">
        <v>45156</v>
      </c>
      <c r="G772" s="8">
        <v>0.76269955305413017</v>
      </c>
      <c r="H772" s="8">
        <v>0.575730964467005</v>
      </c>
    </row>
    <row r="773" spans="6:8" x14ac:dyDescent="0.3">
      <c r="F773" s="6">
        <v>45163</v>
      </c>
      <c r="G773" s="8">
        <v>0.82447685433422702</v>
      </c>
      <c r="H773" s="8">
        <v>0.61299623047926755</v>
      </c>
    </row>
    <row r="774" spans="6:8" x14ac:dyDescent="0.3">
      <c r="F774" s="6">
        <v>45170</v>
      </c>
      <c r="G774" s="8">
        <v>0.81557072135785014</v>
      </c>
      <c r="H774" s="8">
        <v>0.62322891566265048</v>
      </c>
    </row>
    <row r="775" spans="6:8" x14ac:dyDescent="0.3">
      <c r="F775" s="6">
        <v>45177</v>
      </c>
      <c r="G775" s="8">
        <v>0.75589311475409848</v>
      </c>
      <c r="H775" s="8">
        <v>0.61569421934089674</v>
      </c>
    </row>
    <row r="776" spans="6:8" x14ac:dyDescent="0.3">
      <c r="F776" s="6">
        <v>45184</v>
      </c>
      <c r="G776" s="8">
        <v>0.82137962962962974</v>
      </c>
      <c r="H776" s="8">
        <v>0.61341886792452827</v>
      </c>
    </row>
    <row r="777" spans="6:8" x14ac:dyDescent="0.3">
      <c r="F777" s="6">
        <v>45191</v>
      </c>
      <c r="G777" s="8">
        <v>0.81280493392070485</v>
      </c>
      <c r="H777" s="8">
        <v>0.60764850427350425</v>
      </c>
    </row>
    <row r="778" spans="6:8" x14ac:dyDescent="0.3">
      <c r="F778" s="6">
        <v>45198</v>
      </c>
      <c r="G778" s="8">
        <v>0.78189013224821979</v>
      </c>
      <c r="H778" s="8">
        <v>0.60816265382557511</v>
      </c>
    </row>
    <row r="779" spans="6:8" x14ac:dyDescent="0.3">
      <c r="F779" s="6">
        <v>45205</v>
      </c>
      <c r="G779" s="8">
        <v>0.72408859566446759</v>
      </c>
      <c r="H779" s="8">
        <v>0.62201201529219008</v>
      </c>
    </row>
    <row r="780" spans="6:8" x14ac:dyDescent="0.3">
      <c r="F780" s="6">
        <v>45212</v>
      </c>
      <c r="G780" s="8">
        <v>0.72679924361802717</v>
      </c>
      <c r="H780" s="8">
        <v>0.6383185642176108</v>
      </c>
    </row>
    <row r="781" spans="6:8" x14ac:dyDescent="0.3">
      <c r="F781" s="6">
        <v>45219</v>
      </c>
      <c r="G781" s="8">
        <v>0.72240338239899782</v>
      </c>
      <c r="H781" s="8">
        <v>0.63926363125351315</v>
      </c>
    </row>
    <row r="782" spans="6:8" x14ac:dyDescent="0.3">
      <c r="F782" s="6">
        <v>45226</v>
      </c>
      <c r="G782" s="8">
        <v>0.7535230316889906</v>
      </c>
      <c r="H782" s="8">
        <v>0.63327638190954771</v>
      </c>
    </row>
    <row r="783" spans="6:8" x14ac:dyDescent="0.3">
      <c r="F783" s="6">
        <v>45233</v>
      </c>
      <c r="G783" s="8">
        <v>0.79017951353203153</v>
      </c>
      <c r="H783" s="8">
        <v>0.65092736146999708</v>
      </c>
    </row>
    <row r="784" spans="6:8" x14ac:dyDescent="0.3">
      <c r="F784" s="6">
        <v>45240</v>
      </c>
      <c r="G784" s="8">
        <v>0.79293021656926777</v>
      </c>
      <c r="H784" s="8">
        <v>0.65307435158501426</v>
      </c>
    </row>
    <row r="785" spans="6:8" x14ac:dyDescent="0.3">
      <c r="F785" s="6">
        <v>45247</v>
      </c>
      <c r="G785" s="8">
        <v>0.83945176556243184</v>
      </c>
      <c r="H785" s="8">
        <v>0.69725154130702838</v>
      </c>
    </row>
    <row r="786" spans="6:8" x14ac:dyDescent="0.3">
      <c r="F786" s="6">
        <v>45254</v>
      </c>
      <c r="G786" s="8">
        <v>0.86823569277108437</v>
      </c>
      <c r="H786" s="8">
        <v>0.69581361128142238</v>
      </c>
    </row>
    <row r="787" spans="6:8" x14ac:dyDescent="0.3">
      <c r="F787" s="6">
        <v>45261</v>
      </c>
      <c r="G787" s="8">
        <v>0.82742518837459633</v>
      </c>
      <c r="H787" s="8">
        <v>0.64942775229357796</v>
      </c>
    </row>
    <row r="788" spans="6:8" x14ac:dyDescent="0.3">
      <c r="F788" s="6">
        <v>45268</v>
      </c>
      <c r="G788" s="8">
        <v>0.78476828853351488</v>
      </c>
      <c r="H788" s="8">
        <v>0.57839590792838869</v>
      </c>
    </row>
    <row r="789" spans="6:8" x14ac:dyDescent="0.3">
      <c r="F789" s="6">
        <v>45275</v>
      </c>
      <c r="G789" s="8">
        <v>0.75607672131147541</v>
      </c>
      <c r="H789" s="8">
        <v>0.51779844251030693</v>
      </c>
    </row>
    <row r="790" spans="6:8" x14ac:dyDescent="0.3">
      <c r="F790" s="6">
        <v>45282</v>
      </c>
      <c r="G790" s="8">
        <v>0.78729054284738831</v>
      </c>
      <c r="H790" s="8">
        <v>0.54272281039461012</v>
      </c>
    </row>
    <row r="791" spans="6:8" x14ac:dyDescent="0.3">
      <c r="F791" s="6">
        <v>45289</v>
      </c>
      <c r="G791" s="8">
        <v>0.79810799584631353</v>
      </c>
      <c r="H791" s="8">
        <v>0.54449418604651156</v>
      </c>
    </row>
    <row r="792" spans="6:8" x14ac:dyDescent="0.3">
      <c r="F792" s="6">
        <v>45296</v>
      </c>
      <c r="G792" s="8">
        <v>0.83936439752457226</v>
      </c>
      <c r="H792" s="8">
        <v>0.56086270594108822</v>
      </c>
    </row>
    <row r="793" spans="6:8" x14ac:dyDescent="0.3">
      <c r="F793" s="6">
        <v>45303</v>
      </c>
      <c r="G793" s="8">
        <v>0.86774623493975911</v>
      </c>
      <c r="H793" s="8">
        <v>0.58930704521556254</v>
      </c>
    </row>
    <row r="794" spans="6:8" x14ac:dyDescent="0.3">
      <c r="F794" s="6">
        <v>45310</v>
      </c>
      <c r="G794" s="8">
        <v>0.85202291204730229</v>
      </c>
      <c r="H794" s="8">
        <v>0.58892065160273255</v>
      </c>
    </row>
    <row r="795" spans="6:8" x14ac:dyDescent="0.3">
      <c r="F795" s="6">
        <v>45317</v>
      </c>
      <c r="G795" s="8">
        <v>0.88142791586998093</v>
      </c>
      <c r="H795" s="8">
        <v>0.61936022099447507</v>
      </c>
    </row>
    <row r="796" spans="6:8" x14ac:dyDescent="0.3">
      <c r="F796" s="6">
        <v>45324</v>
      </c>
      <c r="G796" s="8">
        <v>0.88531361628576921</v>
      </c>
      <c r="H796" s="8">
        <v>0.58106666666666662</v>
      </c>
    </row>
    <row r="797" spans="6:8" x14ac:dyDescent="0.3">
      <c r="F797" s="6">
        <v>45331</v>
      </c>
      <c r="G797" s="8">
        <v>0.93212050141528502</v>
      </c>
      <c r="H797" s="8">
        <v>0.60951048189490886</v>
      </c>
    </row>
    <row r="798" spans="6:8" x14ac:dyDescent="0.3">
      <c r="F798" s="6">
        <v>45338</v>
      </c>
      <c r="G798" s="8">
        <v>0.9669467058329837</v>
      </c>
      <c r="H798" s="8">
        <v>0.64277682157200233</v>
      </c>
    </row>
    <row r="799" spans="6:8" x14ac:dyDescent="0.3">
      <c r="F799" s="6">
        <v>45345</v>
      </c>
      <c r="G799" s="8">
        <v>1.0372507879333632</v>
      </c>
      <c r="H799" s="8">
        <v>0.70097941359950078</v>
      </c>
    </row>
    <row r="800" spans="6:8" x14ac:dyDescent="0.3">
      <c r="F800" s="6">
        <v>45352</v>
      </c>
      <c r="G800" s="8">
        <v>1.0507685988133273</v>
      </c>
      <c r="H800" s="8">
        <v>0.70990524320909665</v>
      </c>
    </row>
    <row r="801" spans="6:8" x14ac:dyDescent="0.3">
      <c r="F801" s="6">
        <v>45359</v>
      </c>
      <c r="G801" s="8">
        <v>1.0317050649932766</v>
      </c>
      <c r="H801" s="8">
        <v>0.65368531468531454</v>
      </c>
    </row>
    <row r="802" spans="6:8" x14ac:dyDescent="0.3">
      <c r="F802" s="6">
        <v>45366</v>
      </c>
      <c r="G802" s="8">
        <v>1.054898670334709</v>
      </c>
      <c r="H802" s="8">
        <v>0.67843719806763281</v>
      </c>
    </row>
    <row r="803" spans="6:8" x14ac:dyDescent="0.3">
      <c r="F803" s="6">
        <v>45373</v>
      </c>
      <c r="G803" s="8">
        <v>0.94083222036727876</v>
      </c>
      <c r="H803" s="8">
        <v>0.65461835184102857</v>
      </c>
    </row>
    <row r="804" spans="6:8" x14ac:dyDescent="0.3">
      <c r="F804" s="6">
        <v>45380</v>
      </c>
      <c r="G804" s="8">
        <v>0.99687621573828467</v>
      </c>
      <c r="H804" s="8">
        <v>0.68750892307692302</v>
      </c>
    </row>
    <row r="805" spans="6:8" x14ac:dyDescent="0.3">
      <c r="F805" s="6">
        <v>45387</v>
      </c>
      <c r="G805" s="8">
        <v>0.99599558303886926</v>
      </c>
      <c r="H805" s="8">
        <v>0.70491569308493829</v>
      </c>
    </row>
    <row r="806" spans="6:8" x14ac:dyDescent="0.3">
      <c r="F806" s="6">
        <v>45394</v>
      </c>
      <c r="G806" s="8">
        <v>0.91554770604953306</v>
      </c>
      <c r="H806" s="8">
        <v>0.62971012054948128</v>
      </c>
    </row>
    <row r="807" spans="6:8" x14ac:dyDescent="0.3">
      <c r="F807" s="6">
        <v>45401</v>
      </c>
      <c r="G807" s="8">
        <v>0.78503708862963606</v>
      </c>
      <c r="H807" s="8">
        <v>0.62886362363483606</v>
      </c>
    </row>
    <row r="808" spans="6:8" x14ac:dyDescent="0.3">
      <c r="F808" s="6">
        <v>45408</v>
      </c>
      <c r="G808" s="8">
        <v>0.7993737588652482</v>
      </c>
      <c r="H808" s="8">
        <v>0.54735980511571247</v>
      </c>
    </row>
    <row r="809" spans="6:8" x14ac:dyDescent="0.3">
      <c r="F809" s="6">
        <v>45415</v>
      </c>
      <c r="G809" s="8">
        <v>0.85372522266439255</v>
      </c>
      <c r="H809" s="8">
        <v>0.5867638453500521</v>
      </c>
    </row>
    <row r="810" spans="6:8" x14ac:dyDescent="0.3">
      <c r="F810" s="6">
        <v>45422</v>
      </c>
      <c r="G810" s="8">
        <v>0.88884970414201181</v>
      </c>
      <c r="H810" s="8">
        <v>0.61781497797356821</v>
      </c>
    </row>
    <row r="811" spans="6:8" x14ac:dyDescent="0.3">
      <c r="F811" s="6">
        <v>45429</v>
      </c>
      <c r="G811" s="8">
        <v>1.0190927182270466</v>
      </c>
      <c r="H811" s="8">
        <v>0.65848445747800577</v>
      </c>
    </row>
    <row r="812" spans="6:8" x14ac:dyDescent="0.3">
      <c r="F812" s="6">
        <v>45436</v>
      </c>
      <c r="G812" s="8">
        <v>1.0050129406514949</v>
      </c>
      <c r="H812" s="8">
        <v>0.64944175317185693</v>
      </c>
    </row>
    <row r="813" spans="6:8" x14ac:dyDescent="0.3">
      <c r="F813" s="6">
        <v>45443</v>
      </c>
      <c r="G813" s="8">
        <v>0.97094487510766581</v>
      </c>
      <c r="H813" s="8">
        <v>0.64831548647092674</v>
      </c>
    </row>
    <row r="814" spans="6:8" x14ac:dyDescent="0.3">
      <c r="F814" s="6">
        <v>45450</v>
      </c>
      <c r="G814" s="8">
        <v>0.66118299120234603</v>
      </c>
      <c r="H814" s="8">
        <v>0.64248799999999995</v>
      </c>
    </row>
    <row r="815" spans="6:8" x14ac:dyDescent="0.3">
      <c r="F815" s="6">
        <v>45457</v>
      </c>
      <c r="G815" s="8">
        <v>0.70460437500000006</v>
      </c>
      <c r="H815" s="8">
        <v>0.63907063829787236</v>
      </c>
    </row>
    <row r="816" spans="6:8" x14ac:dyDescent="0.3">
      <c r="F816" s="6">
        <v>45464</v>
      </c>
      <c r="G816" s="8">
        <v>0.81468521864835552</v>
      </c>
      <c r="H816" s="8">
        <v>0.61724164383561642</v>
      </c>
    </row>
    <row r="817" spans="6:8" x14ac:dyDescent="0.3">
      <c r="F817" s="6">
        <v>45471</v>
      </c>
      <c r="G817" s="8">
        <v>0.76178911794525184</v>
      </c>
      <c r="H817" s="8">
        <v>0.58477520187548837</v>
      </c>
    </row>
    <row r="818" spans="6:8" x14ac:dyDescent="0.3">
      <c r="F818" s="6">
        <v>45478</v>
      </c>
      <c r="G818" s="8">
        <v>0.78885024492652212</v>
      </c>
      <c r="H818" s="8">
        <v>0.62094006659267476</v>
      </c>
    </row>
    <row r="819" spans="6:8" x14ac:dyDescent="0.3">
      <c r="F819" s="6">
        <v>45485</v>
      </c>
      <c r="G819" s="8">
        <v>0.77679035314384159</v>
      </c>
      <c r="H819" s="8">
        <v>0.63592584141471753</v>
      </c>
    </row>
    <row r="820" spans="6:8" x14ac:dyDescent="0.3">
      <c r="F820" s="6">
        <v>45492</v>
      </c>
      <c r="G820" s="8">
        <v>0.82678672290482302</v>
      </c>
      <c r="H820" s="8">
        <v>0.61352092511013212</v>
      </c>
    </row>
    <row r="821" spans="6:8" x14ac:dyDescent="0.3">
      <c r="F821" s="6">
        <v>45499</v>
      </c>
      <c r="G821" s="8">
        <v>0.79151474719101123</v>
      </c>
      <c r="H821" s="8">
        <v>0.57801355578727842</v>
      </c>
    </row>
    <row r="822" spans="6:8" x14ac:dyDescent="0.3">
      <c r="F822" s="6">
        <v>45506</v>
      </c>
      <c r="G822" s="8">
        <v>0.65903639818739956</v>
      </c>
      <c r="H822" s="8">
        <v>0.51390729093873744</v>
      </c>
    </row>
    <row r="823" spans="6:8" x14ac:dyDescent="0.3">
      <c r="F823" s="6">
        <v>45513</v>
      </c>
      <c r="G823" s="8">
        <v>0.58908155650319827</v>
      </c>
      <c r="H823" s="8">
        <v>0.44411759868421047</v>
      </c>
    </row>
    <row r="824" spans="6:8" x14ac:dyDescent="0.3">
      <c r="F824" s="6">
        <v>45520</v>
      </c>
      <c r="G824" s="8">
        <v>0.68644693432928727</v>
      </c>
      <c r="H824" s="8">
        <v>0.50196385542168676</v>
      </c>
    </row>
    <row r="825" spans="6:8" x14ac:dyDescent="0.3">
      <c r="F825" s="6">
        <v>45527</v>
      </c>
      <c r="G825" s="8">
        <v>0.59479881337648333</v>
      </c>
      <c r="H825" s="8">
        <v>0.46631226927252983</v>
      </c>
    </row>
    <row r="826" spans="6:8" x14ac:dyDescent="0.3">
      <c r="F826" s="6">
        <v>45534</v>
      </c>
      <c r="G826" s="8">
        <v>0.60922188449848036</v>
      </c>
      <c r="H826" s="8">
        <v>0.4706654835847382</v>
      </c>
    </row>
    <row r="827" spans="6:8" x14ac:dyDescent="0.3">
      <c r="F827" s="6">
        <v>45541</v>
      </c>
      <c r="G827" s="8">
        <v>0.56533898740683641</v>
      </c>
      <c r="H827" s="8">
        <v>0.4318463127453005</v>
      </c>
    </row>
  </sheetData>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29C778-9B8B-412F-BC85-5DDF38256FF0}">
  <dimension ref="A1:E220"/>
  <sheetViews>
    <sheetView workbookViewId="0">
      <selection activeCell="A8" sqref="A8"/>
    </sheetView>
  </sheetViews>
  <sheetFormatPr defaultColWidth="9.1796875" defaultRowHeight="14" x14ac:dyDescent="0.3"/>
  <cols>
    <col min="1" max="1" width="27.6328125" style="6" customWidth="1"/>
    <col min="2" max="14" width="15.7265625" style="1" customWidth="1"/>
    <col min="15" max="16384" width="9.1796875" style="1"/>
  </cols>
  <sheetData>
    <row r="1" spans="1:5" x14ac:dyDescent="0.3">
      <c r="A1" s="6" t="s">
        <v>4</v>
      </c>
      <c r="B1" s="1">
        <v>6</v>
      </c>
    </row>
    <row r="2" spans="1:5" x14ac:dyDescent="0.3">
      <c r="A2" s="6" t="s">
        <v>3</v>
      </c>
      <c r="B2" s="1" t="s">
        <v>49</v>
      </c>
    </row>
    <row r="3" spans="1:5" x14ac:dyDescent="0.3">
      <c r="A3" s="6" t="s">
        <v>5</v>
      </c>
      <c r="B3" s="1" t="s">
        <v>50</v>
      </c>
    </row>
    <row r="4" spans="1:5" x14ac:dyDescent="0.3">
      <c r="A4" s="6" t="s">
        <v>2</v>
      </c>
      <c r="B4" s="1" t="s">
        <v>51</v>
      </c>
    </row>
    <row r="5" spans="1:5" x14ac:dyDescent="0.3">
      <c r="A5" s="6" t="s">
        <v>1</v>
      </c>
    </row>
    <row r="7" spans="1:5" x14ac:dyDescent="0.3">
      <c r="A7" s="1" t="s">
        <v>20</v>
      </c>
      <c r="B7" s="1" t="s">
        <v>58</v>
      </c>
    </row>
    <row r="8" spans="1:5" x14ac:dyDescent="0.3">
      <c r="A8" s="1" t="s">
        <v>53</v>
      </c>
      <c r="B8" s="3">
        <v>185.89184018594571</v>
      </c>
    </row>
    <row r="9" spans="1:5" x14ac:dyDescent="0.3">
      <c r="A9" s="1" t="s">
        <v>56</v>
      </c>
      <c r="B9" s="3">
        <v>74.619793318650736</v>
      </c>
    </row>
    <row r="10" spans="1:5" x14ac:dyDescent="0.3">
      <c r="A10" s="1" t="s">
        <v>52</v>
      </c>
      <c r="B10" s="3">
        <v>-235.67168611314148</v>
      </c>
      <c r="C10" s="2"/>
      <c r="D10" s="2"/>
      <c r="E10" s="2"/>
    </row>
    <row r="11" spans="1:5" x14ac:dyDescent="0.3">
      <c r="A11" s="1" t="s">
        <v>54</v>
      </c>
      <c r="B11" s="3">
        <v>-146.40715257719557</v>
      </c>
    </row>
    <row r="12" spans="1:5" x14ac:dyDescent="0.3">
      <c r="A12" s="1" t="s">
        <v>55</v>
      </c>
      <c r="B12" s="3">
        <v>-33.747160948139246</v>
      </c>
    </row>
    <row r="13" spans="1:5" x14ac:dyDescent="0.3">
      <c r="A13" s="1" t="s">
        <v>56</v>
      </c>
      <c r="B13" s="3">
        <v>74.619793318650736</v>
      </c>
    </row>
    <row r="14" spans="1:5" x14ac:dyDescent="0.3">
      <c r="A14" s="1" t="s">
        <v>57</v>
      </c>
      <c r="B14" s="3">
        <v>-155.31436613387984</v>
      </c>
    </row>
    <row r="15" spans="1:5" x14ac:dyDescent="0.3">
      <c r="A15" s="1"/>
    </row>
    <row r="16" spans="1:5" x14ac:dyDescent="0.3">
      <c r="A16" s="1"/>
    </row>
    <row r="17" spans="1:1" x14ac:dyDescent="0.3">
      <c r="A17" s="1"/>
    </row>
    <row r="18" spans="1:1" x14ac:dyDescent="0.3">
      <c r="A18" s="1"/>
    </row>
    <row r="19" spans="1:1" x14ac:dyDescent="0.3">
      <c r="A19" s="1"/>
    </row>
    <row r="20" spans="1:1" x14ac:dyDescent="0.3">
      <c r="A20" s="1"/>
    </row>
    <row r="21" spans="1:1" x14ac:dyDescent="0.3">
      <c r="A21" s="1"/>
    </row>
    <row r="22" spans="1:1" x14ac:dyDescent="0.3">
      <c r="A22" s="1"/>
    </row>
    <row r="23" spans="1:1" x14ac:dyDescent="0.3">
      <c r="A23" s="1"/>
    </row>
    <row r="24" spans="1:1" x14ac:dyDescent="0.3">
      <c r="A24" s="1"/>
    </row>
    <row r="25" spans="1:1" x14ac:dyDescent="0.3">
      <c r="A25" s="1"/>
    </row>
    <row r="26" spans="1:1" x14ac:dyDescent="0.3">
      <c r="A26" s="1"/>
    </row>
    <row r="27" spans="1:1" x14ac:dyDescent="0.3">
      <c r="A27" s="1"/>
    </row>
    <row r="28" spans="1:1" x14ac:dyDescent="0.3">
      <c r="A28" s="1"/>
    </row>
    <row r="29" spans="1:1" x14ac:dyDescent="0.3">
      <c r="A29" s="1"/>
    </row>
    <row r="30" spans="1:1" x14ac:dyDescent="0.3">
      <c r="A30" s="1"/>
    </row>
    <row r="31" spans="1:1" x14ac:dyDescent="0.3">
      <c r="A31" s="1"/>
    </row>
    <row r="32" spans="1:1" x14ac:dyDescent="0.3">
      <c r="A32" s="1"/>
    </row>
    <row r="33" spans="1:1" x14ac:dyDescent="0.3">
      <c r="A33" s="1"/>
    </row>
    <row r="34" spans="1:1" x14ac:dyDescent="0.3">
      <c r="A34" s="1"/>
    </row>
    <row r="35" spans="1:1" x14ac:dyDescent="0.3">
      <c r="A35" s="1"/>
    </row>
    <row r="36" spans="1:1" x14ac:dyDescent="0.3">
      <c r="A36" s="1"/>
    </row>
    <row r="37" spans="1:1" x14ac:dyDescent="0.3">
      <c r="A37" s="1"/>
    </row>
    <row r="38" spans="1:1" x14ac:dyDescent="0.3">
      <c r="A38" s="1"/>
    </row>
    <row r="39" spans="1:1" x14ac:dyDescent="0.3">
      <c r="A39" s="1"/>
    </row>
    <row r="40" spans="1:1" x14ac:dyDescent="0.3">
      <c r="A40" s="1"/>
    </row>
    <row r="41" spans="1:1" x14ac:dyDescent="0.3">
      <c r="A41" s="1"/>
    </row>
    <row r="42" spans="1:1" x14ac:dyDescent="0.3">
      <c r="A42" s="1"/>
    </row>
    <row r="43" spans="1:1" x14ac:dyDescent="0.3">
      <c r="A43" s="1"/>
    </row>
    <row r="44" spans="1:1" x14ac:dyDescent="0.3">
      <c r="A44" s="1"/>
    </row>
    <row r="45" spans="1:1" x14ac:dyDescent="0.3">
      <c r="A45" s="1"/>
    </row>
    <row r="46" spans="1:1" x14ac:dyDescent="0.3">
      <c r="A46" s="1"/>
    </row>
    <row r="47" spans="1:1" x14ac:dyDescent="0.3">
      <c r="A47" s="1"/>
    </row>
    <row r="48" spans="1:1" x14ac:dyDescent="0.3">
      <c r="A48" s="1"/>
    </row>
    <row r="49" spans="1:1" x14ac:dyDescent="0.3">
      <c r="A49" s="1"/>
    </row>
    <row r="50" spans="1:1" x14ac:dyDescent="0.3">
      <c r="A50" s="1"/>
    </row>
    <row r="51" spans="1:1" x14ac:dyDescent="0.3">
      <c r="A51" s="1"/>
    </row>
    <row r="52" spans="1:1" x14ac:dyDescent="0.3">
      <c r="A52" s="1"/>
    </row>
    <row r="53" spans="1:1" x14ac:dyDescent="0.3">
      <c r="A53" s="1"/>
    </row>
    <row r="54" spans="1:1" x14ac:dyDescent="0.3">
      <c r="A54" s="1"/>
    </row>
    <row r="55" spans="1:1" x14ac:dyDescent="0.3">
      <c r="A55" s="1"/>
    </row>
    <row r="56" spans="1:1" x14ac:dyDescent="0.3">
      <c r="A56" s="1"/>
    </row>
    <row r="57" spans="1:1" x14ac:dyDescent="0.3">
      <c r="A57" s="1"/>
    </row>
    <row r="58" spans="1:1" x14ac:dyDescent="0.3">
      <c r="A58" s="1"/>
    </row>
    <row r="59" spans="1:1" x14ac:dyDescent="0.3">
      <c r="A59" s="1"/>
    </row>
    <row r="60" spans="1:1" x14ac:dyDescent="0.3">
      <c r="A60" s="1"/>
    </row>
    <row r="61" spans="1:1" x14ac:dyDescent="0.3">
      <c r="A61" s="1"/>
    </row>
    <row r="62" spans="1:1" x14ac:dyDescent="0.3">
      <c r="A62" s="1"/>
    </row>
    <row r="63" spans="1:1" x14ac:dyDescent="0.3">
      <c r="A63" s="1"/>
    </row>
    <row r="64" spans="1:1" x14ac:dyDescent="0.3">
      <c r="A64" s="1"/>
    </row>
    <row r="65" spans="1:1" x14ac:dyDescent="0.3">
      <c r="A65" s="1"/>
    </row>
    <row r="66" spans="1:1" x14ac:dyDescent="0.3">
      <c r="A66" s="1"/>
    </row>
    <row r="67" spans="1:1" x14ac:dyDescent="0.3">
      <c r="A67" s="1"/>
    </row>
    <row r="68" spans="1:1" x14ac:dyDescent="0.3">
      <c r="A68" s="1"/>
    </row>
    <row r="69" spans="1:1" x14ac:dyDescent="0.3">
      <c r="A69" s="1"/>
    </row>
    <row r="70" spans="1:1" x14ac:dyDescent="0.3">
      <c r="A70" s="1"/>
    </row>
    <row r="71" spans="1:1" x14ac:dyDescent="0.3">
      <c r="A71" s="1"/>
    </row>
    <row r="72" spans="1:1" x14ac:dyDescent="0.3">
      <c r="A72" s="1"/>
    </row>
    <row r="73" spans="1:1" x14ac:dyDescent="0.3">
      <c r="A73" s="1"/>
    </row>
    <row r="74" spans="1:1" x14ac:dyDescent="0.3">
      <c r="A74" s="1"/>
    </row>
    <row r="75" spans="1:1" x14ac:dyDescent="0.3">
      <c r="A75" s="1"/>
    </row>
    <row r="76" spans="1:1" x14ac:dyDescent="0.3">
      <c r="A76" s="1"/>
    </row>
    <row r="77" spans="1:1" x14ac:dyDescent="0.3">
      <c r="A77" s="1"/>
    </row>
    <row r="78" spans="1:1" x14ac:dyDescent="0.3">
      <c r="A78" s="1"/>
    </row>
    <row r="79" spans="1:1" x14ac:dyDescent="0.3">
      <c r="A79" s="1"/>
    </row>
    <row r="80" spans="1:1" x14ac:dyDescent="0.3">
      <c r="A80" s="1"/>
    </row>
    <row r="81" spans="1:1" x14ac:dyDescent="0.3">
      <c r="A81" s="1"/>
    </row>
    <row r="82" spans="1:1" x14ac:dyDescent="0.3">
      <c r="A82" s="1"/>
    </row>
    <row r="83" spans="1:1" x14ac:dyDescent="0.3">
      <c r="A83" s="1"/>
    </row>
    <row r="84" spans="1:1" x14ac:dyDescent="0.3">
      <c r="A84" s="1"/>
    </row>
    <row r="85" spans="1:1" x14ac:dyDescent="0.3">
      <c r="A85" s="1"/>
    </row>
    <row r="86" spans="1:1" x14ac:dyDescent="0.3">
      <c r="A86" s="1"/>
    </row>
    <row r="87" spans="1:1" x14ac:dyDescent="0.3">
      <c r="A87" s="1"/>
    </row>
    <row r="88" spans="1:1" x14ac:dyDescent="0.3">
      <c r="A88" s="1"/>
    </row>
    <row r="89" spans="1:1" x14ac:dyDescent="0.3">
      <c r="A89" s="1"/>
    </row>
    <row r="90" spans="1:1" x14ac:dyDescent="0.3">
      <c r="A90" s="1"/>
    </row>
    <row r="91" spans="1:1" x14ac:dyDescent="0.3">
      <c r="A91" s="1"/>
    </row>
    <row r="92" spans="1:1" x14ac:dyDescent="0.3">
      <c r="A92" s="1"/>
    </row>
    <row r="93" spans="1:1" x14ac:dyDescent="0.3">
      <c r="A93" s="1"/>
    </row>
    <row r="94" spans="1:1" x14ac:dyDescent="0.3">
      <c r="A94" s="1"/>
    </row>
    <row r="95" spans="1:1" x14ac:dyDescent="0.3">
      <c r="A95" s="1"/>
    </row>
    <row r="96" spans="1:1" x14ac:dyDescent="0.3">
      <c r="A96" s="1"/>
    </row>
    <row r="97" spans="1:1" x14ac:dyDescent="0.3">
      <c r="A97" s="1"/>
    </row>
    <row r="98" spans="1:1" x14ac:dyDescent="0.3">
      <c r="A98" s="1"/>
    </row>
    <row r="99" spans="1:1" x14ac:dyDescent="0.3">
      <c r="A99" s="1"/>
    </row>
    <row r="100" spans="1:1" x14ac:dyDescent="0.3">
      <c r="A100" s="1"/>
    </row>
    <row r="101" spans="1:1" x14ac:dyDescent="0.3">
      <c r="A101" s="1"/>
    </row>
    <row r="102" spans="1:1" x14ac:dyDescent="0.3">
      <c r="A102" s="1"/>
    </row>
    <row r="103" spans="1:1" x14ac:dyDescent="0.3">
      <c r="A103" s="1"/>
    </row>
    <row r="104" spans="1:1" x14ac:dyDescent="0.3">
      <c r="A104" s="1"/>
    </row>
    <row r="105" spans="1:1" x14ac:dyDescent="0.3">
      <c r="A105" s="1"/>
    </row>
    <row r="106" spans="1:1" x14ac:dyDescent="0.3">
      <c r="A106" s="1"/>
    </row>
    <row r="107" spans="1:1" x14ac:dyDescent="0.3">
      <c r="A107" s="1"/>
    </row>
    <row r="108" spans="1:1" x14ac:dyDescent="0.3">
      <c r="A108" s="1"/>
    </row>
    <row r="109" spans="1:1" x14ac:dyDescent="0.3">
      <c r="A109" s="1"/>
    </row>
    <row r="110" spans="1:1" x14ac:dyDescent="0.3">
      <c r="A110" s="1"/>
    </row>
    <row r="111" spans="1:1" x14ac:dyDescent="0.3">
      <c r="A111" s="1"/>
    </row>
    <row r="112" spans="1:1" x14ac:dyDescent="0.3">
      <c r="A112" s="1"/>
    </row>
    <row r="113" spans="1:1" x14ac:dyDescent="0.3">
      <c r="A113" s="1"/>
    </row>
    <row r="114" spans="1:1" x14ac:dyDescent="0.3">
      <c r="A114" s="1"/>
    </row>
    <row r="115" spans="1:1" x14ac:dyDescent="0.3">
      <c r="A115" s="1"/>
    </row>
    <row r="116" spans="1:1" x14ac:dyDescent="0.3">
      <c r="A116" s="1"/>
    </row>
    <row r="117" spans="1:1" x14ac:dyDescent="0.3">
      <c r="A117" s="1"/>
    </row>
    <row r="118" spans="1:1" x14ac:dyDescent="0.3">
      <c r="A118" s="1"/>
    </row>
    <row r="119" spans="1:1" x14ac:dyDescent="0.3">
      <c r="A119" s="1"/>
    </row>
    <row r="120" spans="1:1" x14ac:dyDescent="0.3">
      <c r="A120" s="1"/>
    </row>
    <row r="121" spans="1:1" x14ac:dyDescent="0.3">
      <c r="A121" s="1"/>
    </row>
    <row r="122" spans="1:1" x14ac:dyDescent="0.3">
      <c r="A122" s="1"/>
    </row>
    <row r="123" spans="1:1" x14ac:dyDescent="0.3">
      <c r="A123" s="1"/>
    </row>
    <row r="124" spans="1:1" x14ac:dyDescent="0.3">
      <c r="A124" s="1"/>
    </row>
    <row r="125" spans="1:1" x14ac:dyDescent="0.3">
      <c r="A125" s="1"/>
    </row>
    <row r="126" spans="1:1" x14ac:dyDescent="0.3">
      <c r="A126" s="1"/>
    </row>
    <row r="127" spans="1:1" x14ac:dyDescent="0.3">
      <c r="A127" s="1"/>
    </row>
    <row r="128" spans="1:1" x14ac:dyDescent="0.3">
      <c r="A128" s="1"/>
    </row>
    <row r="129" spans="1:1" x14ac:dyDescent="0.3">
      <c r="A129" s="1"/>
    </row>
    <row r="130" spans="1:1" x14ac:dyDescent="0.3">
      <c r="A130" s="1"/>
    </row>
    <row r="131" spans="1:1" x14ac:dyDescent="0.3">
      <c r="A131" s="1"/>
    </row>
    <row r="132" spans="1:1" x14ac:dyDescent="0.3">
      <c r="A132" s="1"/>
    </row>
    <row r="133" spans="1:1" x14ac:dyDescent="0.3">
      <c r="A133" s="1"/>
    </row>
    <row r="134" spans="1:1" x14ac:dyDescent="0.3">
      <c r="A134" s="1"/>
    </row>
    <row r="135" spans="1:1" x14ac:dyDescent="0.3">
      <c r="A135" s="1"/>
    </row>
    <row r="136" spans="1:1" x14ac:dyDescent="0.3">
      <c r="A136" s="1"/>
    </row>
    <row r="137" spans="1:1" x14ac:dyDescent="0.3">
      <c r="A137" s="1"/>
    </row>
    <row r="138" spans="1:1" x14ac:dyDescent="0.3">
      <c r="A138" s="1"/>
    </row>
    <row r="139" spans="1:1" x14ac:dyDescent="0.3">
      <c r="A139" s="1"/>
    </row>
    <row r="140" spans="1:1" x14ac:dyDescent="0.3">
      <c r="A140" s="1"/>
    </row>
    <row r="141" spans="1:1" x14ac:dyDescent="0.3">
      <c r="A141" s="1"/>
    </row>
    <row r="142" spans="1:1" x14ac:dyDescent="0.3">
      <c r="A142" s="1"/>
    </row>
    <row r="143" spans="1:1" x14ac:dyDescent="0.3">
      <c r="A143" s="1"/>
    </row>
    <row r="144" spans="1:1" x14ac:dyDescent="0.3">
      <c r="A144" s="1"/>
    </row>
    <row r="145" spans="1:1" x14ac:dyDescent="0.3">
      <c r="A145" s="1"/>
    </row>
    <row r="146" spans="1:1" x14ac:dyDescent="0.3">
      <c r="A146" s="1"/>
    </row>
    <row r="147" spans="1:1" x14ac:dyDescent="0.3">
      <c r="A147" s="1"/>
    </row>
    <row r="148" spans="1:1" x14ac:dyDescent="0.3">
      <c r="A148" s="1"/>
    </row>
    <row r="149" spans="1:1" x14ac:dyDescent="0.3">
      <c r="A149" s="1"/>
    </row>
    <row r="150" spans="1:1" x14ac:dyDescent="0.3">
      <c r="A150" s="1"/>
    </row>
    <row r="151" spans="1:1" x14ac:dyDescent="0.3">
      <c r="A151" s="1"/>
    </row>
    <row r="152" spans="1:1" x14ac:dyDescent="0.3">
      <c r="A152" s="1"/>
    </row>
    <row r="153" spans="1:1" x14ac:dyDescent="0.3">
      <c r="A153" s="1"/>
    </row>
    <row r="154" spans="1:1" x14ac:dyDescent="0.3">
      <c r="A154" s="1"/>
    </row>
    <row r="155" spans="1:1" x14ac:dyDescent="0.3">
      <c r="A155" s="1"/>
    </row>
    <row r="156" spans="1:1" x14ac:dyDescent="0.3">
      <c r="A156" s="1"/>
    </row>
    <row r="157" spans="1:1" x14ac:dyDescent="0.3">
      <c r="A157" s="1"/>
    </row>
    <row r="158" spans="1:1" x14ac:dyDescent="0.3">
      <c r="A158" s="1"/>
    </row>
    <row r="159" spans="1:1" x14ac:dyDescent="0.3">
      <c r="A159" s="1"/>
    </row>
    <row r="160" spans="1:1" x14ac:dyDescent="0.3">
      <c r="A160" s="1"/>
    </row>
    <row r="161" spans="1:1" x14ac:dyDescent="0.3">
      <c r="A161" s="1"/>
    </row>
    <row r="162" spans="1:1" x14ac:dyDescent="0.3">
      <c r="A162" s="1"/>
    </row>
    <row r="163" spans="1:1" x14ac:dyDescent="0.3">
      <c r="A163" s="1"/>
    </row>
    <row r="164" spans="1:1" x14ac:dyDescent="0.3">
      <c r="A164" s="1"/>
    </row>
    <row r="165" spans="1:1" x14ac:dyDescent="0.3">
      <c r="A165" s="1"/>
    </row>
    <row r="166" spans="1:1" x14ac:dyDescent="0.3">
      <c r="A166" s="1"/>
    </row>
    <row r="167" spans="1:1" x14ac:dyDescent="0.3">
      <c r="A167" s="1"/>
    </row>
    <row r="168" spans="1:1" x14ac:dyDescent="0.3">
      <c r="A168" s="1"/>
    </row>
    <row r="169" spans="1:1" x14ac:dyDescent="0.3">
      <c r="A169" s="1"/>
    </row>
    <row r="170" spans="1:1" x14ac:dyDescent="0.3">
      <c r="A170" s="1"/>
    </row>
    <row r="171" spans="1:1" x14ac:dyDescent="0.3">
      <c r="A171" s="1"/>
    </row>
    <row r="172" spans="1:1" x14ac:dyDescent="0.3">
      <c r="A172" s="1"/>
    </row>
    <row r="173" spans="1:1" x14ac:dyDescent="0.3">
      <c r="A173" s="1"/>
    </row>
    <row r="174" spans="1:1" x14ac:dyDescent="0.3">
      <c r="A174" s="1"/>
    </row>
    <row r="175" spans="1:1" x14ac:dyDescent="0.3">
      <c r="A175" s="1"/>
    </row>
    <row r="176" spans="1:1" x14ac:dyDescent="0.3">
      <c r="A176" s="1"/>
    </row>
    <row r="177" spans="1:1" x14ac:dyDescent="0.3">
      <c r="A177" s="1"/>
    </row>
    <row r="178" spans="1:1" x14ac:dyDescent="0.3">
      <c r="A178" s="1"/>
    </row>
    <row r="179" spans="1:1" x14ac:dyDescent="0.3">
      <c r="A179" s="1"/>
    </row>
    <row r="180" spans="1:1" x14ac:dyDescent="0.3">
      <c r="A180" s="1"/>
    </row>
    <row r="181" spans="1:1" x14ac:dyDescent="0.3">
      <c r="A181" s="1"/>
    </row>
    <row r="182" spans="1:1" x14ac:dyDescent="0.3">
      <c r="A182" s="1"/>
    </row>
    <row r="183" spans="1:1" x14ac:dyDescent="0.3">
      <c r="A183" s="1"/>
    </row>
    <row r="184" spans="1:1" x14ac:dyDescent="0.3">
      <c r="A184" s="1"/>
    </row>
    <row r="185" spans="1:1" x14ac:dyDescent="0.3">
      <c r="A185" s="1"/>
    </row>
    <row r="186" spans="1:1" x14ac:dyDescent="0.3">
      <c r="A186" s="1"/>
    </row>
    <row r="187" spans="1:1" x14ac:dyDescent="0.3">
      <c r="A187" s="1"/>
    </row>
    <row r="188" spans="1:1" x14ac:dyDescent="0.3">
      <c r="A188" s="1"/>
    </row>
    <row r="189" spans="1:1" x14ac:dyDescent="0.3">
      <c r="A189" s="1"/>
    </row>
    <row r="190" spans="1:1" x14ac:dyDescent="0.3">
      <c r="A190" s="1"/>
    </row>
    <row r="191" spans="1:1" x14ac:dyDescent="0.3">
      <c r="A191" s="1"/>
    </row>
    <row r="192" spans="1:1" x14ac:dyDescent="0.3">
      <c r="A192" s="1"/>
    </row>
    <row r="193" spans="1:1" x14ac:dyDescent="0.3">
      <c r="A193" s="1"/>
    </row>
    <row r="194" spans="1:1" x14ac:dyDescent="0.3">
      <c r="A194" s="1"/>
    </row>
    <row r="195" spans="1:1" x14ac:dyDescent="0.3">
      <c r="A195" s="1"/>
    </row>
    <row r="196" spans="1:1" x14ac:dyDescent="0.3">
      <c r="A196" s="1"/>
    </row>
    <row r="197" spans="1:1" x14ac:dyDescent="0.3">
      <c r="A197" s="1"/>
    </row>
    <row r="198" spans="1:1" x14ac:dyDescent="0.3">
      <c r="A198" s="1"/>
    </row>
    <row r="199" spans="1:1" x14ac:dyDescent="0.3">
      <c r="A199" s="1"/>
    </row>
    <row r="200" spans="1:1" x14ac:dyDescent="0.3">
      <c r="A200" s="1"/>
    </row>
    <row r="201" spans="1:1" x14ac:dyDescent="0.3">
      <c r="A201" s="1"/>
    </row>
    <row r="202" spans="1:1" x14ac:dyDescent="0.3">
      <c r="A202" s="1"/>
    </row>
    <row r="203" spans="1:1" x14ac:dyDescent="0.3">
      <c r="A203" s="1"/>
    </row>
    <row r="204" spans="1:1" x14ac:dyDescent="0.3">
      <c r="A204" s="1"/>
    </row>
    <row r="205" spans="1:1" x14ac:dyDescent="0.3">
      <c r="A205" s="1"/>
    </row>
    <row r="206" spans="1:1" x14ac:dyDescent="0.3">
      <c r="A206" s="1"/>
    </row>
    <row r="207" spans="1:1" x14ac:dyDescent="0.3">
      <c r="A207" s="1"/>
    </row>
    <row r="208" spans="1:1" x14ac:dyDescent="0.3">
      <c r="A208" s="1"/>
    </row>
    <row r="209" spans="1:1" x14ac:dyDescent="0.3">
      <c r="A209" s="1"/>
    </row>
    <row r="210" spans="1:1" x14ac:dyDescent="0.3">
      <c r="A210" s="1"/>
    </row>
    <row r="211" spans="1:1" x14ac:dyDescent="0.3">
      <c r="A211" s="1"/>
    </row>
    <row r="212" spans="1:1" x14ac:dyDescent="0.3">
      <c r="A212" s="1"/>
    </row>
    <row r="213" spans="1:1" x14ac:dyDescent="0.3">
      <c r="A213" s="1"/>
    </row>
    <row r="214" spans="1:1" x14ac:dyDescent="0.3">
      <c r="A214" s="1"/>
    </row>
    <row r="215" spans="1:1" x14ac:dyDescent="0.3">
      <c r="A215" s="1"/>
    </row>
    <row r="216" spans="1:1" x14ac:dyDescent="0.3">
      <c r="A216" s="1"/>
    </row>
    <row r="217" spans="1:1" x14ac:dyDescent="0.3">
      <c r="A217" s="1"/>
    </row>
    <row r="218" spans="1:1" x14ac:dyDescent="0.3">
      <c r="A218" s="1"/>
    </row>
    <row r="219" spans="1:1" x14ac:dyDescent="0.3">
      <c r="A219" s="1"/>
    </row>
    <row r="220" spans="1:1" x14ac:dyDescent="0.3">
      <c r="A220" s="1"/>
    </row>
  </sheetData>
  <pageMargins left="0.7" right="0.7" top="0.75" bottom="0.75" header="0.3" footer="0.3"/>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455FC47-0186-4069-89D2-E563D94DECC7}">
  <dimension ref="A1:G13544"/>
  <sheetViews>
    <sheetView workbookViewId="0">
      <selection activeCell="A8" sqref="A8"/>
    </sheetView>
  </sheetViews>
  <sheetFormatPr defaultRowHeight="14" x14ac:dyDescent="0.3"/>
  <cols>
    <col min="1" max="1" width="21" style="1" customWidth="1"/>
    <col min="2" max="14" width="15.7265625" style="1" customWidth="1"/>
    <col min="15" max="16384" width="8.7265625" style="1"/>
  </cols>
  <sheetData>
    <row r="1" spans="1:7" x14ac:dyDescent="0.3">
      <c r="A1" s="1" t="s">
        <v>4</v>
      </c>
      <c r="B1" s="1">
        <v>7</v>
      </c>
    </row>
    <row r="2" spans="1:7" x14ac:dyDescent="0.3">
      <c r="A2" s="1" t="s">
        <v>3</v>
      </c>
      <c r="B2" s="1" t="s">
        <v>63</v>
      </c>
    </row>
    <row r="3" spans="1:7" x14ac:dyDescent="0.3">
      <c r="A3" s="1" t="s">
        <v>5</v>
      </c>
      <c r="B3" s="1" t="s">
        <v>64</v>
      </c>
    </row>
    <row r="4" spans="1:7" x14ac:dyDescent="0.3">
      <c r="A4" s="1" t="s">
        <v>2</v>
      </c>
      <c r="B4" s="1" t="s">
        <v>29</v>
      </c>
    </row>
    <row r="5" spans="1:7" x14ac:dyDescent="0.3">
      <c r="A5" s="1" t="s">
        <v>1</v>
      </c>
    </row>
    <row r="7" spans="1:7" x14ac:dyDescent="0.3">
      <c r="A7" s="1" t="s">
        <v>8</v>
      </c>
      <c r="B7" s="1" t="s">
        <v>47</v>
      </c>
      <c r="C7" s="1" t="s">
        <v>59</v>
      </c>
      <c r="D7" s="1" t="s">
        <v>23</v>
      </c>
      <c r="E7" s="1" t="s">
        <v>60</v>
      </c>
      <c r="F7" s="1" t="s">
        <v>61</v>
      </c>
      <c r="G7" s="1" t="s">
        <v>62</v>
      </c>
    </row>
    <row r="8" spans="1:7" x14ac:dyDescent="0.3">
      <c r="A8" s="6">
        <v>44197</v>
      </c>
      <c r="B8" s="8">
        <v>1.6459999999999999</v>
      </c>
      <c r="C8" s="8">
        <v>0.745</v>
      </c>
      <c r="D8" s="8">
        <v>-9.0999999999999998E-2</v>
      </c>
      <c r="E8" s="8">
        <v>0.36199999999999999</v>
      </c>
      <c r="F8" s="8">
        <v>-0.16300000000000001</v>
      </c>
      <c r="G8" s="8">
        <v>0.64400000000000002</v>
      </c>
    </row>
    <row r="9" spans="1:7" x14ac:dyDescent="0.3">
      <c r="A9" s="6">
        <v>44200</v>
      </c>
      <c r="B9" s="8">
        <v>1.657</v>
      </c>
      <c r="C9" s="8">
        <v>0.72770000000000001</v>
      </c>
      <c r="D9" s="8">
        <v>-0.13200000000000001</v>
      </c>
      <c r="E9" s="8">
        <v>0.33800000000000002</v>
      </c>
      <c r="F9" s="8">
        <v>-0.19900000000000001</v>
      </c>
      <c r="G9" s="8">
        <v>0.64500000000000002</v>
      </c>
    </row>
    <row r="10" spans="1:7" x14ac:dyDescent="0.3">
      <c r="A10" s="6">
        <v>44201</v>
      </c>
      <c r="B10" s="8">
        <v>1.7090000000000001</v>
      </c>
      <c r="C10" s="8">
        <v>0.77769999999999995</v>
      </c>
      <c r="D10" s="8">
        <v>-0.104</v>
      </c>
      <c r="E10" s="8">
        <v>0.36199999999999999</v>
      </c>
      <c r="F10" s="8">
        <v>-0.16900000000000001</v>
      </c>
      <c r="G10" s="8">
        <v>0.63700000000000001</v>
      </c>
    </row>
    <row r="11" spans="1:7" x14ac:dyDescent="0.3">
      <c r="A11" s="6">
        <v>44202</v>
      </c>
      <c r="B11" s="8">
        <v>1.8160000000000001</v>
      </c>
      <c r="C11" s="8">
        <v>0.82079999999999997</v>
      </c>
      <c r="D11" s="8">
        <v>-7.5999999999999998E-2</v>
      </c>
      <c r="E11" s="8">
        <v>0.374</v>
      </c>
      <c r="F11" s="8">
        <v>-0.13900000000000001</v>
      </c>
      <c r="G11" s="8">
        <v>0.64700000000000002</v>
      </c>
    </row>
    <row r="12" spans="1:7" x14ac:dyDescent="0.3">
      <c r="A12" s="6">
        <v>44203</v>
      </c>
      <c r="B12" s="8">
        <v>1.855</v>
      </c>
      <c r="C12" s="8">
        <v>0.87109999999999999</v>
      </c>
      <c r="D12" s="8">
        <v>-7.1999999999999995E-2</v>
      </c>
      <c r="E12" s="8">
        <v>0.36699999999999999</v>
      </c>
      <c r="F12" s="8">
        <v>-0.13300000000000001</v>
      </c>
      <c r="G12" s="8">
        <v>0.65300000000000002</v>
      </c>
    </row>
    <row r="13" spans="1:7" x14ac:dyDescent="0.3">
      <c r="A13" s="6">
        <v>44204</v>
      </c>
      <c r="B13" s="8">
        <v>1.875</v>
      </c>
      <c r="C13" s="8">
        <v>0.86780000000000002</v>
      </c>
      <c r="D13" s="8">
        <v>-6.8000000000000005E-2</v>
      </c>
      <c r="E13" s="8">
        <v>0.36799999999999999</v>
      </c>
      <c r="F13" s="8">
        <v>-0.128</v>
      </c>
      <c r="G13" s="8">
        <v>0.64600000000000002</v>
      </c>
    </row>
    <row r="14" spans="1:7" x14ac:dyDescent="0.3">
      <c r="A14" s="6">
        <v>44207</v>
      </c>
      <c r="B14" s="8">
        <v>1.885</v>
      </c>
      <c r="C14" s="8">
        <v>0.90149999999999997</v>
      </c>
      <c r="D14" s="8">
        <v>-3.7999999999999999E-2</v>
      </c>
      <c r="E14" s="8">
        <v>0.4</v>
      </c>
      <c r="F14" s="8">
        <v>-9.2999999999999999E-2</v>
      </c>
      <c r="G14" s="8">
        <v>0.59299999999999997</v>
      </c>
    </row>
    <row r="15" spans="1:7" x14ac:dyDescent="0.3">
      <c r="A15" s="6">
        <v>44208</v>
      </c>
      <c r="B15" s="8">
        <v>1.873</v>
      </c>
      <c r="C15" s="8">
        <v>0.92669999999999997</v>
      </c>
      <c r="D15" s="8">
        <v>-1.6E-2</v>
      </c>
      <c r="E15" s="8">
        <v>0.439</v>
      </c>
      <c r="F15" s="8">
        <v>-6.7000000000000004E-2</v>
      </c>
      <c r="G15" s="8">
        <v>0.64300000000000002</v>
      </c>
    </row>
    <row r="16" spans="1:7" x14ac:dyDescent="0.3">
      <c r="A16" s="6">
        <v>44209</v>
      </c>
      <c r="B16" s="8">
        <v>1.8169999999999999</v>
      </c>
      <c r="C16" s="8">
        <v>0.876</v>
      </c>
      <c r="D16" s="8">
        <v>-6.8000000000000005E-2</v>
      </c>
      <c r="E16" s="8">
        <v>0.38400000000000001</v>
      </c>
      <c r="F16" s="8">
        <v>-0.124</v>
      </c>
      <c r="G16" s="8">
        <v>0.629</v>
      </c>
    </row>
    <row r="17" spans="1:7" x14ac:dyDescent="0.3">
      <c r="A17" s="6">
        <v>44210</v>
      </c>
      <c r="B17" s="8">
        <v>1.873</v>
      </c>
      <c r="C17" s="8">
        <v>0.86299999999999999</v>
      </c>
      <c r="D17" s="8">
        <v>-8.4000000000000005E-2</v>
      </c>
      <c r="E17" s="8">
        <v>0.36899999999999999</v>
      </c>
      <c r="F17" s="8">
        <v>-0.15</v>
      </c>
      <c r="G17" s="8">
        <v>0.63500000000000001</v>
      </c>
    </row>
    <row r="18" spans="1:7" x14ac:dyDescent="0.3">
      <c r="A18" s="6">
        <v>44211</v>
      </c>
      <c r="B18" s="8">
        <v>1.8340000000000001</v>
      </c>
      <c r="C18" s="8">
        <v>0.86629999999999996</v>
      </c>
      <c r="D18" s="8">
        <v>-7.1999999999999995E-2</v>
      </c>
      <c r="E18" s="8">
        <v>0.38900000000000001</v>
      </c>
      <c r="F18" s="8">
        <v>-0.13600000000000001</v>
      </c>
      <c r="G18" s="8">
        <v>0.64300000000000002</v>
      </c>
    </row>
    <row r="19" spans="1:7" x14ac:dyDescent="0.3">
      <c r="A19" s="6">
        <v>44214</v>
      </c>
      <c r="B19" s="8">
        <v>1.8340000000000001</v>
      </c>
      <c r="C19" s="8">
        <v>0.86060000000000003</v>
      </c>
      <c r="D19" s="8">
        <v>-5.5E-2</v>
      </c>
      <c r="E19" s="8">
        <v>0.40899999999999997</v>
      </c>
      <c r="F19" s="8">
        <v>-0.11899999999999999</v>
      </c>
      <c r="G19" s="8">
        <v>0.65500000000000003</v>
      </c>
    </row>
    <row r="20" spans="1:7" x14ac:dyDescent="0.3">
      <c r="A20" s="6">
        <v>44215</v>
      </c>
      <c r="B20" s="8">
        <v>1.835</v>
      </c>
      <c r="C20" s="8">
        <v>0.85709999999999997</v>
      </c>
      <c r="D20" s="8">
        <v>-5.3999999999999999E-2</v>
      </c>
      <c r="E20" s="8">
        <v>0.40699999999999997</v>
      </c>
      <c r="F20" s="8">
        <v>-0.11799999999999999</v>
      </c>
      <c r="G20" s="8">
        <v>0.65800000000000003</v>
      </c>
    </row>
    <row r="21" spans="1:7" x14ac:dyDescent="0.3">
      <c r="A21" s="6">
        <v>44216</v>
      </c>
      <c r="B21" s="8">
        <v>1.831</v>
      </c>
      <c r="C21" s="8">
        <v>0.87960000000000005</v>
      </c>
      <c r="D21" s="8">
        <v>-5.1999999999999998E-2</v>
      </c>
      <c r="E21" s="8">
        <v>0.40899999999999997</v>
      </c>
      <c r="F21" s="8">
        <v>-0.12</v>
      </c>
      <c r="G21" s="8">
        <v>0.66200000000000003</v>
      </c>
    </row>
    <row r="22" spans="1:7" x14ac:dyDescent="0.3">
      <c r="A22" s="6">
        <v>44217</v>
      </c>
      <c r="B22" s="8">
        <v>1.871</v>
      </c>
      <c r="C22" s="8">
        <v>0.91110000000000002</v>
      </c>
      <c r="D22" s="8">
        <v>-1.4E-2</v>
      </c>
      <c r="E22" s="8">
        <v>0.45100000000000001</v>
      </c>
      <c r="F22" s="8">
        <v>-8.1000000000000003E-2</v>
      </c>
      <c r="G22" s="8">
        <v>0.64100000000000001</v>
      </c>
    </row>
    <row r="23" spans="1:7" x14ac:dyDescent="0.3">
      <c r="A23" s="6">
        <v>44218</v>
      </c>
      <c r="B23" s="8">
        <v>1.8480000000000001</v>
      </c>
      <c r="C23" s="8">
        <v>0.89019999999999999</v>
      </c>
      <c r="D23" s="8">
        <v>-0.03</v>
      </c>
      <c r="E23" s="8">
        <v>0.434</v>
      </c>
      <c r="F23" s="8">
        <v>-0.1</v>
      </c>
      <c r="G23" s="8">
        <v>0.64900000000000002</v>
      </c>
    </row>
    <row r="24" spans="1:7" x14ac:dyDescent="0.3">
      <c r="A24" s="6">
        <v>44221</v>
      </c>
      <c r="B24" s="8">
        <v>1.7929999999999999</v>
      </c>
      <c r="C24" s="8">
        <v>0.8327</v>
      </c>
      <c r="D24" s="8">
        <v>-7.0999999999999994E-2</v>
      </c>
      <c r="E24" s="8">
        <v>0.39500000000000002</v>
      </c>
      <c r="F24" s="8">
        <v>-0.14000000000000001</v>
      </c>
      <c r="G24" s="8">
        <v>0.65300000000000002</v>
      </c>
    </row>
    <row r="25" spans="1:7" x14ac:dyDescent="0.3">
      <c r="A25" s="6">
        <v>44222</v>
      </c>
      <c r="B25" s="8">
        <v>1.792</v>
      </c>
      <c r="C25" s="8">
        <v>0.83709999999999996</v>
      </c>
      <c r="D25" s="8">
        <v>-4.8000000000000001E-2</v>
      </c>
      <c r="E25" s="8">
        <v>0.41399999999999998</v>
      </c>
      <c r="F25" s="8">
        <v>-0.11799999999999999</v>
      </c>
      <c r="G25" s="8">
        <v>0.64500000000000002</v>
      </c>
    </row>
    <row r="26" spans="1:7" x14ac:dyDescent="0.3">
      <c r="A26" s="6">
        <v>44223</v>
      </c>
      <c r="B26" s="8">
        <v>1.7749999999999999</v>
      </c>
      <c r="C26" s="8">
        <v>0.83040000000000003</v>
      </c>
      <c r="D26" s="8">
        <v>-4.8000000000000001E-2</v>
      </c>
      <c r="E26" s="8">
        <v>0.41599999999999998</v>
      </c>
      <c r="F26" s="8">
        <v>-0.11899999999999999</v>
      </c>
      <c r="G26" s="8">
        <v>0.65100000000000002</v>
      </c>
    </row>
    <row r="27" spans="1:7" x14ac:dyDescent="0.3">
      <c r="A27" s="6">
        <v>44224</v>
      </c>
      <c r="B27" s="8">
        <v>1.806</v>
      </c>
      <c r="C27" s="8">
        <v>0.84889999999999999</v>
      </c>
      <c r="D27" s="8">
        <v>-3.3000000000000002E-2</v>
      </c>
      <c r="E27" s="8">
        <v>0.42799999999999999</v>
      </c>
      <c r="F27" s="8">
        <v>-0.104</v>
      </c>
      <c r="G27" s="8">
        <v>0.64300000000000002</v>
      </c>
    </row>
    <row r="28" spans="1:7" x14ac:dyDescent="0.3">
      <c r="A28" s="6">
        <v>44225</v>
      </c>
      <c r="B28" s="8">
        <v>1.831</v>
      </c>
      <c r="C28" s="8">
        <v>0.89610000000000001</v>
      </c>
      <c r="D28" s="8">
        <v>-1.2E-2</v>
      </c>
      <c r="E28" s="8">
        <v>0.45200000000000001</v>
      </c>
      <c r="F28" s="8">
        <v>-7.9000000000000001E-2</v>
      </c>
      <c r="G28" s="8">
        <v>0.65700000000000003</v>
      </c>
    </row>
    <row r="29" spans="1:7" x14ac:dyDescent="0.3">
      <c r="A29" s="6">
        <v>44228</v>
      </c>
      <c r="B29" s="8">
        <v>1.8560000000000001</v>
      </c>
      <c r="C29" s="8">
        <v>0.89029999999999998</v>
      </c>
      <c r="D29" s="8">
        <v>-1.2999999999999999E-2</v>
      </c>
      <c r="E29" s="8">
        <v>0.46</v>
      </c>
      <c r="F29" s="8">
        <v>-0.08</v>
      </c>
      <c r="G29" s="8">
        <v>0.67100000000000004</v>
      </c>
    </row>
    <row r="30" spans="1:7" x14ac:dyDescent="0.3">
      <c r="A30" s="6">
        <v>44229</v>
      </c>
      <c r="B30" s="8">
        <v>1.871</v>
      </c>
      <c r="C30" s="8">
        <v>0.92430000000000001</v>
      </c>
      <c r="D30" s="8">
        <v>0.02</v>
      </c>
      <c r="E30" s="8">
        <v>0.49099999999999999</v>
      </c>
      <c r="F30" s="8">
        <v>-4.5999999999999999E-2</v>
      </c>
      <c r="G30" s="8">
        <v>0.66400000000000003</v>
      </c>
    </row>
    <row r="31" spans="1:7" x14ac:dyDescent="0.3">
      <c r="A31" s="6">
        <v>44230</v>
      </c>
      <c r="B31" s="8">
        <v>1.927</v>
      </c>
      <c r="C31" s="8">
        <v>0.94420000000000004</v>
      </c>
      <c r="D31" s="8">
        <v>5.8999999999999997E-2</v>
      </c>
      <c r="E31" s="8">
        <v>0.52</v>
      </c>
      <c r="F31" s="8">
        <v>-8.0000000000000002E-3</v>
      </c>
      <c r="G31" s="8">
        <v>0.66600000000000004</v>
      </c>
    </row>
    <row r="32" spans="1:7" x14ac:dyDescent="0.3">
      <c r="A32" s="6">
        <v>44231</v>
      </c>
      <c r="B32" s="8">
        <v>1.94</v>
      </c>
      <c r="C32" s="8">
        <v>1.0195000000000001</v>
      </c>
      <c r="D32" s="8">
        <v>7.0000000000000007E-2</v>
      </c>
      <c r="E32" s="8">
        <v>0.51600000000000001</v>
      </c>
      <c r="F32" s="8">
        <v>5.0000000000000001E-3</v>
      </c>
      <c r="G32" s="8">
        <v>0.65600000000000003</v>
      </c>
    </row>
    <row r="33" spans="1:7" x14ac:dyDescent="0.3">
      <c r="A33" s="6">
        <v>44232</v>
      </c>
      <c r="B33" s="8">
        <v>1.972</v>
      </c>
      <c r="C33" s="8">
        <v>1.0705</v>
      </c>
      <c r="D33" s="8">
        <v>7.3999999999999996E-2</v>
      </c>
      <c r="E33" s="8">
        <v>0.52500000000000002</v>
      </c>
      <c r="F33" s="8">
        <v>1.2E-2</v>
      </c>
      <c r="G33" s="8">
        <v>0.65300000000000002</v>
      </c>
    </row>
    <row r="34" spans="1:7" x14ac:dyDescent="0.3">
      <c r="A34" s="6">
        <v>44235</v>
      </c>
      <c r="B34" s="8">
        <v>1.954</v>
      </c>
      <c r="C34" s="8">
        <v>1.0567</v>
      </c>
      <c r="D34" s="8">
        <v>8.4000000000000005E-2</v>
      </c>
      <c r="E34" s="8">
        <v>0.53900000000000003</v>
      </c>
      <c r="F34" s="8">
        <v>1.4999999999999999E-2</v>
      </c>
      <c r="G34" s="8">
        <v>0.66700000000000004</v>
      </c>
    </row>
    <row r="35" spans="1:7" x14ac:dyDescent="0.3">
      <c r="A35" s="6">
        <v>44236</v>
      </c>
      <c r="B35" s="8">
        <v>1.9490000000000001</v>
      </c>
      <c r="C35" s="8">
        <v>1.038</v>
      </c>
      <c r="D35" s="8">
        <v>8.8999999999999996E-2</v>
      </c>
      <c r="E35" s="8">
        <v>0.54400000000000004</v>
      </c>
      <c r="F35" s="8">
        <v>0.02</v>
      </c>
      <c r="G35" s="8">
        <v>0.66700000000000004</v>
      </c>
    </row>
    <row r="36" spans="1:7" x14ac:dyDescent="0.3">
      <c r="A36" s="6">
        <v>44237</v>
      </c>
      <c r="B36" s="8">
        <v>1.909</v>
      </c>
      <c r="C36" s="8">
        <v>1.0701000000000001</v>
      </c>
      <c r="D36" s="8">
        <v>0.108</v>
      </c>
      <c r="E36" s="8">
        <v>0.56100000000000005</v>
      </c>
      <c r="F36" s="8">
        <v>3.9E-2</v>
      </c>
      <c r="G36" s="8">
        <v>0.66600000000000004</v>
      </c>
    </row>
    <row r="37" spans="1:7" x14ac:dyDescent="0.3">
      <c r="A37" s="6">
        <v>44238</v>
      </c>
      <c r="B37" s="8">
        <v>1.952</v>
      </c>
      <c r="C37" s="8">
        <v>1.0528999999999999</v>
      </c>
      <c r="D37" s="8">
        <v>0.10100000000000001</v>
      </c>
      <c r="E37" s="8">
        <v>0.54800000000000004</v>
      </c>
      <c r="F37" s="8">
        <v>2.5000000000000001E-2</v>
      </c>
      <c r="G37" s="8">
        <v>0.66600000000000004</v>
      </c>
    </row>
    <row r="38" spans="1:7" x14ac:dyDescent="0.3">
      <c r="A38" s="6">
        <v>44239</v>
      </c>
      <c r="B38" s="8">
        <v>2.0110000000000001</v>
      </c>
      <c r="C38" s="8">
        <v>1.1053999999999999</v>
      </c>
      <c r="D38" s="8">
        <v>0.15</v>
      </c>
      <c r="E38" s="8">
        <v>0.59799999999999998</v>
      </c>
      <c r="F38" s="8">
        <v>7.5999999999999998E-2</v>
      </c>
      <c r="G38" s="8">
        <v>0.66300000000000003</v>
      </c>
    </row>
    <row r="39" spans="1:7" x14ac:dyDescent="0.3">
      <c r="A39" s="6">
        <v>44242</v>
      </c>
      <c r="B39" s="8">
        <v>2.0110000000000001</v>
      </c>
      <c r="C39" s="8">
        <v>1.1725000000000001</v>
      </c>
      <c r="D39" s="8">
        <v>0.2</v>
      </c>
      <c r="E39" s="8">
        <v>0.63800000000000001</v>
      </c>
      <c r="F39" s="8">
        <v>0.11899999999999999</v>
      </c>
      <c r="G39" s="8">
        <v>0.67200000000000004</v>
      </c>
    </row>
    <row r="40" spans="1:7" x14ac:dyDescent="0.3">
      <c r="A40" s="6">
        <v>44243</v>
      </c>
      <c r="B40" s="8">
        <v>2.093</v>
      </c>
      <c r="C40" s="8">
        <v>1.2211000000000001</v>
      </c>
      <c r="D40" s="8">
        <v>0.23899999999999999</v>
      </c>
      <c r="E40" s="8">
        <v>0.67400000000000004</v>
      </c>
      <c r="F40" s="8">
        <v>0.16</v>
      </c>
      <c r="G40" s="8">
        <v>0.67300000000000004</v>
      </c>
    </row>
    <row r="41" spans="1:7" x14ac:dyDescent="0.3">
      <c r="A41" s="6">
        <v>44244</v>
      </c>
      <c r="B41" s="8">
        <v>2.0390000000000001</v>
      </c>
      <c r="C41" s="8">
        <v>1.1526000000000001</v>
      </c>
      <c r="D41" s="8">
        <v>0.22700000000000001</v>
      </c>
      <c r="E41" s="8">
        <v>0.66300000000000003</v>
      </c>
      <c r="F41" s="8">
        <v>0.13400000000000001</v>
      </c>
      <c r="G41" s="8">
        <v>0.68400000000000005</v>
      </c>
    </row>
    <row r="42" spans="1:7" x14ac:dyDescent="0.3">
      <c r="A42" s="6">
        <v>44245</v>
      </c>
      <c r="B42" s="8">
        <v>2.0830000000000002</v>
      </c>
      <c r="C42" s="8">
        <v>1.2004999999999999</v>
      </c>
      <c r="D42" s="8">
        <v>0.25</v>
      </c>
      <c r="E42" s="8">
        <v>0.70799999999999996</v>
      </c>
      <c r="F42" s="8">
        <v>0.154</v>
      </c>
      <c r="G42" s="8">
        <v>0.67200000000000004</v>
      </c>
    </row>
    <row r="43" spans="1:7" x14ac:dyDescent="0.3">
      <c r="A43" s="6">
        <v>44246</v>
      </c>
      <c r="B43" s="8">
        <v>2.1349999999999998</v>
      </c>
      <c r="C43" s="8">
        <v>1.2661</v>
      </c>
      <c r="D43" s="8">
        <v>0.29799999999999999</v>
      </c>
      <c r="E43" s="8">
        <v>0.74199999999999999</v>
      </c>
      <c r="F43" s="8">
        <v>0.21</v>
      </c>
      <c r="G43" s="8">
        <v>0.68400000000000005</v>
      </c>
    </row>
    <row r="44" spans="1:7" x14ac:dyDescent="0.3">
      <c r="A44" s="6">
        <v>44249</v>
      </c>
      <c r="B44" s="8">
        <v>2.1749999999999998</v>
      </c>
      <c r="C44" s="8">
        <v>1.2531000000000001</v>
      </c>
      <c r="D44" s="8">
        <v>0.253</v>
      </c>
      <c r="E44" s="8">
        <v>0.69599999999999995</v>
      </c>
      <c r="F44" s="8">
        <v>0.16400000000000001</v>
      </c>
      <c r="G44" s="8">
        <v>0.69799999999999995</v>
      </c>
    </row>
    <row r="45" spans="1:7" x14ac:dyDescent="0.3">
      <c r="A45" s="6">
        <v>44250</v>
      </c>
      <c r="B45" s="8">
        <v>2.1819999999999999</v>
      </c>
      <c r="C45" s="8">
        <v>1.3250999999999999</v>
      </c>
      <c r="D45" s="8">
        <v>0.27900000000000003</v>
      </c>
      <c r="E45" s="8">
        <v>0.73</v>
      </c>
      <c r="F45" s="8">
        <v>0.192</v>
      </c>
      <c r="G45" s="8">
        <v>0.69799999999999995</v>
      </c>
    </row>
    <row r="46" spans="1:7" x14ac:dyDescent="0.3">
      <c r="A46" s="6">
        <v>44251</v>
      </c>
      <c r="B46" s="8">
        <v>2.234</v>
      </c>
      <c r="C46" s="8">
        <v>1.3731</v>
      </c>
      <c r="D46" s="8">
        <v>0.29599999999999999</v>
      </c>
      <c r="E46" s="8">
        <v>0.754</v>
      </c>
      <c r="F46" s="8">
        <v>0.20699999999999999</v>
      </c>
      <c r="G46" s="8">
        <v>0.71699999999999997</v>
      </c>
    </row>
    <row r="47" spans="1:7" x14ac:dyDescent="0.3">
      <c r="A47" s="6">
        <v>44252</v>
      </c>
      <c r="B47" s="8">
        <v>2.2770000000000001</v>
      </c>
      <c r="C47" s="8">
        <v>1.3861000000000001</v>
      </c>
      <c r="D47" s="8">
        <v>0.33300000000000002</v>
      </c>
      <c r="E47" s="8">
        <v>0.8</v>
      </c>
      <c r="F47" s="8">
        <v>0.24199999999999999</v>
      </c>
      <c r="G47" s="8">
        <v>0.745</v>
      </c>
    </row>
    <row r="48" spans="1:7" x14ac:dyDescent="0.3">
      <c r="A48" s="6">
        <v>44253</v>
      </c>
      <c r="B48" s="8">
        <v>2.1539999999999999</v>
      </c>
      <c r="C48" s="8">
        <v>1.3828</v>
      </c>
      <c r="D48" s="8">
        <v>0.28100000000000003</v>
      </c>
      <c r="E48" s="8">
        <v>0.73499999999999999</v>
      </c>
      <c r="F48" s="8">
        <v>0.191</v>
      </c>
      <c r="G48" s="8">
        <v>0.751</v>
      </c>
    </row>
    <row r="49" spans="1:7" x14ac:dyDescent="0.3">
      <c r="A49" s="6">
        <v>44256</v>
      </c>
      <c r="B49" s="8">
        <v>2.1930000000000001</v>
      </c>
      <c r="C49" s="8">
        <v>1.331</v>
      </c>
      <c r="D49" s="8">
        <v>0.218</v>
      </c>
      <c r="E49" s="8">
        <v>0.66500000000000004</v>
      </c>
      <c r="F49" s="8">
        <v>0.14000000000000001</v>
      </c>
      <c r="G49" s="8">
        <v>0.72599999999999998</v>
      </c>
    </row>
    <row r="50" spans="1:7" x14ac:dyDescent="0.3">
      <c r="A50" s="6">
        <v>44257</v>
      </c>
      <c r="B50" s="8">
        <v>2.194</v>
      </c>
      <c r="C50" s="8">
        <v>1.2383999999999999</v>
      </c>
      <c r="D50" s="8">
        <v>0.219</v>
      </c>
      <c r="E50" s="8">
        <v>0.66700000000000004</v>
      </c>
      <c r="F50" s="8">
        <v>0.14399999999999999</v>
      </c>
      <c r="G50" s="8">
        <v>0.70399999999999996</v>
      </c>
    </row>
    <row r="51" spans="1:7" x14ac:dyDescent="0.3">
      <c r="A51" s="6">
        <v>44258</v>
      </c>
      <c r="B51" s="8">
        <v>2.2789999999999999</v>
      </c>
      <c r="C51" s="8">
        <v>1.3378000000000001</v>
      </c>
      <c r="D51" s="8">
        <v>0.29099999999999998</v>
      </c>
      <c r="E51" s="8">
        <v>0.748</v>
      </c>
      <c r="F51" s="8">
        <v>0.217</v>
      </c>
      <c r="G51" s="8">
        <v>0.67400000000000004</v>
      </c>
    </row>
    <row r="52" spans="1:7" x14ac:dyDescent="0.3">
      <c r="A52" s="6">
        <v>44259</v>
      </c>
      <c r="B52" s="8">
        <v>2.3220000000000001</v>
      </c>
      <c r="C52" s="8">
        <v>1.2809999999999999</v>
      </c>
      <c r="D52" s="8">
        <v>0.27200000000000002</v>
      </c>
      <c r="E52" s="8">
        <v>0.73599999999999999</v>
      </c>
      <c r="F52" s="8">
        <v>0.19900000000000001</v>
      </c>
      <c r="G52" s="8">
        <v>0.71</v>
      </c>
    </row>
    <row r="53" spans="1:7" x14ac:dyDescent="0.3">
      <c r="A53" s="6">
        <v>44260</v>
      </c>
      <c r="B53" s="8">
        <v>2.3010000000000002</v>
      </c>
      <c r="C53" s="8">
        <v>1.2843</v>
      </c>
      <c r="D53" s="8">
        <v>0.28499999999999998</v>
      </c>
      <c r="E53" s="8">
        <v>0.751</v>
      </c>
      <c r="F53" s="8">
        <v>0.20599999999999999</v>
      </c>
      <c r="G53" s="8">
        <v>0.66900000000000004</v>
      </c>
    </row>
    <row r="54" spans="1:7" x14ac:dyDescent="0.3">
      <c r="A54" s="6">
        <v>44263</v>
      </c>
      <c r="B54" s="8">
        <v>2.3180000000000001</v>
      </c>
      <c r="C54" s="8">
        <v>1.2833000000000001</v>
      </c>
      <c r="D54" s="8">
        <v>0.29399999999999998</v>
      </c>
      <c r="E54" s="8">
        <v>0.76500000000000001</v>
      </c>
      <c r="F54" s="8">
        <v>0.223</v>
      </c>
      <c r="G54" s="8">
        <v>0.69599999999999995</v>
      </c>
    </row>
    <row r="55" spans="1:7" x14ac:dyDescent="0.3">
      <c r="A55" s="6">
        <v>44264</v>
      </c>
      <c r="B55" s="8">
        <v>2.2349999999999999</v>
      </c>
      <c r="C55" s="8">
        <v>1.24</v>
      </c>
      <c r="D55" s="8">
        <v>0.27</v>
      </c>
      <c r="E55" s="8">
        <v>0.73699999999999999</v>
      </c>
      <c r="F55" s="8">
        <v>0.20200000000000001</v>
      </c>
      <c r="G55" s="8">
        <v>0.70199999999999996</v>
      </c>
    </row>
    <row r="56" spans="1:7" x14ac:dyDescent="0.3">
      <c r="A56" s="6">
        <v>44265</v>
      </c>
      <c r="B56" s="8">
        <v>2.2400000000000002</v>
      </c>
      <c r="C56" s="8">
        <v>1.2266999999999999</v>
      </c>
      <c r="D56" s="8">
        <v>0.252</v>
      </c>
      <c r="E56" s="8">
        <v>0.72799999999999998</v>
      </c>
      <c r="F56" s="8">
        <v>0.18099999999999999</v>
      </c>
      <c r="G56" s="8">
        <v>0.69799999999999995</v>
      </c>
    </row>
    <row r="57" spans="1:7" x14ac:dyDescent="0.3">
      <c r="A57" s="6">
        <v>44266</v>
      </c>
      <c r="B57" s="8">
        <v>2.2959999999999998</v>
      </c>
      <c r="C57" s="8">
        <v>1.2578</v>
      </c>
      <c r="D57" s="8">
        <v>0.246</v>
      </c>
      <c r="E57" s="8">
        <v>0.71099999999999997</v>
      </c>
      <c r="F57" s="8">
        <v>0.17899999999999999</v>
      </c>
      <c r="G57" s="8">
        <v>0.65500000000000003</v>
      </c>
    </row>
    <row r="58" spans="1:7" x14ac:dyDescent="0.3">
      <c r="A58" s="6">
        <v>44267</v>
      </c>
      <c r="B58" s="8">
        <v>2.38</v>
      </c>
      <c r="C58" s="8">
        <v>1.3493999999999999</v>
      </c>
      <c r="D58" s="8">
        <v>0.28399999999999997</v>
      </c>
      <c r="E58" s="8">
        <v>0.746</v>
      </c>
      <c r="F58" s="8">
        <v>0.219</v>
      </c>
      <c r="G58" s="8">
        <v>0.68700000000000006</v>
      </c>
    </row>
    <row r="59" spans="1:7" x14ac:dyDescent="0.3">
      <c r="A59" s="6">
        <v>44270</v>
      </c>
      <c r="B59" s="8">
        <v>2.36</v>
      </c>
      <c r="C59" s="8">
        <v>1.3270999999999999</v>
      </c>
      <c r="D59" s="8">
        <v>0.26500000000000001</v>
      </c>
      <c r="E59" s="8">
        <v>0.73899999999999999</v>
      </c>
      <c r="F59" s="8">
        <v>0.19900000000000001</v>
      </c>
      <c r="G59" s="8">
        <v>0.67400000000000004</v>
      </c>
    </row>
    <row r="60" spans="1:7" x14ac:dyDescent="0.3">
      <c r="A60" s="6">
        <v>44271</v>
      </c>
      <c r="B60" s="8">
        <v>2.38</v>
      </c>
      <c r="C60" s="8">
        <v>1.3162</v>
      </c>
      <c r="D60" s="8">
        <v>0.26400000000000001</v>
      </c>
      <c r="E60" s="8">
        <v>0.747</v>
      </c>
      <c r="F60" s="8">
        <v>0.19700000000000001</v>
      </c>
      <c r="G60" s="8">
        <v>0.67200000000000004</v>
      </c>
    </row>
    <row r="61" spans="1:7" x14ac:dyDescent="0.3">
      <c r="A61" s="6">
        <v>44272</v>
      </c>
      <c r="B61" s="8">
        <v>2.4209999999999998</v>
      </c>
      <c r="C61" s="8">
        <v>1.3563000000000001</v>
      </c>
      <c r="D61" s="8">
        <v>0.32</v>
      </c>
      <c r="E61" s="8">
        <v>0.80700000000000005</v>
      </c>
      <c r="F61" s="8">
        <v>0.252</v>
      </c>
      <c r="G61" s="8">
        <v>0.65800000000000003</v>
      </c>
    </row>
    <row r="62" spans="1:7" x14ac:dyDescent="0.3">
      <c r="A62" s="6">
        <v>44273</v>
      </c>
      <c r="B62" s="8">
        <v>2.4510000000000001</v>
      </c>
      <c r="C62" s="8">
        <v>1.4025000000000001</v>
      </c>
      <c r="D62" s="8">
        <v>0.36399999999999999</v>
      </c>
      <c r="E62" s="8">
        <v>0.83699999999999997</v>
      </c>
      <c r="F62" s="8">
        <v>0.29899999999999999</v>
      </c>
      <c r="G62" s="8">
        <v>0.66300000000000003</v>
      </c>
    </row>
    <row r="63" spans="1:7" x14ac:dyDescent="0.3">
      <c r="A63" s="6">
        <v>44274</v>
      </c>
      <c r="B63" s="8">
        <v>2.4359999999999999</v>
      </c>
      <c r="C63" s="8">
        <v>1.3640000000000001</v>
      </c>
      <c r="D63" s="8">
        <v>0.34300000000000003</v>
      </c>
      <c r="E63" s="8">
        <v>0.81599999999999995</v>
      </c>
      <c r="F63" s="8">
        <v>0.27900000000000003</v>
      </c>
      <c r="G63" s="8">
        <v>0.66700000000000004</v>
      </c>
    </row>
    <row r="64" spans="1:7" x14ac:dyDescent="0.3">
      <c r="A64" s="6">
        <v>44277</v>
      </c>
      <c r="B64" s="8">
        <v>2.4</v>
      </c>
      <c r="C64" s="8">
        <v>1.3389</v>
      </c>
      <c r="D64" s="8">
        <v>0.32900000000000001</v>
      </c>
      <c r="E64" s="8">
        <v>0.81200000000000006</v>
      </c>
      <c r="F64" s="8">
        <v>0.26200000000000001</v>
      </c>
      <c r="G64" s="8">
        <v>0.63400000000000001</v>
      </c>
    </row>
    <row r="65" spans="1:7" x14ac:dyDescent="0.3">
      <c r="A65" s="6">
        <v>44278</v>
      </c>
      <c r="B65" s="8">
        <v>2.3279999999999998</v>
      </c>
      <c r="C65" s="8">
        <v>1.2864</v>
      </c>
      <c r="D65" s="8">
        <v>0.3</v>
      </c>
      <c r="E65" s="8">
        <v>0.78</v>
      </c>
      <c r="F65" s="8">
        <v>0.22800000000000001</v>
      </c>
      <c r="G65" s="8">
        <v>0.621</v>
      </c>
    </row>
    <row r="66" spans="1:7" x14ac:dyDescent="0.3">
      <c r="A66" s="6">
        <v>44279</v>
      </c>
      <c r="B66" s="8">
        <v>2.3109999999999999</v>
      </c>
      <c r="C66" s="8">
        <v>1.2795000000000001</v>
      </c>
      <c r="D66" s="8">
        <v>0.27900000000000003</v>
      </c>
      <c r="E66" s="8">
        <v>0.75600000000000001</v>
      </c>
      <c r="F66" s="8">
        <v>0.20799999999999999</v>
      </c>
      <c r="G66" s="8">
        <v>0.624</v>
      </c>
    </row>
    <row r="67" spans="1:7" x14ac:dyDescent="0.3">
      <c r="A67" s="6">
        <v>44280</v>
      </c>
      <c r="B67" s="8">
        <v>2.359</v>
      </c>
      <c r="C67" s="8">
        <v>1.2403999999999999</v>
      </c>
      <c r="D67" s="8">
        <v>0.24199999999999999</v>
      </c>
      <c r="E67" s="8">
        <v>0.72199999999999998</v>
      </c>
      <c r="F67" s="8">
        <v>0.17199999999999999</v>
      </c>
      <c r="G67" s="8">
        <v>0.64200000000000002</v>
      </c>
    </row>
    <row r="68" spans="1:7" x14ac:dyDescent="0.3">
      <c r="A68" s="6">
        <v>44281</v>
      </c>
      <c r="B68" s="8">
        <v>2.3809999999999998</v>
      </c>
      <c r="C68" s="8">
        <v>1.2808999999999999</v>
      </c>
      <c r="D68" s="8">
        <v>0.28599999999999998</v>
      </c>
      <c r="E68" s="8">
        <v>0.76400000000000001</v>
      </c>
      <c r="F68" s="8">
        <v>0.21299999999999999</v>
      </c>
      <c r="G68" s="8">
        <v>0.66200000000000003</v>
      </c>
    </row>
    <row r="69" spans="1:7" x14ac:dyDescent="0.3">
      <c r="A69" s="6">
        <v>44284</v>
      </c>
      <c r="B69" s="8">
        <v>2.407</v>
      </c>
      <c r="C69" s="8">
        <v>1.3171999999999999</v>
      </c>
      <c r="D69" s="8">
        <v>0.31900000000000001</v>
      </c>
      <c r="E69" s="8">
        <v>0.80300000000000005</v>
      </c>
      <c r="F69" s="8">
        <v>0.246</v>
      </c>
      <c r="G69" s="8">
        <v>0.63400000000000001</v>
      </c>
    </row>
    <row r="70" spans="1:7" x14ac:dyDescent="0.3">
      <c r="A70" s="6">
        <v>44285</v>
      </c>
      <c r="B70" s="8">
        <v>2.37</v>
      </c>
      <c r="C70" s="8">
        <v>1.3580000000000001</v>
      </c>
      <c r="D70" s="8">
        <v>0.34399999999999997</v>
      </c>
      <c r="E70" s="8">
        <v>0.82</v>
      </c>
      <c r="F70" s="8">
        <v>0.26500000000000001</v>
      </c>
      <c r="G70" s="8">
        <v>0.64800000000000002</v>
      </c>
    </row>
    <row r="71" spans="1:7" x14ac:dyDescent="0.3">
      <c r="A71" s="6">
        <v>44286</v>
      </c>
      <c r="B71" s="8">
        <v>2.4129999999999998</v>
      </c>
      <c r="C71" s="8">
        <v>1.3948</v>
      </c>
      <c r="D71" s="8">
        <v>0.33</v>
      </c>
      <c r="E71" s="8">
        <v>0.81200000000000006</v>
      </c>
      <c r="F71" s="8">
        <v>0.255</v>
      </c>
      <c r="G71" s="8">
        <v>0.66</v>
      </c>
    </row>
    <row r="72" spans="1:7" x14ac:dyDescent="0.3">
      <c r="A72" s="6">
        <v>44287</v>
      </c>
      <c r="B72" s="8">
        <v>2.3340000000000001</v>
      </c>
      <c r="C72" s="8">
        <v>1.3413999999999999</v>
      </c>
      <c r="D72" s="8">
        <v>0.29599999999999999</v>
      </c>
      <c r="E72" s="8">
        <v>0.78500000000000003</v>
      </c>
      <c r="F72" s="8">
        <v>0.224</v>
      </c>
      <c r="G72" s="8">
        <v>0.69499999999999995</v>
      </c>
    </row>
    <row r="73" spans="1:7" x14ac:dyDescent="0.3">
      <c r="A73" s="6">
        <v>44288</v>
      </c>
      <c r="B73" s="8">
        <v>2.359</v>
      </c>
      <c r="C73" s="8">
        <v>1.3413999999999999</v>
      </c>
      <c r="D73" s="8">
        <v>0.29599999999999999</v>
      </c>
      <c r="E73" s="8">
        <v>0.78500000000000003</v>
      </c>
      <c r="F73" s="8">
        <v>0.224</v>
      </c>
      <c r="G73" s="8">
        <v>0.69299999999999995</v>
      </c>
    </row>
    <row r="74" spans="1:7" x14ac:dyDescent="0.3">
      <c r="A74" s="6">
        <v>44291</v>
      </c>
      <c r="B74" s="8">
        <v>2.3479999999999999</v>
      </c>
      <c r="C74" s="8">
        <v>1.3413999999999999</v>
      </c>
      <c r="D74" s="8">
        <v>0.29599999999999999</v>
      </c>
      <c r="E74" s="8">
        <v>0.78500000000000003</v>
      </c>
      <c r="F74" s="8">
        <v>0.224</v>
      </c>
      <c r="G74" s="8">
        <v>0.69399999999999995</v>
      </c>
    </row>
    <row r="75" spans="1:7" x14ac:dyDescent="0.3">
      <c r="A75" s="6">
        <v>44292</v>
      </c>
      <c r="B75" s="8">
        <v>2.3250000000000002</v>
      </c>
      <c r="C75" s="8">
        <v>1.3352999999999999</v>
      </c>
      <c r="D75" s="8">
        <v>0.31</v>
      </c>
      <c r="E75" s="8">
        <v>0.8</v>
      </c>
      <c r="F75" s="8">
        <v>0.23300000000000001</v>
      </c>
      <c r="G75" s="8">
        <v>0.67800000000000005</v>
      </c>
    </row>
    <row r="76" spans="1:7" x14ac:dyDescent="0.3">
      <c r="A76" s="6">
        <v>44293</v>
      </c>
      <c r="B76" s="8">
        <v>2.363</v>
      </c>
      <c r="C76" s="8">
        <v>1.3129</v>
      </c>
      <c r="D76" s="8">
        <v>0.30399999999999999</v>
      </c>
      <c r="E76" s="8">
        <v>0.78900000000000003</v>
      </c>
      <c r="F76" s="8">
        <v>0.22900000000000001</v>
      </c>
      <c r="G76" s="8">
        <v>0.65</v>
      </c>
    </row>
    <row r="77" spans="1:7" x14ac:dyDescent="0.3">
      <c r="A77" s="6">
        <v>44294</v>
      </c>
      <c r="B77" s="8">
        <v>2.3079999999999998</v>
      </c>
      <c r="C77" s="8">
        <v>1.2825</v>
      </c>
      <c r="D77" s="8">
        <v>0.29599999999999999</v>
      </c>
      <c r="E77" s="8">
        <v>0.78100000000000003</v>
      </c>
      <c r="F77" s="8">
        <v>0.222</v>
      </c>
      <c r="G77" s="8">
        <v>0.66500000000000004</v>
      </c>
    </row>
    <row r="78" spans="1:7" x14ac:dyDescent="0.3">
      <c r="A78" s="6">
        <v>44295</v>
      </c>
      <c r="B78" s="8">
        <v>2.331</v>
      </c>
      <c r="C78" s="8">
        <v>1.3029999999999999</v>
      </c>
      <c r="D78" s="8">
        <v>0.32</v>
      </c>
      <c r="E78" s="8">
        <v>0.80700000000000005</v>
      </c>
      <c r="F78" s="8">
        <v>0.24</v>
      </c>
      <c r="G78" s="8">
        <v>0.67600000000000005</v>
      </c>
    </row>
    <row r="79" spans="1:7" x14ac:dyDescent="0.3">
      <c r="A79" s="6">
        <v>44298</v>
      </c>
      <c r="B79" s="8">
        <v>2.335</v>
      </c>
      <c r="C79" s="8">
        <v>1.3082</v>
      </c>
      <c r="D79" s="8">
        <v>0.34200000000000003</v>
      </c>
      <c r="E79" s="8">
        <v>0.82599999999999996</v>
      </c>
      <c r="F79" s="8">
        <v>0.25900000000000001</v>
      </c>
      <c r="G79" s="8">
        <v>0.67400000000000004</v>
      </c>
    </row>
    <row r="80" spans="1:7" x14ac:dyDescent="0.3">
      <c r="A80" s="6">
        <v>44299</v>
      </c>
      <c r="B80" s="8">
        <v>2.2949999999999999</v>
      </c>
      <c r="C80" s="8">
        <v>1.3052999999999999</v>
      </c>
      <c r="D80" s="8">
        <v>0.34300000000000003</v>
      </c>
      <c r="E80" s="8">
        <v>0.82499999999999996</v>
      </c>
      <c r="F80" s="8">
        <v>0.26200000000000001</v>
      </c>
      <c r="G80" s="8">
        <v>0.66700000000000004</v>
      </c>
    </row>
    <row r="81" spans="1:7" x14ac:dyDescent="0.3">
      <c r="A81" s="6">
        <v>44300</v>
      </c>
      <c r="B81" s="8">
        <v>2.3130000000000002</v>
      </c>
      <c r="C81" s="8">
        <v>1.3434999999999999</v>
      </c>
      <c r="D81" s="8">
        <v>0.371</v>
      </c>
      <c r="E81" s="8">
        <v>0.85499999999999998</v>
      </c>
      <c r="F81" s="8">
        <v>0.29299999999999998</v>
      </c>
      <c r="G81" s="8">
        <v>0.64700000000000002</v>
      </c>
    </row>
    <row r="82" spans="1:7" x14ac:dyDescent="0.3">
      <c r="A82" s="6">
        <v>44301</v>
      </c>
      <c r="B82" s="8">
        <v>2.2709999999999999</v>
      </c>
      <c r="C82" s="8">
        <v>1.2674000000000001</v>
      </c>
      <c r="D82" s="8">
        <v>0.33600000000000002</v>
      </c>
      <c r="E82" s="8">
        <v>0.81899999999999995</v>
      </c>
      <c r="F82" s="8">
        <v>0.26400000000000001</v>
      </c>
      <c r="G82" s="8">
        <v>0.64600000000000002</v>
      </c>
    </row>
    <row r="83" spans="1:7" x14ac:dyDescent="0.3">
      <c r="A83" s="6">
        <v>44302</v>
      </c>
      <c r="B83" s="8">
        <v>2.2679999999999998</v>
      </c>
      <c r="C83" s="8">
        <v>1.3001</v>
      </c>
      <c r="D83" s="8">
        <v>0.36199999999999999</v>
      </c>
      <c r="E83" s="8">
        <v>0.83899999999999997</v>
      </c>
      <c r="F83" s="8">
        <v>0.29199999999999998</v>
      </c>
      <c r="G83" s="8">
        <v>0.65300000000000002</v>
      </c>
    </row>
    <row r="84" spans="1:7" x14ac:dyDescent="0.3">
      <c r="A84" s="6">
        <v>44305</v>
      </c>
      <c r="B84" s="8">
        <v>2.298</v>
      </c>
      <c r="C84" s="8">
        <v>1.2876000000000001</v>
      </c>
      <c r="D84" s="8">
        <v>0.377</v>
      </c>
      <c r="E84" s="8">
        <v>0.85399999999999998</v>
      </c>
      <c r="F84" s="8">
        <v>0.309</v>
      </c>
      <c r="G84" s="8">
        <v>0.64900000000000002</v>
      </c>
    </row>
    <row r="85" spans="1:7" x14ac:dyDescent="0.3">
      <c r="A85" s="6">
        <v>44306</v>
      </c>
      <c r="B85" s="8">
        <v>2.2530000000000001</v>
      </c>
      <c r="C85" s="8">
        <v>1.2635000000000001</v>
      </c>
      <c r="D85" s="8">
        <v>0.34499999999999997</v>
      </c>
      <c r="E85" s="8">
        <v>0.82799999999999996</v>
      </c>
      <c r="F85" s="8">
        <v>0.27800000000000002</v>
      </c>
      <c r="G85" s="8">
        <v>0.63900000000000001</v>
      </c>
    </row>
    <row r="86" spans="1:7" x14ac:dyDescent="0.3">
      <c r="A86" s="6">
        <v>44307</v>
      </c>
      <c r="B86" s="8">
        <v>2.2519999999999998</v>
      </c>
      <c r="C86" s="8">
        <v>1.2830999999999999</v>
      </c>
      <c r="D86" s="8">
        <v>0.34499999999999997</v>
      </c>
      <c r="E86" s="8">
        <v>0.82699999999999996</v>
      </c>
      <c r="F86" s="8">
        <v>0.27900000000000003</v>
      </c>
      <c r="G86" s="8">
        <v>0.625</v>
      </c>
    </row>
    <row r="87" spans="1:7" x14ac:dyDescent="0.3">
      <c r="A87" s="6">
        <v>44308</v>
      </c>
      <c r="B87" s="8">
        <v>2.2189999999999999</v>
      </c>
      <c r="C87" s="8">
        <v>1.2730999999999999</v>
      </c>
      <c r="D87" s="8">
        <v>0.35099999999999998</v>
      </c>
      <c r="E87" s="8">
        <v>0.83299999999999996</v>
      </c>
      <c r="F87" s="8">
        <v>0.28399999999999997</v>
      </c>
      <c r="G87" s="8">
        <v>0.63200000000000001</v>
      </c>
    </row>
    <row r="88" spans="1:7" x14ac:dyDescent="0.3">
      <c r="A88" s="6">
        <v>44309</v>
      </c>
      <c r="B88" s="8">
        <v>2.2360000000000002</v>
      </c>
      <c r="C88" s="8">
        <v>1.2749999999999999</v>
      </c>
      <c r="D88" s="8">
        <v>0.35299999999999998</v>
      </c>
      <c r="E88" s="8">
        <v>0.83799999999999997</v>
      </c>
      <c r="F88" s="8">
        <v>0.28699999999999998</v>
      </c>
      <c r="G88" s="8">
        <v>0.63600000000000001</v>
      </c>
    </row>
    <row r="89" spans="1:7" x14ac:dyDescent="0.3">
      <c r="A89" s="6">
        <v>44312</v>
      </c>
      <c r="B89" s="8">
        <v>2.242</v>
      </c>
      <c r="C89" s="8">
        <v>1.2817000000000001</v>
      </c>
      <c r="D89" s="8">
        <v>0.35399999999999998</v>
      </c>
      <c r="E89" s="8">
        <v>0.84399999999999997</v>
      </c>
      <c r="F89" s="8">
        <v>0.28599999999999998</v>
      </c>
      <c r="G89" s="8">
        <v>0.64400000000000002</v>
      </c>
    </row>
    <row r="90" spans="1:7" x14ac:dyDescent="0.3">
      <c r="A90" s="6">
        <v>44313</v>
      </c>
      <c r="B90" s="8">
        <v>2.2959999999999998</v>
      </c>
      <c r="C90" s="8">
        <v>1.2998000000000001</v>
      </c>
      <c r="D90" s="8">
        <v>0.36</v>
      </c>
      <c r="E90" s="8">
        <v>0.85099999999999998</v>
      </c>
      <c r="F90" s="8">
        <v>0.28999999999999998</v>
      </c>
      <c r="G90" s="8">
        <v>0.64200000000000002</v>
      </c>
    </row>
    <row r="91" spans="1:7" x14ac:dyDescent="0.3">
      <c r="A91" s="6">
        <v>44314</v>
      </c>
      <c r="B91" s="8">
        <v>2.2909999999999999</v>
      </c>
      <c r="C91" s="8">
        <v>1.3103</v>
      </c>
      <c r="D91" s="8">
        <v>0.38200000000000001</v>
      </c>
      <c r="E91" s="8">
        <v>0.871</v>
      </c>
      <c r="F91" s="8">
        <v>0.309</v>
      </c>
      <c r="G91" s="8">
        <v>0.65200000000000002</v>
      </c>
    </row>
    <row r="92" spans="1:7" x14ac:dyDescent="0.3">
      <c r="A92" s="6">
        <v>44315</v>
      </c>
      <c r="B92" s="8">
        <v>2.2999999999999998</v>
      </c>
      <c r="C92" s="8">
        <v>1.3463000000000001</v>
      </c>
      <c r="D92" s="8">
        <v>0.42699999999999999</v>
      </c>
      <c r="E92" s="8">
        <v>0.92600000000000005</v>
      </c>
      <c r="F92" s="8">
        <v>0.35699999999999998</v>
      </c>
      <c r="G92" s="8">
        <v>0.65200000000000002</v>
      </c>
    </row>
    <row r="93" spans="1:7" x14ac:dyDescent="0.3">
      <c r="A93" s="6">
        <v>44316</v>
      </c>
      <c r="B93" s="8">
        <v>2.2999999999999998</v>
      </c>
      <c r="C93" s="8">
        <v>1.3404</v>
      </c>
      <c r="D93" s="8">
        <v>0.42599999999999999</v>
      </c>
      <c r="E93" s="8">
        <v>0.93899999999999995</v>
      </c>
      <c r="F93" s="8">
        <v>0.35499999999999998</v>
      </c>
      <c r="G93" s="8">
        <v>0.65700000000000003</v>
      </c>
    </row>
    <row r="94" spans="1:7" x14ac:dyDescent="0.3">
      <c r="A94" s="6">
        <v>44319</v>
      </c>
      <c r="B94" s="8">
        <v>2.286</v>
      </c>
      <c r="C94" s="8">
        <v>1.3404</v>
      </c>
      <c r="D94" s="8">
        <v>0.42399999999999999</v>
      </c>
      <c r="E94" s="8">
        <v>0.93799999999999994</v>
      </c>
      <c r="F94" s="8">
        <v>0.35699999999999998</v>
      </c>
      <c r="G94" s="8">
        <v>0.65700000000000003</v>
      </c>
    </row>
    <row r="95" spans="1:7" x14ac:dyDescent="0.3">
      <c r="A95" s="6">
        <v>44320</v>
      </c>
      <c r="B95" s="8">
        <v>2.2639999999999998</v>
      </c>
      <c r="C95" s="8">
        <v>1.2885</v>
      </c>
      <c r="D95" s="8">
        <v>0.38500000000000001</v>
      </c>
      <c r="E95" s="8">
        <v>0.91</v>
      </c>
      <c r="F95" s="8">
        <v>0.314</v>
      </c>
      <c r="G95" s="8">
        <v>0.65700000000000003</v>
      </c>
    </row>
    <row r="96" spans="1:7" x14ac:dyDescent="0.3">
      <c r="A96" s="6">
        <v>44321</v>
      </c>
      <c r="B96" s="8">
        <v>2.2440000000000002</v>
      </c>
      <c r="C96" s="8">
        <v>1.3251999999999999</v>
      </c>
      <c r="D96" s="8">
        <v>0.40400000000000003</v>
      </c>
      <c r="E96" s="8">
        <v>0.93200000000000005</v>
      </c>
      <c r="F96" s="8">
        <v>0.32900000000000001</v>
      </c>
      <c r="G96" s="8">
        <v>0.65700000000000003</v>
      </c>
    </row>
    <row r="97" spans="1:7" x14ac:dyDescent="0.3">
      <c r="A97" s="6">
        <v>44322</v>
      </c>
      <c r="B97" s="8">
        <v>2.2440000000000002</v>
      </c>
      <c r="C97" s="8">
        <v>1.3163</v>
      </c>
      <c r="D97" s="8">
        <v>0.41899999999999998</v>
      </c>
      <c r="E97" s="8">
        <v>0.94199999999999995</v>
      </c>
      <c r="F97" s="8">
        <v>0.33800000000000002</v>
      </c>
      <c r="G97" s="8">
        <v>0.65100000000000002</v>
      </c>
    </row>
    <row r="98" spans="1:7" x14ac:dyDescent="0.3">
      <c r="A98" s="6">
        <v>44323</v>
      </c>
      <c r="B98" s="8">
        <v>2.2799999999999998</v>
      </c>
      <c r="C98" s="8">
        <v>1.3129</v>
      </c>
      <c r="D98" s="8">
        <v>0.436</v>
      </c>
      <c r="E98" s="8">
        <v>0.96899999999999997</v>
      </c>
      <c r="F98" s="8">
        <v>0.34899999999999998</v>
      </c>
      <c r="G98" s="8">
        <v>0.65200000000000002</v>
      </c>
    </row>
    <row r="99" spans="1:7" x14ac:dyDescent="0.3">
      <c r="A99" s="6">
        <v>44326</v>
      </c>
      <c r="B99" s="8">
        <v>2.3279999999999998</v>
      </c>
      <c r="C99" s="8">
        <v>1.3274999999999999</v>
      </c>
      <c r="D99" s="8">
        <v>0.44</v>
      </c>
      <c r="E99" s="8">
        <v>0.95599999999999996</v>
      </c>
      <c r="F99" s="8">
        <v>0.35599999999999998</v>
      </c>
      <c r="G99" s="8">
        <v>0.64400000000000002</v>
      </c>
    </row>
    <row r="100" spans="1:7" x14ac:dyDescent="0.3">
      <c r="A100" s="6">
        <v>44327</v>
      </c>
      <c r="B100" s="8">
        <v>2.347</v>
      </c>
      <c r="C100" s="8">
        <v>1.3865000000000001</v>
      </c>
      <c r="D100" s="8">
        <v>0.49</v>
      </c>
      <c r="E100" s="8">
        <v>1.01</v>
      </c>
      <c r="F100" s="8">
        <v>0.40600000000000003</v>
      </c>
      <c r="G100" s="8">
        <v>0.63600000000000001</v>
      </c>
    </row>
    <row r="101" spans="1:7" x14ac:dyDescent="0.3">
      <c r="A101" s="6">
        <v>44328</v>
      </c>
      <c r="B101" s="8">
        <v>2.4129999999999998</v>
      </c>
      <c r="C101" s="8">
        <v>1.4233</v>
      </c>
      <c r="D101" s="8">
        <v>0.52600000000000002</v>
      </c>
      <c r="E101" s="8">
        <v>1.0469999999999999</v>
      </c>
      <c r="F101" s="8">
        <v>0.443</v>
      </c>
      <c r="G101" s="8">
        <v>0.63700000000000001</v>
      </c>
    </row>
    <row r="102" spans="1:7" x14ac:dyDescent="0.3">
      <c r="A102" s="6">
        <v>44329</v>
      </c>
      <c r="B102" s="8">
        <v>2.3980000000000001</v>
      </c>
      <c r="C102" s="8">
        <v>1.4362999999999999</v>
      </c>
      <c r="D102" s="8">
        <v>0.52400000000000002</v>
      </c>
      <c r="E102" s="8">
        <v>1.054</v>
      </c>
      <c r="F102" s="8">
        <v>0.435</v>
      </c>
      <c r="G102" s="8">
        <v>0.66600000000000004</v>
      </c>
    </row>
    <row r="103" spans="1:7" x14ac:dyDescent="0.3">
      <c r="A103" s="6">
        <v>44330</v>
      </c>
      <c r="B103" s="8">
        <v>2.3420000000000001</v>
      </c>
      <c r="C103" s="8">
        <v>1.3956999999999999</v>
      </c>
      <c r="D103" s="8">
        <v>0.52100000000000002</v>
      </c>
      <c r="E103" s="8">
        <v>1.05</v>
      </c>
      <c r="F103" s="8">
        <v>0.43099999999999999</v>
      </c>
      <c r="G103" s="8">
        <v>0.65200000000000002</v>
      </c>
    </row>
    <row r="104" spans="1:7" x14ac:dyDescent="0.3">
      <c r="A104" s="6">
        <v>44333</v>
      </c>
      <c r="B104" s="8">
        <v>2.3639999999999999</v>
      </c>
      <c r="C104" s="8">
        <v>1.3998999999999999</v>
      </c>
      <c r="D104" s="8">
        <v>0.53900000000000003</v>
      </c>
      <c r="E104" s="8">
        <v>1.08</v>
      </c>
      <c r="F104" s="8">
        <v>0.44500000000000001</v>
      </c>
      <c r="G104" s="8">
        <v>0.64700000000000002</v>
      </c>
    </row>
    <row r="105" spans="1:7" x14ac:dyDescent="0.3">
      <c r="A105" s="6">
        <v>44334</v>
      </c>
      <c r="B105" s="8">
        <v>2.3610000000000002</v>
      </c>
      <c r="C105" s="8">
        <v>1.4157</v>
      </c>
      <c r="D105" s="8">
        <v>0.55700000000000005</v>
      </c>
      <c r="E105" s="8">
        <v>1.0920000000000001</v>
      </c>
      <c r="F105" s="8">
        <v>0.46200000000000002</v>
      </c>
      <c r="G105" s="8">
        <v>0.65600000000000003</v>
      </c>
    </row>
    <row r="106" spans="1:7" x14ac:dyDescent="0.3">
      <c r="A106" s="6">
        <v>44335</v>
      </c>
      <c r="B106" s="8">
        <v>2.371</v>
      </c>
      <c r="C106" s="8">
        <v>1.3968</v>
      </c>
      <c r="D106" s="8">
        <v>0.54200000000000004</v>
      </c>
      <c r="E106" s="8">
        <v>1.0740000000000001</v>
      </c>
      <c r="F106" s="8">
        <v>0.44600000000000001</v>
      </c>
      <c r="G106" s="8">
        <v>0.65900000000000003</v>
      </c>
    </row>
    <row r="107" spans="1:7" x14ac:dyDescent="0.3">
      <c r="A107" s="6">
        <v>44336</v>
      </c>
      <c r="B107" s="8">
        <v>2.3319999999999999</v>
      </c>
      <c r="C107" s="8">
        <v>1.3898999999999999</v>
      </c>
      <c r="D107" s="8">
        <v>0.52700000000000002</v>
      </c>
      <c r="E107" s="8">
        <v>1.038</v>
      </c>
      <c r="F107" s="8">
        <v>0.435</v>
      </c>
      <c r="G107" s="8">
        <v>0.66500000000000004</v>
      </c>
    </row>
    <row r="108" spans="1:7" x14ac:dyDescent="0.3">
      <c r="A108" s="6">
        <v>44337</v>
      </c>
      <c r="B108" s="8">
        <v>2.319</v>
      </c>
      <c r="C108" s="8">
        <v>1.3817999999999999</v>
      </c>
      <c r="D108" s="8">
        <v>0.51100000000000001</v>
      </c>
      <c r="E108" s="8">
        <v>1.0169999999999999</v>
      </c>
      <c r="F108" s="8">
        <v>0.42099999999999999</v>
      </c>
      <c r="G108" s="8">
        <v>0.67100000000000004</v>
      </c>
    </row>
    <row r="109" spans="1:7" x14ac:dyDescent="0.3">
      <c r="A109" s="6">
        <v>44340</v>
      </c>
      <c r="B109" s="8">
        <v>2.3010000000000002</v>
      </c>
      <c r="C109" s="8">
        <v>1.3582000000000001</v>
      </c>
      <c r="D109" s="8">
        <v>0.50600000000000001</v>
      </c>
      <c r="E109" s="8">
        <v>1.01</v>
      </c>
      <c r="F109" s="8">
        <v>0.41699999999999998</v>
      </c>
      <c r="G109" s="8">
        <v>0.67300000000000004</v>
      </c>
    </row>
    <row r="110" spans="1:7" x14ac:dyDescent="0.3">
      <c r="A110" s="6">
        <v>44341</v>
      </c>
      <c r="B110" s="8">
        <v>2.2490000000000001</v>
      </c>
      <c r="C110" s="8">
        <v>1.3189</v>
      </c>
      <c r="D110" s="8">
        <v>0.48</v>
      </c>
      <c r="E110" s="8">
        <v>0.97199999999999998</v>
      </c>
      <c r="F110" s="8">
        <v>0.39400000000000002</v>
      </c>
      <c r="G110" s="8">
        <v>0.67</v>
      </c>
    </row>
    <row r="111" spans="1:7" x14ac:dyDescent="0.3">
      <c r="A111" s="6">
        <v>44342</v>
      </c>
      <c r="B111" s="8">
        <v>2.258</v>
      </c>
      <c r="C111" s="8">
        <v>1.2805</v>
      </c>
      <c r="D111" s="8">
        <v>0.434</v>
      </c>
      <c r="E111" s="8">
        <v>0.92800000000000005</v>
      </c>
      <c r="F111" s="8">
        <v>0.34599999999999997</v>
      </c>
      <c r="G111" s="8">
        <v>0.66600000000000004</v>
      </c>
    </row>
    <row r="112" spans="1:7" x14ac:dyDescent="0.3">
      <c r="A112" s="6">
        <v>44343</v>
      </c>
      <c r="B112" s="8">
        <v>2.2839999999999998</v>
      </c>
      <c r="C112" s="8">
        <v>1.3180000000000001</v>
      </c>
      <c r="D112" s="8">
        <v>0.47199999999999998</v>
      </c>
      <c r="E112" s="8">
        <v>0.96899999999999997</v>
      </c>
      <c r="F112" s="8">
        <v>0.38700000000000001</v>
      </c>
      <c r="G112" s="8">
        <v>0.66700000000000004</v>
      </c>
    </row>
    <row r="113" spans="1:7" x14ac:dyDescent="0.3">
      <c r="A113" s="6">
        <v>44344</v>
      </c>
      <c r="B113" s="8">
        <v>2.2839999999999998</v>
      </c>
      <c r="C113" s="8">
        <v>1.3026</v>
      </c>
      <c r="D113" s="8">
        <v>0.46500000000000002</v>
      </c>
      <c r="E113" s="8">
        <v>0.96899999999999997</v>
      </c>
      <c r="F113" s="8">
        <v>0.38300000000000001</v>
      </c>
      <c r="G113" s="8">
        <v>0.66800000000000004</v>
      </c>
    </row>
    <row r="114" spans="1:7" x14ac:dyDescent="0.3">
      <c r="A114" s="6">
        <v>44347</v>
      </c>
      <c r="B114" s="8">
        <v>2.2839999999999998</v>
      </c>
      <c r="C114" s="8">
        <v>1.3026</v>
      </c>
      <c r="D114" s="8">
        <v>0.44600000000000001</v>
      </c>
      <c r="E114" s="8">
        <v>0.95499999999999996</v>
      </c>
      <c r="F114" s="8">
        <v>0.36499999999999999</v>
      </c>
      <c r="G114" s="8">
        <v>0.67200000000000004</v>
      </c>
    </row>
    <row r="115" spans="1:7" x14ac:dyDescent="0.3">
      <c r="A115" s="6">
        <v>44348</v>
      </c>
      <c r="B115" s="8">
        <v>2.2879999999999998</v>
      </c>
      <c r="C115" s="8">
        <v>1.3433999999999999</v>
      </c>
      <c r="D115" s="8">
        <v>0.45600000000000002</v>
      </c>
      <c r="E115" s="8">
        <v>0.96899999999999997</v>
      </c>
      <c r="F115" s="8">
        <v>0.379</v>
      </c>
      <c r="G115" s="8">
        <v>0.68100000000000005</v>
      </c>
    </row>
    <row r="116" spans="1:7" x14ac:dyDescent="0.3">
      <c r="A116" s="6">
        <v>44349</v>
      </c>
      <c r="B116" s="8">
        <v>2.274</v>
      </c>
      <c r="C116" s="8">
        <v>1.327</v>
      </c>
      <c r="D116" s="8">
        <v>0.436</v>
      </c>
      <c r="E116" s="8">
        <v>0.95699999999999996</v>
      </c>
      <c r="F116" s="8">
        <v>0.36</v>
      </c>
      <c r="G116" s="8">
        <v>0.68799999999999994</v>
      </c>
    </row>
    <row r="117" spans="1:7" x14ac:dyDescent="0.3">
      <c r="A117" s="6">
        <v>44350</v>
      </c>
      <c r="B117" s="8">
        <v>2.298</v>
      </c>
      <c r="C117" s="8">
        <v>1.3692</v>
      </c>
      <c r="D117" s="8">
        <v>0.44900000000000001</v>
      </c>
      <c r="E117" s="8">
        <v>0.97099999999999997</v>
      </c>
      <c r="F117" s="8">
        <v>0.377</v>
      </c>
      <c r="G117" s="8">
        <v>0.68500000000000005</v>
      </c>
    </row>
    <row r="118" spans="1:7" x14ac:dyDescent="0.3">
      <c r="A118" s="6">
        <v>44351</v>
      </c>
      <c r="B118" s="8">
        <v>2.2330000000000001</v>
      </c>
      <c r="C118" s="8">
        <v>1.3248</v>
      </c>
      <c r="D118" s="8">
        <v>0.42299999999999999</v>
      </c>
      <c r="E118" s="8">
        <v>0.95899999999999996</v>
      </c>
      <c r="F118" s="8">
        <v>0.34799999999999998</v>
      </c>
      <c r="G118" s="8">
        <v>0.69</v>
      </c>
    </row>
    <row r="119" spans="1:7" x14ac:dyDescent="0.3">
      <c r="A119" s="6">
        <v>44354</v>
      </c>
      <c r="B119" s="8">
        <v>2.2490000000000001</v>
      </c>
      <c r="C119" s="8">
        <v>1.3443000000000001</v>
      </c>
      <c r="D119" s="8">
        <v>0.42899999999999999</v>
      </c>
      <c r="E119" s="8">
        <v>0.97099999999999997</v>
      </c>
      <c r="F119" s="8">
        <v>0.35499999999999998</v>
      </c>
      <c r="G119" s="8">
        <v>0.68899999999999995</v>
      </c>
    </row>
    <row r="120" spans="1:7" x14ac:dyDescent="0.3">
      <c r="A120" s="6">
        <v>44355</v>
      </c>
      <c r="B120" s="8">
        <v>2.218</v>
      </c>
      <c r="C120" s="8">
        <v>1.3079000000000001</v>
      </c>
      <c r="D120" s="8">
        <v>0.40200000000000002</v>
      </c>
      <c r="E120" s="8">
        <v>0.93799999999999994</v>
      </c>
      <c r="F120" s="8">
        <v>0.32500000000000001</v>
      </c>
      <c r="G120" s="8">
        <v>0.68</v>
      </c>
    </row>
    <row r="121" spans="1:7" x14ac:dyDescent="0.3">
      <c r="A121" s="6">
        <v>44356</v>
      </c>
      <c r="B121" s="8">
        <v>2.17</v>
      </c>
      <c r="C121" s="8">
        <v>1.2653000000000001</v>
      </c>
      <c r="D121" s="8">
        <v>0.38500000000000001</v>
      </c>
      <c r="E121" s="8">
        <v>0.92300000000000004</v>
      </c>
      <c r="F121" s="8">
        <v>0.31</v>
      </c>
      <c r="G121" s="8">
        <v>0.66300000000000003</v>
      </c>
    </row>
    <row r="122" spans="1:7" x14ac:dyDescent="0.3">
      <c r="A122" s="6">
        <v>44357</v>
      </c>
      <c r="B122" s="8">
        <v>2.129</v>
      </c>
      <c r="C122" s="8">
        <v>1.2777000000000001</v>
      </c>
      <c r="D122" s="8">
        <v>0.38400000000000001</v>
      </c>
      <c r="E122" s="8">
        <v>0.93300000000000005</v>
      </c>
      <c r="F122" s="8">
        <v>0.31</v>
      </c>
      <c r="G122" s="8">
        <v>0.66300000000000003</v>
      </c>
    </row>
    <row r="123" spans="1:7" x14ac:dyDescent="0.3">
      <c r="A123" s="6">
        <v>44358</v>
      </c>
      <c r="B123" s="8">
        <v>2.14</v>
      </c>
      <c r="C123" s="8">
        <v>1.2434000000000001</v>
      </c>
      <c r="D123" s="8">
        <v>0.36</v>
      </c>
      <c r="E123" s="8">
        <v>0.91</v>
      </c>
      <c r="F123" s="8">
        <v>0.28399999999999997</v>
      </c>
      <c r="G123" s="8">
        <v>0.65100000000000002</v>
      </c>
    </row>
    <row r="124" spans="1:7" x14ac:dyDescent="0.3">
      <c r="A124" s="6">
        <v>44361</v>
      </c>
      <c r="B124" s="8">
        <v>2.1840000000000002</v>
      </c>
      <c r="C124" s="8">
        <v>1.2771999999999999</v>
      </c>
      <c r="D124" s="8">
        <v>0.38200000000000001</v>
      </c>
      <c r="E124" s="8">
        <v>0.94199999999999995</v>
      </c>
      <c r="F124" s="8">
        <v>0.30499999999999999</v>
      </c>
      <c r="G124" s="8">
        <v>0.65200000000000002</v>
      </c>
    </row>
    <row r="125" spans="1:7" x14ac:dyDescent="0.3">
      <c r="A125" s="6">
        <v>44362</v>
      </c>
      <c r="B125" s="8">
        <v>2.1880000000000002</v>
      </c>
      <c r="C125" s="8">
        <v>1.2751999999999999</v>
      </c>
      <c r="D125" s="8">
        <v>0.39800000000000002</v>
      </c>
      <c r="E125" s="8">
        <v>0.95099999999999996</v>
      </c>
      <c r="F125" s="8">
        <v>0.31900000000000001</v>
      </c>
      <c r="G125" s="8">
        <v>0.67100000000000004</v>
      </c>
    </row>
    <row r="126" spans="1:7" x14ac:dyDescent="0.3">
      <c r="A126" s="6">
        <v>44363</v>
      </c>
      <c r="B126" s="8">
        <v>2.2090000000000001</v>
      </c>
      <c r="C126" s="8">
        <v>1.2555000000000001</v>
      </c>
      <c r="D126" s="8">
        <v>0.38200000000000001</v>
      </c>
      <c r="E126" s="8">
        <v>0.94199999999999995</v>
      </c>
      <c r="F126" s="8">
        <v>0.30299999999999999</v>
      </c>
      <c r="G126" s="8">
        <v>0.67800000000000005</v>
      </c>
    </row>
    <row r="127" spans="1:7" x14ac:dyDescent="0.3">
      <c r="A127" s="6">
        <v>44364</v>
      </c>
      <c r="B127" s="8">
        <v>2.0950000000000002</v>
      </c>
      <c r="C127" s="8">
        <v>1.2545999999999999</v>
      </c>
      <c r="D127" s="8">
        <v>0.36899999999999999</v>
      </c>
      <c r="E127" s="8">
        <v>0.94299999999999995</v>
      </c>
      <c r="F127" s="8">
        <v>0.28100000000000003</v>
      </c>
      <c r="G127" s="8">
        <v>0.68100000000000005</v>
      </c>
    </row>
    <row r="128" spans="1:7" x14ac:dyDescent="0.3">
      <c r="A128" s="6">
        <v>44365</v>
      </c>
      <c r="B128" s="8">
        <v>2.0150000000000001</v>
      </c>
      <c r="C128" s="8">
        <v>1.2040999999999999</v>
      </c>
      <c r="D128" s="8">
        <v>0.34699999999999998</v>
      </c>
      <c r="E128" s="8">
        <v>0.92300000000000004</v>
      </c>
      <c r="F128" s="8">
        <v>0.249</v>
      </c>
      <c r="G128" s="8">
        <v>0.67400000000000004</v>
      </c>
    </row>
    <row r="129" spans="1:7" x14ac:dyDescent="0.3">
      <c r="A129" s="6">
        <v>44368</v>
      </c>
      <c r="B129" s="8">
        <v>2.1110000000000002</v>
      </c>
      <c r="C129" s="8">
        <v>1.2259</v>
      </c>
      <c r="D129" s="8">
        <v>0.39</v>
      </c>
      <c r="E129" s="8">
        <v>0.94199999999999995</v>
      </c>
      <c r="F129" s="8">
        <v>0.30099999999999999</v>
      </c>
      <c r="G129" s="8">
        <v>0.67</v>
      </c>
    </row>
    <row r="130" spans="1:7" x14ac:dyDescent="0.3">
      <c r="A130" s="6">
        <v>44369</v>
      </c>
      <c r="B130" s="8">
        <v>2.0880000000000001</v>
      </c>
      <c r="C130" s="8">
        <v>1.2656000000000001</v>
      </c>
      <c r="D130" s="8">
        <v>0.4</v>
      </c>
      <c r="E130" s="8">
        <v>0.94699999999999995</v>
      </c>
      <c r="F130" s="8">
        <v>0.313</v>
      </c>
      <c r="G130" s="8">
        <v>0.66600000000000004</v>
      </c>
    </row>
    <row r="131" spans="1:7" x14ac:dyDescent="0.3">
      <c r="A131" s="6">
        <v>44370</v>
      </c>
      <c r="B131" s="8">
        <v>2.11</v>
      </c>
      <c r="C131" s="8">
        <v>1.2785</v>
      </c>
      <c r="D131" s="8">
        <v>0.38800000000000001</v>
      </c>
      <c r="E131" s="8">
        <v>0.93899999999999995</v>
      </c>
      <c r="F131" s="8">
        <v>0.30599999999999999</v>
      </c>
      <c r="G131" s="8">
        <v>0.66300000000000003</v>
      </c>
    </row>
    <row r="132" spans="1:7" x14ac:dyDescent="0.3">
      <c r="A132" s="6">
        <v>44371</v>
      </c>
      <c r="B132" s="8">
        <v>2.1</v>
      </c>
      <c r="C132" s="8">
        <v>1.2397</v>
      </c>
      <c r="D132" s="8">
        <v>0.38500000000000001</v>
      </c>
      <c r="E132" s="8">
        <v>0.93700000000000006</v>
      </c>
      <c r="F132" s="8">
        <v>0.3</v>
      </c>
      <c r="G132" s="8">
        <v>0.66500000000000004</v>
      </c>
    </row>
    <row r="133" spans="1:7" x14ac:dyDescent="0.3">
      <c r="A133" s="6">
        <v>44372</v>
      </c>
      <c r="B133" s="8">
        <v>2.15</v>
      </c>
      <c r="C133" s="8">
        <v>1.2854000000000001</v>
      </c>
      <c r="D133" s="8">
        <v>0.43</v>
      </c>
      <c r="E133" s="8">
        <v>0.99399999999999999</v>
      </c>
      <c r="F133" s="8">
        <v>0.34300000000000003</v>
      </c>
      <c r="G133" s="8">
        <v>0.67400000000000004</v>
      </c>
    </row>
    <row r="134" spans="1:7" x14ac:dyDescent="0.3">
      <c r="A134" s="6">
        <v>44375</v>
      </c>
      <c r="B134" s="8">
        <v>2.097</v>
      </c>
      <c r="C134" s="8">
        <v>1.2202999999999999</v>
      </c>
      <c r="D134" s="8">
        <v>0.39600000000000002</v>
      </c>
      <c r="E134" s="8">
        <v>0.95499999999999996</v>
      </c>
      <c r="F134" s="8">
        <v>0.309</v>
      </c>
      <c r="G134" s="8">
        <v>0.68</v>
      </c>
    </row>
    <row r="135" spans="1:7" x14ac:dyDescent="0.3">
      <c r="A135" s="6">
        <v>44376</v>
      </c>
      <c r="B135" s="8">
        <v>2.085</v>
      </c>
      <c r="C135" s="8">
        <v>1.2501</v>
      </c>
      <c r="D135" s="8">
        <v>0.41499999999999998</v>
      </c>
      <c r="E135" s="8">
        <v>0.96099999999999997</v>
      </c>
      <c r="F135" s="8">
        <v>0.33200000000000002</v>
      </c>
      <c r="G135" s="8">
        <v>0.68300000000000005</v>
      </c>
    </row>
    <row r="136" spans="1:7" x14ac:dyDescent="0.3">
      <c r="A136" s="6">
        <v>44377</v>
      </c>
      <c r="B136" s="8">
        <v>2.0870000000000002</v>
      </c>
      <c r="C136" s="8">
        <v>1.2318</v>
      </c>
      <c r="D136" s="8">
        <v>0.36</v>
      </c>
      <c r="E136" s="8">
        <v>0.91300000000000003</v>
      </c>
      <c r="F136" s="8">
        <v>0.28799999999999998</v>
      </c>
      <c r="G136" s="8">
        <v>0.68400000000000005</v>
      </c>
    </row>
    <row r="137" spans="1:7" x14ac:dyDescent="0.3">
      <c r="A137" s="6">
        <v>44378</v>
      </c>
      <c r="B137" s="8">
        <v>2.0619999999999998</v>
      </c>
      <c r="C137" s="8">
        <v>1.2455000000000001</v>
      </c>
      <c r="D137" s="8">
        <v>0.36899999999999999</v>
      </c>
      <c r="E137" s="8">
        <v>0.92</v>
      </c>
      <c r="F137" s="8">
        <v>0.30399999999999999</v>
      </c>
      <c r="G137" s="8">
        <v>0.67200000000000004</v>
      </c>
    </row>
    <row r="138" spans="1:7" x14ac:dyDescent="0.3">
      <c r="A138" s="6">
        <v>44379</v>
      </c>
      <c r="B138" s="8">
        <v>2.0419999999999998</v>
      </c>
      <c r="C138" s="8">
        <v>1.2244999999999999</v>
      </c>
      <c r="D138" s="8">
        <v>0.33400000000000002</v>
      </c>
      <c r="E138" s="8">
        <v>0.89200000000000002</v>
      </c>
      <c r="F138" s="8">
        <v>0.27100000000000002</v>
      </c>
      <c r="G138" s="8">
        <v>0.66100000000000003</v>
      </c>
    </row>
    <row r="139" spans="1:7" x14ac:dyDescent="0.3">
      <c r="A139" s="6">
        <v>44382</v>
      </c>
      <c r="B139" s="8">
        <v>2.0419999999999998</v>
      </c>
      <c r="C139" s="8">
        <v>1.2350000000000001</v>
      </c>
      <c r="D139" s="8">
        <v>0.35699999999999998</v>
      </c>
      <c r="E139" s="8">
        <v>0.91200000000000003</v>
      </c>
      <c r="F139" s="8">
        <v>0.29499999999999998</v>
      </c>
      <c r="G139" s="8">
        <v>0.67200000000000004</v>
      </c>
    </row>
    <row r="140" spans="1:7" x14ac:dyDescent="0.3">
      <c r="A140" s="6">
        <v>44383</v>
      </c>
      <c r="B140" s="8">
        <v>1.9750000000000001</v>
      </c>
      <c r="C140" s="8">
        <v>1.1642999999999999</v>
      </c>
      <c r="D140" s="8">
        <v>0.28399999999999997</v>
      </c>
      <c r="E140" s="8">
        <v>0.84099999999999997</v>
      </c>
      <c r="F140" s="8">
        <v>0.222</v>
      </c>
      <c r="G140" s="8">
        <v>0.66500000000000004</v>
      </c>
    </row>
    <row r="141" spans="1:7" x14ac:dyDescent="0.3">
      <c r="A141" s="6">
        <v>44384</v>
      </c>
      <c r="B141" s="8">
        <v>1.9390000000000001</v>
      </c>
      <c r="C141" s="8">
        <v>1.1193</v>
      </c>
      <c r="D141" s="8">
        <v>0.25600000000000001</v>
      </c>
      <c r="E141" s="8">
        <v>0.80600000000000005</v>
      </c>
      <c r="F141" s="8">
        <v>0.184</v>
      </c>
      <c r="G141" s="8">
        <v>0.66700000000000004</v>
      </c>
    </row>
    <row r="142" spans="1:7" x14ac:dyDescent="0.3">
      <c r="A142" s="6">
        <v>44385</v>
      </c>
      <c r="B142" s="8">
        <v>1.9279999999999999</v>
      </c>
      <c r="C142" s="8">
        <v>1.1264000000000001</v>
      </c>
      <c r="D142" s="8">
        <v>0.25900000000000001</v>
      </c>
      <c r="E142" s="8">
        <v>0.81599999999999995</v>
      </c>
      <c r="F142" s="8">
        <v>0.18099999999999999</v>
      </c>
      <c r="G142" s="8">
        <v>0.65</v>
      </c>
    </row>
    <row r="143" spans="1:7" x14ac:dyDescent="0.3">
      <c r="A143" s="6">
        <v>44386</v>
      </c>
      <c r="B143" s="8">
        <v>1.99</v>
      </c>
      <c r="C143" s="8">
        <v>1.1719999999999999</v>
      </c>
      <c r="D143" s="8">
        <v>0.28000000000000003</v>
      </c>
      <c r="E143" s="8">
        <v>0.83699999999999997</v>
      </c>
      <c r="F143" s="8">
        <v>0.20300000000000001</v>
      </c>
      <c r="G143" s="8">
        <v>0.66900000000000004</v>
      </c>
    </row>
    <row r="144" spans="1:7" x14ac:dyDescent="0.3">
      <c r="A144" s="6">
        <v>44389</v>
      </c>
      <c r="B144" s="8">
        <v>1.9990000000000001</v>
      </c>
      <c r="C144" s="8">
        <v>1.1573</v>
      </c>
      <c r="D144" s="8">
        <v>0.28100000000000003</v>
      </c>
      <c r="E144" s="8">
        <v>0.83699999999999997</v>
      </c>
      <c r="F144" s="8">
        <v>0.20200000000000001</v>
      </c>
      <c r="G144" s="8">
        <v>0.66500000000000004</v>
      </c>
    </row>
    <row r="145" spans="1:7" x14ac:dyDescent="0.3">
      <c r="A145" s="6">
        <v>44390</v>
      </c>
      <c r="B145" s="8">
        <v>2.048</v>
      </c>
      <c r="C145" s="8">
        <v>1.1237999999999999</v>
      </c>
      <c r="D145" s="8">
        <v>0.28599999999999998</v>
      </c>
      <c r="E145" s="8">
        <v>0.83</v>
      </c>
      <c r="F145" s="8">
        <v>0.20799999999999999</v>
      </c>
      <c r="G145" s="8">
        <v>0.66600000000000004</v>
      </c>
    </row>
    <row r="146" spans="1:7" x14ac:dyDescent="0.3">
      <c r="A146" s="6">
        <v>44391</v>
      </c>
      <c r="B146" s="8">
        <v>1.972</v>
      </c>
      <c r="C146" s="8">
        <v>1.1017999999999999</v>
      </c>
      <c r="D146" s="8">
        <v>0.25</v>
      </c>
      <c r="E146" s="8">
        <v>0.80100000000000005</v>
      </c>
      <c r="F146" s="8">
        <v>0.17399999999999999</v>
      </c>
      <c r="G146" s="8">
        <v>0.66300000000000003</v>
      </c>
    </row>
    <row r="147" spans="1:7" x14ac:dyDescent="0.3">
      <c r="A147" s="6">
        <v>44392</v>
      </c>
      <c r="B147" s="8">
        <v>1.9219999999999999</v>
      </c>
      <c r="C147" s="8">
        <v>1.1452</v>
      </c>
      <c r="D147" s="8">
        <v>0.22700000000000001</v>
      </c>
      <c r="E147" s="8">
        <v>0.77100000000000002</v>
      </c>
      <c r="F147" s="8">
        <v>0.14899999999999999</v>
      </c>
      <c r="G147" s="8">
        <v>0.63100000000000001</v>
      </c>
    </row>
    <row r="148" spans="1:7" x14ac:dyDescent="0.3">
      <c r="A148" s="6">
        <v>44393</v>
      </c>
      <c r="B148" s="8">
        <v>1.92</v>
      </c>
      <c r="C148" s="8">
        <v>1.1119000000000001</v>
      </c>
      <c r="D148" s="8">
        <v>0.20300000000000001</v>
      </c>
      <c r="E148" s="8">
        <v>0.753</v>
      </c>
      <c r="F148" s="8">
        <v>0.128</v>
      </c>
      <c r="G148" s="8">
        <v>0.64</v>
      </c>
    </row>
    <row r="149" spans="1:7" x14ac:dyDescent="0.3">
      <c r="A149" s="6">
        <v>44396</v>
      </c>
      <c r="B149" s="8">
        <v>1.821</v>
      </c>
      <c r="C149" s="8">
        <v>1.0303</v>
      </c>
      <c r="D149" s="8">
        <v>0.16300000000000001</v>
      </c>
      <c r="E149" s="8">
        <v>0.71899999999999997</v>
      </c>
      <c r="F149" s="8">
        <v>8.4000000000000005E-2</v>
      </c>
      <c r="G149" s="8">
        <v>0.64300000000000002</v>
      </c>
    </row>
    <row r="150" spans="1:7" x14ac:dyDescent="0.3">
      <c r="A150" s="6">
        <v>44397</v>
      </c>
      <c r="B150" s="8">
        <v>1.879</v>
      </c>
      <c r="C150" s="8">
        <v>1.0083</v>
      </c>
      <c r="D150" s="8">
        <v>0.13500000000000001</v>
      </c>
      <c r="E150" s="8">
        <v>0.70199999999999996</v>
      </c>
      <c r="F150" s="8">
        <v>5.6000000000000001E-2</v>
      </c>
      <c r="G150" s="8">
        <v>0.63400000000000001</v>
      </c>
    </row>
    <row r="151" spans="1:7" x14ac:dyDescent="0.3">
      <c r="A151" s="6">
        <v>44398</v>
      </c>
      <c r="B151" s="8">
        <v>1.94</v>
      </c>
      <c r="C151" s="8">
        <v>1.0545</v>
      </c>
      <c r="D151" s="8">
        <v>0.16400000000000001</v>
      </c>
      <c r="E151" s="8">
        <v>0.73599999999999999</v>
      </c>
      <c r="F151" s="8">
        <v>8.5999999999999993E-2</v>
      </c>
      <c r="G151" s="8">
        <v>0.65400000000000003</v>
      </c>
    </row>
    <row r="152" spans="1:7" x14ac:dyDescent="0.3">
      <c r="A152" s="6">
        <v>44399</v>
      </c>
      <c r="B152" s="8">
        <v>1.9179999999999999</v>
      </c>
      <c r="C152" s="8">
        <v>1.0005999999999999</v>
      </c>
      <c r="D152" s="8">
        <v>0.128</v>
      </c>
      <c r="E152" s="8">
        <v>0.69899999999999995</v>
      </c>
      <c r="F152" s="8">
        <v>5.0999999999999997E-2</v>
      </c>
      <c r="G152" s="8">
        <v>0.65400000000000003</v>
      </c>
    </row>
    <row r="153" spans="1:7" x14ac:dyDescent="0.3">
      <c r="A153" s="6">
        <v>44400</v>
      </c>
      <c r="B153" s="8">
        <v>1.917</v>
      </c>
      <c r="C153" s="8">
        <v>1.0024999999999999</v>
      </c>
      <c r="D153" s="8">
        <v>0.13500000000000001</v>
      </c>
      <c r="E153" s="8">
        <v>0.69299999999999995</v>
      </c>
      <c r="F153" s="8">
        <v>5.8000000000000003E-2</v>
      </c>
      <c r="G153" s="8">
        <v>0.65400000000000003</v>
      </c>
    </row>
    <row r="154" spans="1:7" x14ac:dyDescent="0.3">
      <c r="A154" s="6">
        <v>44403</v>
      </c>
      <c r="B154" s="8">
        <v>1.9430000000000001</v>
      </c>
      <c r="C154" s="8">
        <v>0.99029999999999996</v>
      </c>
      <c r="D154" s="8">
        <v>0.14000000000000001</v>
      </c>
      <c r="E154" s="8">
        <v>0.70599999999999996</v>
      </c>
      <c r="F154" s="8">
        <v>6.2E-2</v>
      </c>
      <c r="G154" s="8">
        <v>0.64</v>
      </c>
    </row>
    <row r="155" spans="1:7" x14ac:dyDescent="0.3">
      <c r="A155" s="6">
        <v>44404</v>
      </c>
      <c r="B155" s="8">
        <v>1.895</v>
      </c>
      <c r="C155" s="8">
        <v>0.97109999999999996</v>
      </c>
      <c r="D155" s="8">
        <v>0.113</v>
      </c>
      <c r="E155" s="8">
        <v>0.69899999999999995</v>
      </c>
      <c r="F155" s="8">
        <v>3.5000000000000003E-2</v>
      </c>
      <c r="G155" s="8">
        <v>0.65</v>
      </c>
    </row>
    <row r="156" spans="1:7" x14ac:dyDescent="0.3">
      <c r="A156" s="6">
        <v>44405</v>
      </c>
      <c r="B156" s="8">
        <v>1.8819999999999999</v>
      </c>
      <c r="C156" s="8">
        <v>0.99350000000000005</v>
      </c>
      <c r="D156" s="8">
        <v>0.123</v>
      </c>
      <c r="E156" s="8">
        <v>0.71599999999999997</v>
      </c>
      <c r="F156" s="8">
        <v>3.5000000000000003E-2</v>
      </c>
      <c r="G156" s="8">
        <v>0.64400000000000002</v>
      </c>
    </row>
    <row r="157" spans="1:7" x14ac:dyDescent="0.3">
      <c r="A157" s="6">
        <v>44406</v>
      </c>
      <c r="B157" s="8">
        <v>1.921</v>
      </c>
      <c r="C157" s="8">
        <v>0.99850000000000005</v>
      </c>
      <c r="D157" s="8">
        <v>0.123</v>
      </c>
      <c r="E157" s="8">
        <v>0.70399999999999996</v>
      </c>
      <c r="F157" s="8">
        <v>3.5000000000000003E-2</v>
      </c>
      <c r="G157" s="8">
        <v>0.63500000000000001</v>
      </c>
    </row>
    <row r="158" spans="1:7" x14ac:dyDescent="0.3">
      <c r="A158" s="6">
        <v>44407</v>
      </c>
      <c r="B158" s="8">
        <v>1.8939999999999999</v>
      </c>
      <c r="C158" s="8">
        <v>0.99329999999999996</v>
      </c>
      <c r="D158" s="8">
        <v>0.10299999999999999</v>
      </c>
      <c r="E158" s="8">
        <v>0.68400000000000005</v>
      </c>
      <c r="F158" s="8">
        <v>1.7000000000000001E-2</v>
      </c>
      <c r="G158" s="8">
        <v>0.63500000000000001</v>
      </c>
    </row>
    <row r="159" spans="1:7" x14ac:dyDescent="0.3">
      <c r="A159" s="6">
        <v>44410</v>
      </c>
      <c r="B159" s="8">
        <v>1.851</v>
      </c>
      <c r="C159" s="8">
        <v>0.95669999999999999</v>
      </c>
      <c r="D159" s="8">
        <v>6.8000000000000005E-2</v>
      </c>
      <c r="E159" s="8">
        <v>0.64900000000000002</v>
      </c>
      <c r="F159" s="8">
        <v>-1.2999999999999999E-2</v>
      </c>
      <c r="G159" s="8">
        <v>0.64100000000000001</v>
      </c>
    </row>
    <row r="160" spans="1:7" x14ac:dyDescent="0.3">
      <c r="A160" s="6">
        <v>44411</v>
      </c>
      <c r="B160" s="8">
        <v>1.8420000000000001</v>
      </c>
      <c r="C160" s="8">
        <v>0.94530000000000003</v>
      </c>
      <c r="D160" s="8">
        <v>6.9000000000000006E-2</v>
      </c>
      <c r="E160" s="8">
        <v>0.64900000000000002</v>
      </c>
      <c r="F160" s="8">
        <v>-1.2999999999999999E-2</v>
      </c>
      <c r="G160" s="8">
        <v>0.63200000000000001</v>
      </c>
    </row>
    <row r="161" spans="1:7" x14ac:dyDescent="0.3">
      <c r="A161" s="6">
        <v>44412</v>
      </c>
      <c r="B161" s="8">
        <v>1.84</v>
      </c>
      <c r="C161" s="8">
        <v>0.93210000000000004</v>
      </c>
      <c r="D161" s="8">
        <v>4.4999999999999998E-2</v>
      </c>
      <c r="E161" s="8">
        <v>0.63700000000000001</v>
      </c>
      <c r="F161" s="8">
        <v>-4.2000000000000003E-2</v>
      </c>
      <c r="G161" s="8">
        <v>0.624</v>
      </c>
    </row>
    <row r="162" spans="1:7" x14ac:dyDescent="0.3">
      <c r="A162" s="6">
        <v>44413</v>
      </c>
      <c r="B162" s="8">
        <v>1.8620000000000001</v>
      </c>
      <c r="C162" s="8">
        <v>0.9345</v>
      </c>
      <c r="D162" s="8">
        <v>3.6999999999999998E-2</v>
      </c>
      <c r="E162" s="8">
        <v>0.622</v>
      </c>
      <c r="F162" s="8">
        <v>-0.05</v>
      </c>
      <c r="G162" s="8">
        <v>0.63400000000000001</v>
      </c>
    </row>
    <row r="163" spans="1:7" x14ac:dyDescent="0.3">
      <c r="A163" s="6">
        <v>44414</v>
      </c>
      <c r="B163" s="8">
        <v>1.9470000000000001</v>
      </c>
      <c r="C163" s="8">
        <v>1.0083</v>
      </c>
      <c r="D163" s="8">
        <v>8.1000000000000003E-2</v>
      </c>
      <c r="E163" s="8">
        <v>0.65600000000000003</v>
      </c>
      <c r="F163" s="8">
        <v>-4.0000000000000001E-3</v>
      </c>
      <c r="G163" s="8">
        <v>0.63600000000000001</v>
      </c>
    </row>
    <row r="164" spans="1:7" x14ac:dyDescent="0.3">
      <c r="A164" s="6">
        <v>44417</v>
      </c>
      <c r="B164" s="8">
        <v>1.972</v>
      </c>
      <c r="C164" s="8">
        <v>0.95209999999999995</v>
      </c>
      <c r="D164" s="8">
        <v>7.2999999999999995E-2</v>
      </c>
      <c r="E164" s="8">
        <v>0.64600000000000002</v>
      </c>
      <c r="F164" s="8">
        <v>-1.2999999999999999E-2</v>
      </c>
      <c r="G164" s="8">
        <v>0.63600000000000001</v>
      </c>
    </row>
    <row r="165" spans="1:7" x14ac:dyDescent="0.3">
      <c r="A165" s="6">
        <v>44418</v>
      </c>
      <c r="B165" s="8">
        <v>2</v>
      </c>
      <c r="C165" s="8">
        <v>0.95279999999999998</v>
      </c>
      <c r="D165" s="8">
        <v>7.5999999999999998E-2</v>
      </c>
      <c r="E165" s="8">
        <v>0.63200000000000001</v>
      </c>
      <c r="F165" s="8">
        <v>-1.2E-2</v>
      </c>
      <c r="G165" s="8">
        <v>0.64300000000000002</v>
      </c>
    </row>
    <row r="166" spans="1:7" x14ac:dyDescent="0.3">
      <c r="A166" s="6">
        <v>44419</v>
      </c>
      <c r="B166" s="8">
        <v>2</v>
      </c>
      <c r="C166" s="8">
        <v>0.9446</v>
      </c>
      <c r="D166" s="8">
        <v>7.8E-2</v>
      </c>
      <c r="E166" s="8">
        <v>0.64600000000000002</v>
      </c>
      <c r="F166" s="8">
        <v>-1.0999999999999999E-2</v>
      </c>
      <c r="G166" s="8">
        <v>0.65300000000000002</v>
      </c>
    </row>
    <row r="167" spans="1:7" x14ac:dyDescent="0.3">
      <c r="A167" s="6">
        <v>44420</v>
      </c>
      <c r="B167" s="8">
        <v>2</v>
      </c>
      <c r="C167" s="8">
        <v>0.98619999999999997</v>
      </c>
      <c r="D167" s="8">
        <v>7.9000000000000001E-2</v>
      </c>
      <c r="E167" s="8">
        <v>0.64500000000000002</v>
      </c>
      <c r="F167" s="8">
        <v>-0.01</v>
      </c>
      <c r="G167" s="8">
        <v>0.64800000000000002</v>
      </c>
    </row>
    <row r="168" spans="1:7" x14ac:dyDescent="0.3">
      <c r="A168" s="6">
        <v>44421</v>
      </c>
      <c r="B168" s="8">
        <v>1.93</v>
      </c>
      <c r="C168" s="8">
        <v>0.9597</v>
      </c>
      <c r="D168" s="8">
        <v>6.6000000000000003E-2</v>
      </c>
      <c r="E168" s="8">
        <v>0.64200000000000002</v>
      </c>
      <c r="F168" s="8">
        <v>-2.5000000000000001E-2</v>
      </c>
      <c r="G168" s="8">
        <v>0.65</v>
      </c>
    </row>
    <row r="169" spans="1:7" x14ac:dyDescent="0.3">
      <c r="A169" s="6">
        <v>44424</v>
      </c>
      <c r="B169" s="8">
        <v>1.929</v>
      </c>
      <c r="C169" s="8">
        <v>0.96020000000000005</v>
      </c>
      <c r="D169" s="8">
        <v>7.0999999999999994E-2</v>
      </c>
      <c r="E169" s="8">
        <v>0.64900000000000002</v>
      </c>
      <c r="F169" s="8">
        <v>-2.3E-2</v>
      </c>
      <c r="G169" s="8">
        <v>0.64500000000000002</v>
      </c>
    </row>
    <row r="170" spans="1:7" x14ac:dyDescent="0.3">
      <c r="A170" s="6">
        <v>44425</v>
      </c>
      <c r="B170" s="8">
        <v>1.921</v>
      </c>
      <c r="C170" s="8">
        <v>0.94259999999999999</v>
      </c>
      <c r="D170" s="8">
        <v>7.4999999999999997E-2</v>
      </c>
      <c r="E170" s="8">
        <v>0.64900000000000002</v>
      </c>
      <c r="F170" s="8">
        <v>-2.3E-2</v>
      </c>
      <c r="G170" s="8">
        <v>0.64</v>
      </c>
    </row>
    <row r="171" spans="1:7" x14ac:dyDescent="0.3">
      <c r="A171" s="6">
        <v>44426</v>
      </c>
      <c r="B171" s="8">
        <v>1.8979999999999999</v>
      </c>
      <c r="C171" s="8">
        <v>0.96030000000000004</v>
      </c>
      <c r="D171" s="8">
        <v>6.7000000000000004E-2</v>
      </c>
      <c r="E171" s="8">
        <v>0.63800000000000001</v>
      </c>
      <c r="F171" s="8">
        <v>-3.5999999999999997E-2</v>
      </c>
      <c r="G171" s="8">
        <v>0.64300000000000002</v>
      </c>
    </row>
    <row r="172" spans="1:7" x14ac:dyDescent="0.3">
      <c r="A172" s="6">
        <v>44427</v>
      </c>
      <c r="B172" s="8">
        <v>1.873</v>
      </c>
      <c r="C172" s="8">
        <v>0.93979999999999997</v>
      </c>
      <c r="D172" s="8">
        <v>4.9000000000000002E-2</v>
      </c>
      <c r="E172" s="8">
        <v>0.62</v>
      </c>
      <c r="F172" s="8">
        <v>-5.2999999999999999E-2</v>
      </c>
      <c r="G172" s="8">
        <v>0.64100000000000001</v>
      </c>
    </row>
    <row r="173" spans="1:7" x14ac:dyDescent="0.3">
      <c r="A173" s="6">
        <v>44428</v>
      </c>
      <c r="B173" s="8">
        <v>1.871</v>
      </c>
      <c r="C173" s="8">
        <v>0.93830000000000002</v>
      </c>
      <c r="D173" s="8">
        <v>4.8000000000000001E-2</v>
      </c>
      <c r="E173" s="8">
        <v>0.61599999999999999</v>
      </c>
      <c r="F173" s="8">
        <v>-5.2999999999999999E-2</v>
      </c>
      <c r="G173" s="8">
        <v>0.64</v>
      </c>
    </row>
    <row r="174" spans="1:7" x14ac:dyDescent="0.3">
      <c r="A174" s="6">
        <v>44431</v>
      </c>
      <c r="B174" s="8">
        <v>1.8720000000000001</v>
      </c>
      <c r="C174" s="8">
        <v>0.94420000000000004</v>
      </c>
      <c r="D174" s="8">
        <v>6.0999999999999999E-2</v>
      </c>
      <c r="E174" s="8">
        <v>0.63200000000000001</v>
      </c>
      <c r="F174" s="8">
        <v>-3.3000000000000002E-2</v>
      </c>
      <c r="G174" s="8">
        <v>0.64600000000000002</v>
      </c>
    </row>
    <row r="175" spans="1:7" x14ac:dyDescent="0.3">
      <c r="A175" s="6">
        <v>44432</v>
      </c>
      <c r="B175" s="8">
        <v>1.9179999999999999</v>
      </c>
      <c r="C175" s="8">
        <v>0.94589999999999996</v>
      </c>
      <c r="D175" s="8">
        <v>5.6000000000000001E-2</v>
      </c>
      <c r="E175" s="8">
        <v>0.63400000000000001</v>
      </c>
      <c r="F175" s="8">
        <v>-3.1E-2</v>
      </c>
      <c r="G175" s="8">
        <v>0.64800000000000002</v>
      </c>
    </row>
    <row r="176" spans="1:7" x14ac:dyDescent="0.3">
      <c r="A176" s="6">
        <v>44433</v>
      </c>
      <c r="B176" s="8">
        <v>1.95</v>
      </c>
      <c r="C176" s="8">
        <v>1.0163</v>
      </c>
      <c r="D176" s="8">
        <v>0.11700000000000001</v>
      </c>
      <c r="E176" s="8">
        <v>0.71399999999999997</v>
      </c>
      <c r="F176" s="8">
        <v>4.2999999999999997E-2</v>
      </c>
      <c r="G176" s="8">
        <v>0.64900000000000002</v>
      </c>
    </row>
    <row r="177" spans="1:7" x14ac:dyDescent="0.3">
      <c r="A177" s="6">
        <v>44434</v>
      </c>
      <c r="B177" s="8">
        <v>1.948</v>
      </c>
      <c r="C177" s="8">
        <v>1.0223</v>
      </c>
      <c r="D177" s="8">
        <v>0.13700000000000001</v>
      </c>
      <c r="E177" s="8">
        <v>0.72899999999999998</v>
      </c>
      <c r="F177" s="8">
        <v>5.5E-2</v>
      </c>
      <c r="G177" s="8">
        <v>0.64</v>
      </c>
    </row>
    <row r="178" spans="1:7" x14ac:dyDescent="0.3">
      <c r="A178" s="6">
        <v>44435</v>
      </c>
      <c r="B178" s="8">
        <v>1.919</v>
      </c>
      <c r="C178" s="8">
        <v>0.99819999999999998</v>
      </c>
      <c r="D178" s="8">
        <v>0.128</v>
      </c>
      <c r="E178" s="8">
        <v>0.72099999999999997</v>
      </c>
      <c r="F178" s="8">
        <v>4.5999999999999999E-2</v>
      </c>
      <c r="G178" s="8">
        <v>0.64700000000000002</v>
      </c>
    </row>
    <row r="179" spans="1:7" x14ac:dyDescent="0.3">
      <c r="A179" s="6">
        <v>44438</v>
      </c>
      <c r="B179" s="8">
        <v>1.8979999999999999</v>
      </c>
      <c r="C179" s="8">
        <v>0.99819999999999998</v>
      </c>
      <c r="D179" s="8">
        <v>0.11</v>
      </c>
      <c r="E179" s="8">
        <v>0.70199999999999996</v>
      </c>
      <c r="F179" s="8">
        <v>2.9000000000000001E-2</v>
      </c>
      <c r="G179" s="8">
        <v>0.64500000000000002</v>
      </c>
    </row>
    <row r="180" spans="1:7" x14ac:dyDescent="0.3">
      <c r="A180" s="6">
        <v>44439</v>
      </c>
      <c r="B180" s="8">
        <v>1.9339999999999999</v>
      </c>
      <c r="C180" s="8">
        <v>1.0551999999999999</v>
      </c>
      <c r="D180" s="8">
        <v>0.16700000000000001</v>
      </c>
      <c r="E180" s="8">
        <v>0.76</v>
      </c>
      <c r="F180" s="8">
        <v>8.8999999999999996E-2</v>
      </c>
      <c r="G180" s="8">
        <v>0.64600000000000002</v>
      </c>
    </row>
    <row r="181" spans="1:7" x14ac:dyDescent="0.3">
      <c r="A181" s="6">
        <v>44440</v>
      </c>
      <c r="B181" s="8">
        <v>1.9139999999999999</v>
      </c>
      <c r="C181" s="8">
        <v>1.0334000000000001</v>
      </c>
      <c r="D181" s="8">
        <v>0.186</v>
      </c>
      <c r="E181" s="8">
        <v>0.77400000000000002</v>
      </c>
      <c r="F181" s="8">
        <v>0.115</v>
      </c>
      <c r="G181" s="8">
        <v>0.64500000000000002</v>
      </c>
    </row>
    <row r="182" spans="1:7" x14ac:dyDescent="0.3">
      <c r="A182" s="6">
        <v>44441</v>
      </c>
      <c r="B182" s="8">
        <v>1.8979999999999999</v>
      </c>
      <c r="C182" s="8">
        <v>1.0204</v>
      </c>
      <c r="D182" s="8">
        <v>0.186</v>
      </c>
      <c r="E182" s="8">
        <v>0.76900000000000002</v>
      </c>
      <c r="F182" s="8">
        <v>0.113</v>
      </c>
      <c r="G182" s="8">
        <v>0.64100000000000001</v>
      </c>
    </row>
    <row r="183" spans="1:7" x14ac:dyDescent="0.3">
      <c r="A183" s="6">
        <v>44442</v>
      </c>
      <c r="B183" s="8">
        <v>1.944</v>
      </c>
      <c r="C183" s="8">
        <v>1.0651999999999999</v>
      </c>
      <c r="D183" s="8">
        <v>0.215</v>
      </c>
      <c r="E183" s="8">
        <v>0.78800000000000003</v>
      </c>
      <c r="F183" s="8">
        <v>0.14099999999999999</v>
      </c>
      <c r="G183" s="8">
        <v>0.64600000000000002</v>
      </c>
    </row>
    <row r="184" spans="1:7" x14ac:dyDescent="0.3">
      <c r="A184" s="6">
        <v>44445</v>
      </c>
      <c r="B184" s="8">
        <v>1.944</v>
      </c>
      <c r="C184" s="8">
        <v>1.0391999999999999</v>
      </c>
      <c r="D184" s="8">
        <v>0.20699999999999999</v>
      </c>
      <c r="E184" s="8">
        <v>0.77600000000000002</v>
      </c>
      <c r="F184" s="8">
        <v>0.13200000000000001</v>
      </c>
      <c r="G184" s="8">
        <v>0.65700000000000003</v>
      </c>
    </row>
    <row r="185" spans="1:7" x14ac:dyDescent="0.3">
      <c r="A185" s="6">
        <v>44446</v>
      </c>
      <c r="B185" s="8">
        <v>1.988</v>
      </c>
      <c r="C185" s="8">
        <v>1.0743</v>
      </c>
      <c r="D185" s="8">
        <v>0.24399999999999999</v>
      </c>
      <c r="E185" s="8">
        <v>0.81699999999999995</v>
      </c>
      <c r="F185" s="8">
        <v>0.16700000000000001</v>
      </c>
      <c r="G185" s="8">
        <v>0.66</v>
      </c>
    </row>
    <row r="186" spans="1:7" x14ac:dyDescent="0.3">
      <c r="A186" s="6">
        <v>44447</v>
      </c>
      <c r="B186" s="8">
        <v>1.9570000000000001</v>
      </c>
      <c r="C186" s="8">
        <v>1.0781000000000001</v>
      </c>
      <c r="D186" s="8">
        <v>0.253</v>
      </c>
      <c r="E186" s="8">
        <v>0.80900000000000005</v>
      </c>
      <c r="F186" s="8">
        <v>0.16500000000000001</v>
      </c>
      <c r="G186" s="8">
        <v>0.66200000000000003</v>
      </c>
    </row>
    <row r="187" spans="1:7" x14ac:dyDescent="0.3">
      <c r="A187" s="6">
        <v>44448</v>
      </c>
      <c r="B187" s="8">
        <v>1.899</v>
      </c>
      <c r="C187" s="8">
        <v>1.0617000000000001</v>
      </c>
      <c r="D187" s="8">
        <v>0.21299999999999999</v>
      </c>
      <c r="E187" s="8">
        <v>0.75800000000000001</v>
      </c>
      <c r="F187" s="8">
        <v>0.126</v>
      </c>
      <c r="G187" s="8">
        <v>0.65500000000000003</v>
      </c>
    </row>
    <row r="188" spans="1:7" x14ac:dyDescent="0.3">
      <c r="A188" s="6">
        <v>44449</v>
      </c>
      <c r="B188" s="8">
        <v>1.9350000000000001</v>
      </c>
      <c r="C188" s="8">
        <v>1.0772999999999999</v>
      </c>
      <c r="D188" s="8">
        <v>0.24099999999999999</v>
      </c>
      <c r="E188" s="8">
        <v>0.78800000000000003</v>
      </c>
      <c r="F188" s="8">
        <v>0.156</v>
      </c>
      <c r="G188" s="8">
        <v>0.65600000000000003</v>
      </c>
    </row>
    <row r="189" spans="1:7" x14ac:dyDescent="0.3">
      <c r="A189" s="6">
        <v>44452</v>
      </c>
      <c r="B189" s="8">
        <v>1.905</v>
      </c>
      <c r="C189" s="8">
        <v>1.0547</v>
      </c>
      <c r="D189" s="8">
        <v>0.249</v>
      </c>
      <c r="E189" s="8">
        <v>0.79600000000000004</v>
      </c>
      <c r="F189" s="8">
        <v>0.16400000000000001</v>
      </c>
      <c r="G189" s="8">
        <v>0.64800000000000002</v>
      </c>
    </row>
    <row r="190" spans="1:7" x14ac:dyDescent="0.3">
      <c r="A190" s="6">
        <v>44453</v>
      </c>
      <c r="B190" s="8">
        <v>1.86</v>
      </c>
      <c r="C190" s="8">
        <v>1.0421</v>
      </c>
      <c r="D190" s="8">
        <v>0.23200000000000001</v>
      </c>
      <c r="E190" s="8">
        <v>0.77700000000000002</v>
      </c>
      <c r="F190" s="8">
        <v>0.15</v>
      </c>
      <c r="G190" s="8">
        <v>0.64700000000000002</v>
      </c>
    </row>
    <row r="191" spans="1:7" x14ac:dyDescent="0.3">
      <c r="A191" s="6">
        <v>44454</v>
      </c>
      <c r="B191" s="8">
        <v>1.86</v>
      </c>
      <c r="C191" s="8">
        <v>1.0759000000000001</v>
      </c>
      <c r="D191" s="8">
        <v>0.27</v>
      </c>
      <c r="E191" s="8">
        <v>0.81799999999999995</v>
      </c>
      <c r="F191" s="8">
        <v>0.19</v>
      </c>
      <c r="G191" s="8">
        <v>0.64400000000000002</v>
      </c>
    </row>
    <row r="192" spans="1:7" x14ac:dyDescent="0.3">
      <c r="A192" s="6">
        <v>44455</v>
      </c>
      <c r="B192" s="8">
        <v>1.885</v>
      </c>
      <c r="C192" s="8">
        <v>1.1171</v>
      </c>
      <c r="D192" s="8">
        <v>0.27400000000000002</v>
      </c>
      <c r="E192" s="8">
        <v>0.81899999999999995</v>
      </c>
      <c r="F192" s="8">
        <v>0.193</v>
      </c>
      <c r="G192" s="8">
        <v>0.64800000000000002</v>
      </c>
    </row>
    <row r="193" spans="1:7" x14ac:dyDescent="0.3">
      <c r="A193" s="6">
        <v>44456</v>
      </c>
      <c r="B193" s="8">
        <v>1.901</v>
      </c>
      <c r="C193" s="8">
        <v>1.1508</v>
      </c>
      <c r="D193" s="8">
        <v>0.29399999999999998</v>
      </c>
      <c r="E193" s="8">
        <v>0.84</v>
      </c>
      <c r="F193" s="8">
        <v>0.215</v>
      </c>
      <c r="G193" s="8">
        <v>0.65200000000000002</v>
      </c>
    </row>
    <row r="194" spans="1:7" x14ac:dyDescent="0.3">
      <c r="A194" s="6">
        <v>44459</v>
      </c>
      <c r="B194" s="8">
        <v>1.849</v>
      </c>
      <c r="C194" s="8">
        <v>1.1006</v>
      </c>
      <c r="D194" s="8">
        <v>0.252</v>
      </c>
      <c r="E194" s="8">
        <v>0.81200000000000006</v>
      </c>
      <c r="F194" s="8">
        <v>0.17100000000000001</v>
      </c>
      <c r="G194" s="8">
        <v>0.65200000000000002</v>
      </c>
    </row>
    <row r="195" spans="1:7" x14ac:dyDescent="0.3">
      <c r="A195" s="6">
        <v>44460</v>
      </c>
      <c r="B195" s="8">
        <v>1.857</v>
      </c>
      <c r="C195" s="8">
        <v>1.1184000000000001</v>
      </c>
      <c r="D195" s="8">
        <v>0.254</v>
      </c>
      <c r="E195" s="8">
        <v>0.80900000000000005</v>
      </c>
      <c r="F195" s="8">
        <v>0.17100000000000001</v>
      </c>
      <c r="G195" s="8">
        <v>0.65200000000000002</v>
      </c>
    </row>
    <row r="196" spans="1:7" x14ac:dyDescent="0.3">
      <c r="A196" s="6">
        <v>44461</v>
      </c>
      <c r="B196" s="8">
        <v>1.8089999999999999</v>
      </c>
      <c r="C196" s="8">
        <v>1.1173</v>
      </c>
      <c r="D196" s="8">
        <v>0.247</v>
      </c>
      <c r="E196" s="8">
        <v>0.8</v>
      </c>
      <c r="F196" s="8">
        <v>0.16300000000000001</v>
      </c>
      <c r="G196" s="8">
        <v>0.64700000000000002</v>
      </c>
    </row>
    <row r="197" spans="1:7" x14ac:dyDescent="0.3">
      <c r="A197" s="6">
        <v>44462</v>
      </c>
      <c r="B197" s="8">
        <v>1.9410000000000001</v>
      </c>
      <c r="C197" s="8">
        <v>1.2018</v>
      </c>
      <c r="D197" s="8">
        <v>0.30499999999999999</v>
      </c>
      <c r="E197" s="8">
        <v>0.85599999999999998</v>
      </c>
      <c r="F197" s="8">
        <v>0.222</v>
      </c>
      <c r="G197" s="8">
        <v>0.64700000000000002</v>
      </c>
    </row>
    <row r="198" spans="1:7" x14ac:dyDescent="0.3">
      <c r="A198" s="6">
        <v>44463</v>
      </c>
      <c r="B198" s="8">
        <v>1.9850000000000001</v>
      </c>
      <c r="C198" s="8">
        <v>1.2323999999999999</v>
      </c>
      <c r="D198" s="8">
        <v>0.33800000000000002</v>
      </c>
      <c r="E198" s="8">
        <v>0.89700000000000002</v>
      </c>
      <c r="F198" s="8">
        <v>0.25800000000000001</v>
      </c>
      <c r="G198" s="8">
        <v>0.67400000000000004</v>
      </c>
    </row>
    <row r="199" spans="1:7" x14ac:dyDescent="0.3">
      <c r="A199" s="6">
        <v>44466</v>
      </c>
      <c r="B199" s="8">
        <v>1.996</v>
      </c>
      <c r="C199" s="8">
        <v>1.2742</v>
      </c>
      <c r="D199" s="8">
        <v>0.32900000000000001</v>
      </c>
      <c r="E199" s="8">
        <v>0.89300000000000002</v>
      </c>
      <c r="F199" s="8">
        <v>0.248</v>
      </c>
      <c r="G199" s="8">
        <v>0.68500000000000005</v>
      </c>
    </row>
    <row r="200" spans="1:7" x14ac:dyDescent="0.3">
      <c r="A200" s="6">
        <v>44467</v>
      </c>
      <c r="B200" s="8">
        <v>2.0880000000000001</v>
      </c>
      <c r="C200" s="8">
        <v>1.3242</v>
      </c>
      <c r="D200" s="8">
        <v>0.34599999999999997</v>
      </c>
      <c r="E200" s="8">
        <v>0.90800000000000003</v>
      </c>
      <c r="F200" s="8">
        <v>0.26200000000000001</v>
      </c>
      <c r="G200" s="8">
        <v>0.69099999999999995</v>
      </c>
    </row>
    <row r="201" spans="1:7" x14ac:dyDescent="0.3">
      <c r="A201" s="6">
        <v>44468</v>
      </c>
      <c r="B201" s="8">
        <v>2.0619999999999998</v>
      </c>
      <c r="C201" s="8">
        <v>1.3331</v>
      </c>
      <c r="D201" s="8">
        <v>0.33400000000000002</v>
      </c>
      <c r="E201" s="8">
        <v>0.90100000000000002</v>
      </c>
      <c r="F201" s="8">
        <v>0.249</v>
      </c>
      <c r="G201" s="8">
        <v>0.67500000000000004</v>
      </c>
    </row>
    <row r="202" spans="1:7" x14ac:dyDescent="0.3">
      <c r="A202" s="6">
        <v>44469</v>
      </c>
      <c r="B202" s="8">
        <v>2.0459999999999998</v>
      </c>
      <c r="C202" s="8">
        <v>1.3726</v>
      </c>
      <c r="D202" s="8">
        <v>0.35399999999999998</v>
      </c>
      <c r="E202" s="8">
        <v>0.92800000000000005</v>
      </c>
      <c r="F202" s="8">
        <v>0.27400000000000002</v>
      </c>
      <c r="G202" s="8">
        <v>0.67</v>
      </c>
    </row>
    <row r="203" spans="1:7" x14ac:dyDescent="0.3">
      <c r="A203" s="6">
        <v>44470</v>
      </c>
      <c r="B203" s="8">
        <v>2.0299999999999998</v>
      </c>
      <c r="C203" s="8">
        <v>1.3653999999999999</v>
      </c>
      <c r="D203" s="8">
        <v>0.33400000000000002</v>
      </c>
      <c r="E203" s="8">
        <v>0.90300000000000002</v>
      </c>
      <c r="F203" s="8">
        <v>0.254</v>
      </c>
      <c r="G203" s="8">
        <v>0.65600000000000003</v>
      </c>
    </row>
    <row r="204" spans="1:7" x14ac:dyDescent="0.3">
      <c r="A204" s="6">
        <v>44473</v>
      </c>
      <c r="B204" s="8">
        <v>2.0459999999999998</v>
      </c>
      <c r="C204" s="8">
        <v>1.3774999999999999</v>
      </c>
      <c r="D204" s="8">
        <v>0.34599999999999997</v>
      </c>
      <c r="E204" s="8">
        <v>0.92400000000000004</v>
      </c>
      <c r="F204" s="8">
        <v>0.26600000000000001</v>
      </c>
      <c r="G204" s="8">
        <v>0.66400000000000003</v>
      </c>
    </row>
    <row r="205" spans="1:7" x14ac:dyDescent="0.3">
      <c r="A205" s="6">
        <v>44474</v>
      </c>
      <c r="B205" s="8">
        <v>2.097</v>
      </c>
      <c r="C205" s="8">
        <v>1.4470000000000001</v>
      </c>
      <c r="D205" s="8">
        <v>0.372</v>
      </c>
      <c r="E205" s="8">
        <v>0.94399999999999995</v>
      </c>
      <c r="F205" s="8">
        <v>0.28999999999999998</v>
      </c>
      <c r="G205" s="8">
        <v>0.67100000000000004</v>
      </c>
    </row>
    <row r="206" spans="1:7" x14ac:dyDescent="0.3">
      <c r="A206" s="6">
        <v>44475</v>
      </c>
      <c r="B206" s="8">
        <v>2.08</v>
      </c>
      <c r="C206" s="8">
        <v>1.4261999999999999</v>
      </c>
      <c r="D206" s="8">
        <v>0.39400000000000002</v>
      </c>
      <c r="E206" s="8">
        <v>0.95099999999999996</v>
      </c>
      <c r="F206" s="8">
        <v>0.29899999999999999</v>
      </c>
      <c r="G206" s="8">
        <v>0.68100000000000005</v>
      </c>
    </row>
    <row r="207" spans="1:7" x14ac:dyDescent="0.3">
      <c r="A207" s="6">
        <v>44476</v>
      </c>
      <c r="B207" s="8">
        <v>2.1269999999999998</v>
      </c>
      <c r="C207" s="8">
        <v>1.4281999999999999</v>
      </c>
      <c r="D207" s="8">
        <v>0.39300000000000002</v>
      </c>
      <c r="E207" s="8">
        <v>0.94499999999999995</v>
      </c>
      <c r="F207" s="8">
        <v>0.3</v>
      </c>
      <c r="G207" s="8">
        <v>0.67300000000000004</v>
      </c>
    </row>
    <row r="208" spans="1:7" x14ac:dyDescent="0.3">
      <c r="A208" s="6">
        <v>44477</v>
      </c>
      <c r="B208" s="8">
        <v>2.1659999999999999</v>
      </c>
      <c r="C208" s="8">
        <v>1.4983</v>
      </c>
      <c r="D208" s="8">
        <v>0.42399999999999999</v>
      </c>
      <c r="E208" s="8">
        <v>0.96099999999999997</v>
      </c>
      <c r="F208" s="8">
        <v>0.32800000000000001</v>
      </c>
      <c r="G208" s="8">
        <v>0.69199999999999995</v>
      </c>
    </row>
    <row r="209" spans="1:7" x14ac:dyDescent="0.3">
      <c r="A209" s="6">
        <v>44480</v>
      </c>
      <c r="B209" s="8">
        <v>2.1659999999999999</v>
      </c>
      <c r="C209" s="8">
        <v>1.5177</v>
      </c>
      <c r="D209" s="8">
        <v>0.45200000000000001</v>
      </c>
      <c r="E209" s="8">
        <v>0.97799999999999998</v>
      </c>
      <c r="F209" s="8">
        <v>0.35499999999999998</v>
      </c>
      <c r="G209" s="8">
        <v>0.69199999999999995</v>
      </c>
    </row>
    <row r="210" spans="1:7" x14ac:dyDescent="0.3">
      <c r="A210" s="6">
        <v>44481</v>
      </c>
      <c r="B210" s="8">
        <v>2.097</v>
      </c>
      <c r="C210" s="8">
        <v>1.4459</v>
      </c>
      <c r="D210" s="8">
        <v>0.46700000000000003</v>
      </c>
      <c r="E210" s="8">
        <v>0.996</v>
      </c>
      <c r="F210" s="8">
        <v>0.375</v>
      </c>
      <c r="G210" s="8">
        <v>0.69</v>
      </c>
    </row>
    <row r="211" spans="1:7" x14ac:dyDescent="0.3">
      <c r="A211" s="6">
        <v>44482</v>
      </c>
      <c r="B211" s="8">
        <v>2.0299999999999998</v>
      </c>
      <c r="C211" s="8">
        <v>1.3409</v>
      </c>
      <c r="D211" s="8">
        <v>0.39300000000000002</v>
      </c>
      <c r="E211" s="8">
        <v>0.92900000000000005</v>
      </c>
      <c r="F211" s="8">
        <v>0.29599999999999999</v>
      </c>
      <c r="G211" s="8">
        <v>0.69299999999999995</v>
      </c>
    </row>
    <row r="212" spans="1:7" x14ac:dyDescent="0.3">
      <c r="A212" s="6">
        <v>44483</v>
      </c>
      <c r="B212" s="8">
        <v>2.016</v>
      </c>
      <c r="C212" s="8">
        <v>1.2876000000000001</v>
      </c>
      <c r="D212" s="8">
        <v>0.33400000000000002</v>
      </c>
      <c r="E212" s="8">
        <v>0.86899999999999999</v>
      </c>
      <c r="F212" s="8">
        <v>0.23499999999999999</v>
      </c>
      <c r="G212" s="8">
        <v>0.68</v>
      </c>
    </row>
    <row r="213" spans="1:7" x14ac:dyDescent="0.3">
      <c r="A213" s="6">
        <v>44484</v>
      </c>
      <c r="B213" s="8">
        <v>2.0430000000000001</v>
      </c>
      <c r="C213" s="8">
        <v>1.3756999999999999</v>
      </c>
      <c r="D213" s="8">
        <v>0.35</v>
      </c>
      <c r="E213" s="8">
        <v>0.89400000000000002</v>
      </c>
      <c r="F213" s="8">
        <v>0.27800000000000002</v>
      </c>
      <c r="G213" s="8">
        <v>0.68700000000000006</v>
      </c>
    </row>
    <row r="214" spans="1:7" x14ac:dyDescent="0.3">
      <c r="A214" s="6">
        <v>44487</v>
      </c>
      <c r="B214" s="8">
        <v>2.0350000000000001</v>
      </c>
      <c r="C214" s="8">
        <v>1.3705000000000001</v>
      </c>
      <c r="D214" s="8">
        <v>0.307</v>
      </c>
      <c r="E214" s="8">
        <v>0.86899999999999999</v>
      </c>
      <c r="F214" s="8">
        <v>0.23400000000000001</v>
      </c>
      <c r="G214" s="8">
        <v>0.69799999999999995</v>
      </c>
    </row>
    <row r="215" spans="1:7" x14ac:dyDescent="0.3">
      <c r="A215" s="6">
        <v>44488</v>
      </c>
      <c r="B215" s="8">
        <v>2.0859999999999999</v>
      </c>
      <c r="C215" s="8">
        <v>1.3694</v>
      </c>
      <c r="D215" s="8">
        <v>0.37</v>
      </c>
      <c r="E215" s="8">
        <v>0.92200000000000004</v>
      </c>
      <c r="F215" s="8">
        <v>0.29299999999999998</v>
      </c>
      <c r="G215" s="8">
        <v>0.69599999999999995</v>
      </c>
    </row>
    <row r="216" spans="1:7" x14ac:dyDescent="0.3">
      <c r="A216" s="6">
        <v>44489</v>
      </c>
      <c r="B216" s="8">
        <v>2.1349999999999998</v>
      </c>
      <c r="C216" s="8">
        <v>1.3832</v>
      </c>
      <c r="D216" s="8">
        <v>0.36</v>
      </c>
      <c r="E216" s="8">
        <v>0.91100000000000003</v>
      </c>
      <c r="F216" s="8">
        <v>0.28899999999999998</v>
      </c>
      <c r="G216" s="8">
        <v>0.69699999999999995</v>
      </c>
    </row>
    <row r="217" spans="1:7" x14ac:dyDescent="0.3">
      <c r="A217" s="6">
        <v>44490</v>
      </c>
      <c r="B217" s="8">
        <v>2.149</v>
      </c>
      <c r="C217" s="8">
        <v>1.4398</v>
      </c>
      <c r="D217" s="8">
        <v>0.34399999999999997</v>
      </c>
      <c r="E217" s="8">
        <v>0.9</v>
      </c>
      <c r="F217" s="8">
        <v>0.26900000000000002</v>
      </c>
      <c r="G217" s="8">
        <v>0.69399999999999995</v>
      </c>
    </row>
    <row r="218" spans="1:7" x14ac:dyDescent="0.3">
      <c r="A218" s="6">
        <v>44491</v>
      </c>
      <c r="B218" s="8">
        <v>2.0699999999999998</v>
      </c>
      <c r="C218" s="8">
        <v>1.3586</v>
      </c>
      <c r="D218" s="8">
        <v>0.315</v>
      </c>
      <c r="E218" s="8">
        <v>0.88200000000000001</v>
      </c>
      <c r="F218" s="8">
        <v>0.23599999999999999</v>
      </c>
      <c r="G218" s="8">
        <v>0.70599999999999996</v>
      </c>
    </row>
    <row r="219" spans="1:7" x14ac:dyDescent="0.3">
      <c r="A219" s="6">
        <v>44494</v>
      </c>
      <c r="B219" s="8">
        <v>2.0830000000000002</v>
      </c>
      <c r="C219" s="8">
        <v>1.3564000000000001</v>
      </c>
      <c r="D219" s="8">
        <v>0.34499999999999997</v>
      </c>
      <c r="E219" s="8">
        <v>0.89800000000000002</v>
      </c>
      <c r="F219" s="8">
        <v>0.26600000000000001</v>
      </c>
      <c r="G219" s="8">
        <v>0.70699999999999996</v>
      </c>
    </row>
    <row r="220" spans="1:7" x14ac:dyDescent="0.3">
      <c r="A220" s="6">
        <v>44495</v>
      </c>
      <c r="B220" s="8">
        <v>2.0419999999999998</v>
      </c>
      <c r="C220" s="8">
        <v>1.3142</v>
      </c>
      <c r="D220" s="8">
        <v>0.32400000000000001</v>
      </c>
      <c r="E220" s="8">
        <v>0.89200000000000002</v>
      </c>
      <c r="F220" s="8">
        <v>0.24099999999999999</v>
      </c>
      <c r="G220" s="8">
        <v>0.69799999999999995</v>
      </c>
    </row>
    <row r="221" spans="1:7" x14ac:dyDescent="0.3">
      <c r="A221" s="6">
        <v>44496</v>
      </c>
      <c r="B221" s="8">
        <v>1.952</v>
      </c>
      <c r="C221" s="8">
        <v>1.1322000000000001</v>
      </c>
      <c r="D221" s="8">
        <v>0.24199999999999999</v>
      </c>
      <c r="E221" s="8">
        <v>0.81</v>
      </c>
      <c r="F221" s="8">
        <v>0.151</v>
      </c>
      <c r="G221" s="8">
        <v>0.69399999999999995</v>
      </c>
    </row>
    <row r="222" spans="1:7" x14ac:dyDescent="0.3">
      <c r="A222" s="6">
        <v>44497</v>
      </c>
      <c r="B222" s="8">
        <v>1.9830000000000001</v>
      </c>
      <c r="C222" s="8">
        <v>1.109</v>
      </c>
      <c r="D222" s="8">
        <v>0.26500000000000001</v>
      </c>
      <c r="E222" s="8">
        <v>0.83199999999999996</v>
      </c>
      <c r="F222" s="8">
        <v>0.16500000000000001</v>
      </c>
      <c r="G222" s="8">
        <v>0.68400000000000005</v>
      </c>
    </row>
    <row r="223" spans="1:7" x14ac:dyDescent="0.3">
      <c r="A223" s="6">
        <v>44498</v>
      </c>
      <c r="B223" s="8">
        <v>1.9339999999999999</v>
      </c>
      <c r="C223" s="8">
        <v>1.1107</v>
      </c>
      <c r="D223" s="8">
        <v>0.249</v>
      </c>
      <c r="E223" s="8">
        <v>0.83699999999999997</v>
      </c>
      <c r="F223" s="8">
        <v>0.13500000000000001</v>
      </c>
      <c r="G223" s="8">
        <v>0.66500000000000004</v>
      </c>
    </row>
    <row r="224" spans="1:7" x14ac:dyDescent="0.3">
      <c r="A224" s="6">
        <v>44501</v>
      </c>
      <c r="B224" s="8">
        <v>1.9590000000000001</v>
      </c>
      <c r="C224" s="8">
        <v>1.1397999999999999</v>
      </c>
      <c r="D224" s="8">
        <v>0.27200000000000002</v>
      </c>
      <c r="E224" s="8">
        <v>0.84199999999999997</v>
      </c>
      <c r="F224" s="8">
        <v>0.16600000000000001</v>
      </c>
      <c r="G224" s="8">
        <v>0.67500000000000004</v>
      </c>
    </row>
    <row r="225" spans="1:7" x14ac:dyDescent="0.3">
      <c r="A225" s="6">
        <v>44502</v>
      </c>
      <c r="B225" s="8">
        <v>1.96</v>
      </c>
      <c r="C225" s="8">
        <v>1.1694</v>
      </c>
      <c r="D225" s="8">
        <v>0.26300000000000001</v>
      </c>
      <c r="E225" s="8">
        <v>0.83</v>
      </c>
      <c r="F225" s="8">
        <v>0.17199999999999999</v>
      </c>
      <c r="G225" s="8">
        <v>0.68200000000000005</v>
      </c>
    </row>
    <row r="226" spans="1:7" x14ac:dyDescent="0.3">
      <c r="A226" s="6">
        <v>44503</v>
      </c>
      <c r="B226" s="8">
        <v>2.0219999999999998</v>
      </c>
      <c r="C226" s="8">
        <v>1.1963999999999999</v>
      </c>
      <c r="D226" s="8">
        <v>0.23599999999999999</v>
      </c>
      <c r="E226" s="8">
        <v>0.80300000000000005</v>
      </c>
      <c r="F226" s="8">
        <v>0.14299999999999999</v>
      </c>
      <c r="G226" s="8">
        <v>0.68200000000000005</v>
      </c>
    </row>
    <row r="227" spans="1:7" x14ac:dyDescent="0.3">
      <c r="A227" s="6">
        <v>44504</v>
      </c>
      <c r="B227" s="8">
        <v>1.964</v>
      </c>
      <c r="C227" s="8">
        <v>1.1408</v>
      </c>
      <c r="D227" s="8">
        <v>0.24399999999999999</v>
      </c>
      <c r="E227" s="8">
        <v>0.80500000000000005</v>
      </c>
      <c r="F227" s="8">
        <v>0.155</v>
      </c>
      <c r="G227" s="8">
        <v>0.67700000000000005</v>
      </c>
    </row>
    <row r="228" spans="1:7" x14ac:dyDescent="0.3">
      <c r="A228" s="6">
        <v>44505</v>
      </c>
      <c r="B228" s="8">
        <v>1.8879999999999999</v>
      </c>
      <c r="C228" s="8">
        <v>1.014</v>
      </c>
      <c r="D228" s="8">
        <v>0.16300000000000001</v>
      </c>
      <c r="E228" s="8">
        <v>0.72499999999999998</v>
      </c>
      <c r="F228" s="8">
        <v>6.3E-2</v>
      </c>
      <c r="G228" s="8">
        <v>0.67100000000000004</v>
      </c>
    </row>
    <row r="229" spans="1:7" x14ac:dyDescent="0.3">
      <c r="A229" s="6">
        <v>44508</v>
      </c>
      <c r="B229" s="8">
        <v>1.883</v>
      </c>
      <c r="C229" s="8">
        <v>1.0019</v>
      </c>
      <c r="D229" s="8">
        <v>0.214</v>
      </c>
      <c r="E229" s="8">
        <v>0.78200000000000003</v>
      </c>
      <c r="F229" s="8">
        <v>0.112</v>
      </c>
      <c r="G229" s="8">
        <v>0.67600000000000005</v>
      </c>
    </row>
    <row r="230" spans="1:7" x14ac:dyDescent="0.3">
      <c r="A230" s="6">
        <v>44509</v>
      </c>
      <c r="B230" s="8">
        <v>1.819</v>
      </c>
      <c r="C230" s="8">
        <v>0.92500000000000004</v>
      </c>
      <c r="D230" s="8">
        <v>0.105</v>
      </c>
      <c r="E230" s="8">
        <v>0.69699999999999995</v>
      </c>
      <c r="F230" s="8">
        <v>3.0000000000000001E-3</v>
      </c>
      <c r="G230" s="8">
        <v>0.67900000000000005</v>
      </c>
    </row>
    <row r="231" spans="1:7" x14ac:dyDescent="0.3">
      <c r="A231" s="6">
        <v>44510</v>
      </c>
      <c r="B231" s="8">
        <v>1.905</v>
      </c>
      <c r="C231" s="8">
        <v>1.0505</v>
      </c>
      <c r="D231" s="8">
        <v>0.17100000000000001</v>
      </c>
      <c r="E231" s="8">
        <v>0.76500000000000001</v>
      </c>
      <c r="F231" s="8">
        <v>5.5E-2</v>
      </c>
      <c r="G231" s="8">
        <v>0.66800000000000004</v>
      </c>
    </row>
    <row r="232" spans="1:7" x14ac:dyDescent="0.3">
      <c r="A232" s="6">
        <v>44511</v>
      </c>
      <c r="B232" s="8">
        <v>1.9019999999999999</v>
      </c>
      <c r="C232" s="8">
        <v>1.0577000000000001</v>
      </c>
      <c r="D232" s="8">
        <v>0.17799999999999999</v>
      </c>
      <c r="E232" s="8">
        <v>0.77600000000000002</v>
      </c>
      <c r="F232" s="8">
        <v>7.0000000000000007E-2</v>
      </c>
      <c r="G232" s="8">
        <v>0.67400000000000004</v>
      </c>
    </row>
    <row r="233" spans="1:7" x14ac:dyDescent="0.3">
      <c r="A233" s="6">
        <v>44512</v>
      </c>
      <c r="B233" s="8">
        <v>1.9330000000000001</v>
      </c>
      <c r="C233" s="8">
        <v>1.069</v>
      </c>
      <c r="D233" s="8">
        <v>0.16400000000000001</v>
      </c>
      <c r="E233" s="8">
        <v>0.76300000000000001</v>
      </c>
      <c r="F233" s="8">
        <v>5.6000000000000001E-2</v>
      </c>
      <c r="G233" s="8">
        <v>0.67800000000000005</v>
      </c>
    </row>
    <row r="234" spans="1:7" x14ac:dyDescent="0.3">
      <c r="A234" s="6">
        <v>44515</v>
      </c>
      <c r="B234" s="8">
        <v>1.9970000000000001</v>
      </c>
      <c r="C234" s="8">
        <v>1.1133</v>
      </c>
      <c r="D234" s="8">
        <v>0.187</v>
      </c>
      <c r="E234" s="8">
        <v>0.79400000000000004</v>
      </c>
      <c r="F234" s="8">
        <v>8.1000000000000003E-2</v>
      </c>
      <c r="G234" s="8">
        <v>0.67300000000000004</v>
      </c>
    </row>
    <row r="235" spans="1:7" x14ac:dyDescent="0.3">
      <c r="A235" s="6">
        <v>44516</v>
      </c>
      <c r="B235" s="8">
        <v>2.0299999999999998</v>
      </c>
      <c r="C235" s="8">
        <v>1.1294</v>
      </c>
      <c r="D235" s="8">
        <v>0.20599999999999999</v>
      </c>
      <c r="E235" s="8">
        <v>0.80200000000000005</v>
      </c>
      <c r="F235" s="8">
        <v>8.8999999999999996E-2</v>
      </c>
      <c r="G235" s="8">
        <v>0.67400000000000004</v>
      </c>
    </row>
    <row r="236" spans="1:7" x14ac:dyDescent="0.3">
      <c r="A236" s="6">
        <v>44517</v>
      </c>
      <c r="B236" s="8">
        <v>1.9770000000000001</v>
      </c>
      <c r="C236" s="8">
        <v>1.1224000000000001</v>
      </c>
      <c r="D236" s="8">
        <v>0.21299999999999999</v>
      </c>
      <c r="E236" s="8">
        <v>0.81100000000000005</v>
      </c>
      <c r="F236" s="8">
        <v>8.3000000000000004E-2</v>
      </c>
      <c r="G236" s="8">
        <v>0.68100000000000005</v>
      </c>
    </row>
    <row r="237" spans="1:7" x14ac:dyDescent="0.3">
      <c r="A237" s="6">
        <v>44518</v>
      </c>
      <c r="B237" s="8">
        <v>1.97</v>
      </c>
      <c r="C237" s="8">
        <v>1.0819000000000001</v>
      </c>
      <c r="D237" s="8">
        <v>0.16900000000000001</v>
      </c>
      <c r="E237" s="8">
        <v>0.76100000000000001</v>
      </c>
      <c r="F237" s="8">
        <v>3.2000000000000001E-2</v>
      </c>
      <c r="G237" s="8">
        <v>0.68</v>
      </c>
    </row>
    <row r="238" spans="1:7" x14ac:dyDescent="0.3">
      <c r="A238" s="6">
        <v>44519</v>
      </c>
      <c r="B238" s="8">
        <v>1.9119999999999999</v>
      </c>
      <c r="C238" s="8">
        <v>1.0213000000000001</v>
      </c>
      <c r="D238" s="8">
        <v>0.13100000000000001</v>
      </c>
      <c r="E238" s="8">
        <v>0.71899999999999997</v>
      </c>
      <c r="F238" s="8">
        <v>-1.2999999999999999E-2</v>
      </c>
      <c r="G238" s="8">
        <v>0.67900000000000005</v>
      </c>
    </row>
    <row r="239" spans="1:7" x14ac:dyDescent="0.3">
      <c r="A239" s="6">
        <v>44522</v>
      </c>
      <c r="B239" s="8">
        <v>1.9630000000000001</v>
      </c>
      <c r="C239" s="8">
        <v>1.0678000000000001</v>
      </c>
      <c r="D239" s="8">
        <v>0.16800000000000001</v>
      </c>
      <c r="E239" s="8">
        <v>0.77500000000000002</v>
      </c>
      <c r="F239" s="8">
        <v>2.4E-2</v>
      </c>
      <c r="G239" s="8">
        <v>0.67800000000000005</v>
      </c>
    </row>
    <row r="240" spans="1:7" x14ac:dyDescent="0.3">
      <c r="A240" s="6">
        <v>44523</v>
      </c>
      <c r="B240" s="8">
        <v>2.0249999999999999</v>
      </c>
      <c r="C240" s="8">
        <v>1.0806</v>
      </c>
      <c r="D240" s="8">
        <v>0.254</v>
      </c>
      <c r="E240" s="8">
        <v>0.85599999999999998</v>
      </c>
      <c r="F240" s="8">
        <v>0.10199999999999999</v>
      </c>
      <c r="G240" s="8">
        <v>0.67800000000000005</v>
      </c>
    </row>
    <row r="241" spans="1:7" x14ac:dyDescent="0.3">
      <c r="A241" s="6">
        <v>44524</v>
      </c>
      <c r="B241" s="8">
        <v>1.9610000000000001</v>
      </c>
      <c r="C241" s="8">
        <v>1.0746</v>
      </c>
      <c r="D241" s="8">
        <v>0.26</v>
      </c>
      <c r="E241" s="8">
        <v>0.86599999999999999</v>
      </c>
      <c r="F241" s="8">
        <v>0.113</v>
      </c>
      <c r="G241" s="8">
        <v>0.68700000000000006</v>
      </c>
    </row>
    <row r="242" spans="1:7" x14ac:dyDescent="0.3">
      <c r="A242" s="6">
        <v>44525</v>
      </c>
      <c r="B242" s="8">
        <v>1.9610000000000001</v>
      </c>
      <c r="C242" s="8">
        <v>1.0491999999999999</v>
      </c>
      <c r="D242" s="8">
        <v>0.23300000000000001</v>
      </c>
      <c r="E242" s="8">
        <v>0.82599999999999996</v>
      </c>
      <c r="F242" s="8">
        <v>8.8999999999999996E-2</v>
      </c>
      <c r="G242" s="8">
        <v>0.68799999999999994</v>
      </c>
    </row>
    <row r="243" spans="1:7" x14ac:dyDescent="0.3">
      <c r="A243" s="6">
        <v>44526</v>
      </c>
      <c r="B243" s="8">
        <v>1.825</v>
      </c>
      <c r="C243" s="8">
        <v>0.92449999999999999</v>
      </c>
      <c r="D243" s="8">
        <v>0.16200000000000001</v>
      </c>
      <c r="E243" s="8">
        <v>0.76600000000000001</v>
      </c>
      <c r="F243" s="8">
        <v>1.4999999999999999E-2</v>
      </c>
      <c r="G243" s="8">
        <v>0.67300000000000004</v>
      </c>
    </row>
    <row r="244" spans="1:7" x14ac:dyDescent="0.3">
      <c r="A244" s="6">
        <v>44529</v>
      </c>
      <c r="B244" s="8">
        <v>1.8560000000000001</v>
      </c>
      <c r="C244" s="8">
        <v>0.94389999999999996</v>
      </c>
      <c r="D244" s="8">
        <v>0.155</v>
      </c>
      <c r="E244" s="8">
        <v>0.752</v>
      </c>
      <c r="F244" s="8">
        <v>1.6E-2</v>
      </c>
      <c r="G244" s="8">
        <v>0.67900000000000005</v>
      </c>
    </row>
    <row r="245" spans="1:7" x14ac:dyDescent="0.3">
      <c r="A245" s="6">
        <v>44530</v>
      </c>
      <c r="B245" s="8">
        <v>1.7929999999999999</v>
      </c>
      <c r="C245" s="8">
        <v>0.84989999999999999</v>
      </c>
      <c r="D245" s="8">
        <v>7.5999999999999998E-2</v>
      </c>
      <c r="E245" s="8">
        <v>0.67400000000000004</v>
      </c>
      <c r="F245" s="8">
        <v>-6.2E-2</v>
      </c>
      <c r="G245" s="8">
        <v>0.66100000000000003</v>
      </c>
    </row>
    <row r="246" spans="1:7" x14ac:dyDescent="0.3">
      <c r="A246" s="6">
        <v>44531</v>
      </c>
      <c r="B246" s="8">
        <v>1.7410000000000001</v>
      </c>
      <c r="C246" s="8">
        <v>0.88529999999999998</v>
      </c>
      <c r="D246" s="8">
        <v>8.3000000000000004E-2</v>
      </c>
      <c r="E246" s="8">
        <v>0.67900000000000005</v>
      </c>
      <c r="F246" s="8">
        <v>-5.2999999999999999E-2</v>
      </c>
      <c r="G246" s="8">
        <v>0.67100000000000004</v>
      </c>
    </row>
    <row r="247" spans="1:7" x14ac:dyDescent="0.3">
      <c r="A247" s="6">
        <v>44532</v>
      </c>
      <c r="B247" s="8">
        <v>1.764</v>
      </c>
      <c r="C247" s="8">
        <v>0.89790000000000003</v>
      </c>
      <c r="D247" s="8">
        <v>6.6000000000000003E-2</v>
      </c>
      <c r="E247" s="8">
        <v>0.65900000000000003</v>
      </c>
      <c r="F247" s="8">
        <v>-6.9000000000000006E-2</v>
      </c>
      <c r="G247" s="8">
        <v>0.67300000000000004</v>
      </c>
    </row>
    <row r="248" spans="1:7" x14ac:dyDescent="0.3">
      <c r="A248" s="6">
        <v>44533</v>
      </c>
      <c r="B248" s="8">
        <v>1.675</v>
      </c>
      <c r="C248" s="8">
        <v>0.83830000000000005</v>
      </c>
      <c r="D248" s="8">
        <v>3.2000000000000001E-2</v>
      </c>
      <c r="E248" s="8">
        <v>0.63400000000000001</v>
      </c>
      <c r="F248" s="8">
        <v>-0.10100000000000001</v>
      </c>
      <c r="G248" s="8">
        <v>0.66300000000000003</v>
      </c>
    </row>
    <row r="249" spans="1:7" x14ac:dyDescent="0.3">
      <c r="A249" s="6">
        <v>44536</v>
      </c>
      <c r="B249" s="8">
        <v>1.7709999999999999</v>
      </c>
      <c r="C249" s="8">
        <v>0.82150000000000001</v>
      </c>
      <c r="D249" s="8">
        <v>3.6999999999999998E-2</v>
      </c>
      <c r="E249" s="8">
        <v>0.63800000000000001</v>
      </c>
      <c r="F249" s="8">
        <v>-9.2999999999999999E-2</v>
      </c>
      <c r="G249" s="8">
        <v>0.66100000000000003</v>
      </c>
    </row>
    <row r="250" spans="1:7" x14ac:dyDescent="0.3">
      <c r="A250" s="6">
        <v>44537</v>
      </c>
      <c r="B250" s="8">
        <v>1.8029999999999999</v>
      </c>
      <c r="C250" s="8">
        <v>0.80079999999999996</v>
      </c>
      <c r="D250" s="8">
        <v>3.2000000000000001E-2</v>
      </c>
      <c r="E250" s="8">
        <v>0.63300000000000001</v>
      </c>
      <c r="F250" s="8">
        <v>-9.7000000000000003E-2</v>
      </c>
      <c r="G250" s="8">
        <v>0.67200000000000004</v>
      </c>
    </row>
    <row r="251" spans="1:7" x14ac:dyDescent="0.3">
      <c r="A251" s="6">
        <v>44538</v>
      </c>
      <c r="B251" s="8">
        <v>1.8939999999999999</v>
      </c>
      <c r="C251" s="8">
        <v>0.83450000000000002</v>
      </c>
      <c r="D251" s="8">
        <v>0.10299999999999999</v>
      </c>
      <c r="E251" s="8">
        <v>0.70199999999999996</v>
      </c>
      <c r="F251" s="8">
        <v>-1.9E-2</v>
      </c>
      <c r="G251" s="8">
        <v>0.66900000000000004</v>
      </c>
    </row>
    <row r="252" spans="1:7" x14ac:dyDescent="0.3">
      <c r="A252" s="6">
        <v>44539</v>
      </c>
      <c r="B252" s="8">
        <v>1.877</v>
      </c>
      <c r="C252" s="8">
        <v>0.85819999999999996</v>
      </c>
      <c r="D252" s="8">
        <v>7.1999999999999995E-2</v>
      </c>
      <c r="E252" s="8">
        <v>0.66500000000000004</v>
      </c>
      <c r="F252" s="8">
        <v>-4.9000000000000002E-2</v>
      </c>
      <c r="G252" s="8">
        <v>0.67500000000000004</v>
      </c>
    </row>
    <row r="253" spans="1:7" x14ac:dyDescent="0.3">
      <c r="A253" s="6">
        <v>44540</v>
      </c>
      <c r="B253" s="8">
        <v>1.88</v>
      </c>
      <c r="C253" s="8">
        <v>0.85770000000000002</v>
      </c>
      <c r="D253" s="8">
        <v>8.1000000000000003E-2</v>
      </c>
      <c r="E253" s="8">
        <v>0.66</v>
      </c>
      <c r="F253" s="8">
        <v>-3.9E-2</v>
      </c>
      <c r="G253" s="8">
        <v>0.66700000000000004</v>
      </c>
    </row>
    <row r="254" spans="1:7" x14ac:dyDescent="0.3">
      <c r="A254" s="6">
        <v>44543</v>
      </c>
      <c r="B254" s="8">
        <v>1.8009999999999999</v>
      </c>
      <c r="C254" s="8">
        <v>0.83189999999999997</v>
      </c>
      <c r="D254" s="8">
        <v>0.04</v>
      </c>
      <c r="E254" s="8">
        <v>0.61599999999999999</v>
      </c>
      <c r="F254" s="8">
        <v>-0.08</v>
      </c>
      <c r="G254" s="8">
        <v>0.66300000000000003</v>
      </c>
    </row>
    <row r="255" spans="1:7" x14ac:dyDescent="0.3">
      <c r="A255" s="6">
        <v>44544</v>
      </c>
      <c r="B255" s="8">
        <v>1.829</v>
      </c>
      <c r="C255" s="8">
        <v>0.87050000000000005</v>
      </c>
      <c r="D255" s="8">
        <v>4.9000000000000002E-2</v>
      </c>
      <c r="E255" s="8">
        <v>0.629</v>
      </c>
      <c r="F255" s="8">
        <v>-6.8000000000000005E-2</v>
      </c>
      <c r="G255" s="8">
        <v>0.66200000000000003</v>
      </c>
    </row>
    <row r="256" spans="1:7" x14ac:dyDescent="0.3">
      <c r="A256" s="6">
        <v>44545</v>
      </c>
      <c r="B256" s="8">
        <v>1.861</v>
      </c>
      <c r="C256" s="8">
        <v>0.89980000000000004</v>
      </c>
      <c r="D256" s="8">
        <v>6.6000000000000003E-2</v>
      </c>
      <c r="E256" s="8">
        <v>0.64</v>
      </c>
      <c r="F256" s="8">
        <v>-0.05</v>
      </c>
      <c r="G256" s="8">
        <v>0.65900000000000003</v>
      </c>
    </row>
    <row r="257" spans="1:7" x14ac:dyDescent="0.3">
      <c r="A257" s="6">
        <v>44546</v>
      </c>
      <c r="B257" s="8">
        <v>1.8540000000000001</v>
      </c>
      <c r="C257" s="8">
        <v>0.91510000000000002</v>
      </c>
      <c r="D257" s="8">
        <v>0.108</v>
      </c>
      <c r="E257" s="8">
        <v>0.68899999999999995</v>
      </c>
      <c r="F257" s="8">
        <v>-0.01</v>
      </c>
      <c r="G257" s="8">
        <v>0.65500000000000003</v>
      </c>
    </row>
    <row r="258" spans="1:7" x14ac:dyDescent="0.3">
      <c r="A258" s="6">
        <v>44547</v>
      </c>
      <c r="B258" s="8">
        <v>1.8080000000000001</v>
      </c>
      <c r="C258" s="8">
        <v>0.93</v>
      </c>
      <c r="D258" s="8">
        <v>7.9000000000000001E-2</v>
      </c>
      <c r="E258" s="8">
        <v>0.66100000000000003</v>
      </c>
      <c r="F258" s="8">
        <v>-0.04</v>
      </c>
      <c r="G258" s="8">
        <v>0.65500000000000003</v>
      </c>
    </row>
    <row r="259" spans="1:7" x14ac:dyDescent="0.3">
      <c r="A259" s="6">
        <v>44550</v>
      </c>
      <c r="B259" s="8">
        <v>1.8520000000000001</v>
      </c>
      <c r="C259" s="8">
        <v>0.95009999999999994</v>
      </c>
      <c r="D259" s="8">
        <v>0.106</v>
      </c>
      <c r="E259" s="8">
        <v>0.68799999999999994</v>
      </c>
      <c r="F259" s="8">
        <v>-1.2999999999999999E-2</v>
      </c>
      <c r="G259" s="8">
        <v>0.64800000000000002</v>
      </c>
    </row>
    <row r="260" spans="1:7" x14ac:dyDescent="0.3">
      <c r="A260" s="6">
        <v>44551</v>
      </c>
      <c r="B260" s="8">
        <v>1.8640000000000001</v>
      </c>
      <c r="C260" s="8">
        <v>1.0568</v>
      </c>
      <c r="D260" s="8">
        <v>0.182</v>
      </c>
      <c r="E260" s="8">
        <v>0.78200000000000003</v>
      </c>
      <c r="F260" s="8">
        <v>6.2E-2</v>
      </c>
      <c r="G260" s="8">
        <v>0.66100000000000003</v>
      </c>
    </row>
    <row r="261" spans="1:7" x14ac:dyDescent="0.3">
      <c r="A261" s="6">
        <v>44552</v>
      </c>
      <c r="B261" s="8">
        <v>1.851</v>
      </c>
      <c r="C261" s="8">
        <v>1.0646</v>
      </c>
      <c r="D261" s="8">
        <v>0.183</v>
      </c>
      <c r="E261" s="8">
        <v>0.79400000000000004</v>
      </c>
      <c r="F261" s="8">
        <v>6.0999999999999999E-2</v>
      </c>
      <c r="G261" s="8">
        <v>0.66500000000000004</v>
      </c>
    </row>
    <row r="262" spans="1:7" x14ac:dyDescent="0.3">
      <c r="A262" s="6">
        <v>44553</v>
      </c>
      <c r="B262" s="8">
        <v>1.907</v>
      </c>
      <c r="C262" s="8">
        <v>1.0904</v>
      </c>
      <c r="D262" s="8">
        <v>0.23799999999999999</v>
      </c>
      <c r="E262" s="8">
        <v>0.84499999999999997</v>
      </c>
      <c r="F262" s="8">
        <v>0.113</v>
      </c>
      <c r="G262" s="8">
        <v>0.67900000000000005</v>
      </c>
    </row>
    <row r="263" spans="1:7" x14ac:dyDescent="0.3">
      <c r="A263" s="6">
        <v>44554</v>
      </c>
      <c r="B263" s="8">
        <v>1.907</v>
      </c>
      <c r="C263" s="8">
        <v>1.0906</v>
      </c>
      <c r="D263" s="8">
        <v>0.23799999999999999</v>
      </c>
      <c r="E263" s="8">
        <v>0.84499999999999997</v>
      </c>
      <c r="F263" s="8">
        <v>0.113</v>
      </c>
      <c r="G263" s="8">
        <v>0.67200000000000004</v>
      </c>
    </row>
    <row r="264" spans="1:7" x14ac:dyDescent="0.3">
      <c r="A264" s="6">
        <v>44557</v>
      </c>
      <c r="B264" s="8">
        <v>1.885</v>
      </c>
      <c r="C264" s="8">
        <v>1.0906</v>
      </c>
      <c r="D264" s="8">
        <v>0.22600000000000001</v>
      </c>
      <c r="E264" s="8">
        <v>0.84599999999999997</v>
      </c>
      <c r="F264" s="8">
        <v>0.105</v>
      </c>
      <c r="G264" s="8">
        <v>0.66600000000000004</v>
      </c>
    </row>
    <row r="265" spans="1:7" x14ac:dyDescent="0.3">
      <c r="A265" s="6">
        <v>44558</v>
      </c>
      <c r="B265" s="8">
        <v>1.9019999999999999</v>
      </c>
      <c r="C265" s="8">
        <v>1.0906</v>
      </c>
      <c r="D265" s="8">
        <v>0.23</v>
      </c>
      <c r="E265" s="8">
        <v>0.84</v>
      </c>
      <c r="F265" s="8">
        <v>0.104</v>
      </c>
      <c r="G265" s="8">
        <v>0.68</v>
      </c>
    </row>
    <row r="266" spans="1:7" x14ac:dyDescent="0.3">
      <c r="A266" s="6">
        <v>44559</v>
      </c>
      <c r="B266" s="8">
        <v>1.9630000000000001</v>
      </c>
      <c r="C266" s="8">
        <v>1.1758999999999999</v>
      </c>
      <c r="D266" s="8">
        <v>0.29899999999999999</v>
      </c>
      <c r="E266" s="8">
        <v>0.91400000000000003</v>
      </c>
      <c r="F266" s="8">
        <v>0.17699999999999999</v>
      </c>
      <c r="G266" s="8">
        <v>0.67800000000000005</v>
      </c>
    </row>
    <row r="267" spans="1:7" x14ac:dyDescent="0.3">
      <c r="A267" s="6">
        <v>44560</v>
      </c>
      <c r="B267" s="8">
        <v>1.9179999999999999</v>
      </c>
      <c r="C267" s="8">
        <v>1.1317999999999999</v>
      </c>
      <c r="D267" s="8">
        <v>0.312</v>
      </c>
      <c r="E267" s="8">
        <v>0.91700000000000004</v>
      </c>
      <c r="F267" s="8">
        <v>0.191</v>
      </c>
      <c r="G267" s="8">
        <v>0.68300000000000005</v>
      </c>
    </row>
    <row r="268" spans="1:7" x14ac:dyDescent="0.3">
      <c r="A268" s="6">
        <v>44561</v>
      </c>
      <c r="B268" s="8">
        <v>1.9039999999999999</v>
      </c>
      <c r="C268" s="8">
        <v>1.1131</v>
      </c>
      <c r="D268" s="8">
        <v>0.312</v>
      </c>
      <c r="E268" s="8">
        <v>0.91700000000000004</v>
      </c>
      <c r="F268" s="8">
        <v>0.191</v>
      </c>
      <c r="G268" s="8">
        <v>0.68300000000000005</v>
      </c>
    </row>
    <row r="269" spans="1:7" x14ac:dyDescent="0.3">
      <c r="A269" s="6">
        <v>44564</v>
      </c>
      <c r="B269" s="8">
        <v>2.0259999999999998</v>
      </c>
      <c r="C269" s="8">
        <v>1.1131</v>
      </c>
      <c r="D269" s="8">
        <v>0.36499999999999999</v>
      </c>
      <c r="E269" s="8">
        <v>0.96199999999999997</v>
      </c>
      <c r="F269" s="8">
        <v>0.247</v>
      </c>
      <c r="G269" s="8">
        <v>0.68300000000000005</v>
      </c>
    </row>
    <row r="270" spans="1:7" x14ac:dyDescent="0.3">
      <c r="A270" s="6">
        <v>44565</v>
      </c>
      <c r="B270" s="8">
        <v>2.0659999999999998</v>
      </c>
      <c r="C270" s="8">
        <v>1.2098</v>
      </c>
      <c r="D270" s="8">
        <v>0.36599999999999999</v>
      </c>
      <c r="E270" s="8">
        <v>0.94799999999999995</v>
      </c>
      <c r="F270" s="8">
        <v>0.252</v>
      </c>
      <c r="G270" s="8">
        <v>0.69099999999999995</v>
      </c>
    </row>
    <row r="271" spans="1:7" x14ac:dyDescent="0.3">
      <c r="A271" s="6">
        <v>44566</v>
      </c>
      <c r="B271" s="8">
        <v>2.097</v>
      </c>
      <c r="C271" s="8">
        <v>1.1998</v>
      </c>
      <c r="D271" s="8">
        <v>0.36499999999999999</v>
      </c>
      <c r="E271" s="8">
        <v>0.94399999999999995</v>
      </c>
      <c r="F271" s="8">
        <v>0.25900000000000001</v>
      </c>
      <c r="G271" s="8">
        <v>0.69299999999999995</v>
      </c>
    </row>
    <row r="272" spans="1:7" x14ac:dyDescent="0.3">
      <c r="A272" s="6">
        <v>44567</v>
      </c>
      <c r="B272" s="8">
        <v>2.077</v>
      </c>
      <c r="C272" s="8">
        <v>1.2729999999999999</v>
      </c>
      <c r="D272" s="8">
        <v>0.371</v>
      </c>
      <c r="E272" s="8">
        <v>0.95599999999999996</v>
      </c>
      <c r="F272" s="8">
        <v>0.26200000000000001</v>
      </c>
      <c r="G272" s="8">
        <v>0.70799999999999996</v>
      </c>
    </row>
    <row r="273" spans="1:7" x14ac:dyDescent="0.3">
      <c r="A273" s="6">
        <v>44568</v>
      </c>
      <c r="B273" s="8">
        <v>2.117</v>
      </c>
      <c r="C273" s="8">
        <v>1.2877000000000001</v>
      </c>
      <c r="D273" s="8">
        <v>0.38200000000000001</v>
      </c>
      <c r="E273" s="8">
        <v>0.96399999999999997</v>
      </c>
      <c r="F273" s="8">
        <v>0.27400000000000002</v>
      </c>
      <c r="G273" s="8">
        <v>0.71499999999999997</v>
      </c>
    </row>
    <row r="274" spans="1:7" x14ac:dyDescent="0.3">
      <c r="A274" s="6">
        <v>44571</v>
      </c>
      <c r="B274" s="8">
        <v>2.09</v>
      </c>
      <c r="C274" s="8">
        <v>1.3067</v>
      </c>
      <c r="D274" s="8">
        <v>0.39100000000000001</v>
      </c>
      <c r="E274" s="8">
        <v>0.96299999999999997</v>
      </c>
      <c r="F274" s="8">
        <v>0.28799999999999998</v>
      </c>
      <c r="G274" s="8">
        <v>0.71499999999999997</v>
      </c>
    </row>
    <row r="275" spans="1:7" x14ac:dyDescent="0.3">
      <c r="A275" s="6">
        <v>44572</v>
      </c>
      <c r="B275" s="8">
        <v>2.0630000000000002</v>
      </c>
      <c r="C275" s="8">
        <v>1.2647999999999999</v>
      </c>
      <c r="D275" s="8">
        <v>0.38400000000000001</v>
      </c>
      <c r="E275" s="8">
        <v>0.97199999999999998</v>
      </c>
      <c r="F275" s="8">
        <v>0.28899999999999998</v>
      </c>
      <c r="G275" s="8">
        <v>0.71399999999999997</v>
      </c>
    </row>
    <row r="276" spans="1:7" x14ac:dyDescent="0.3">
      <c r="A276" s="6">
        <v>44573</v>
      </c>
      <c r="B276" s="8">
        <v>2.0870000000000002</v>
      </c>
      <c r="C276" s="8">
        <v>1.2412000000000001</v>
      </c>
      <c r="D276" s="8">
        <v>0.34499999999999997</v>
      </c>
      <c r="E276" s="8">
        <v>0.94099999999999995</v>
      </c>
      <c r="F276" s="8">
        <v>0.248</v>
      </c>
      <c r="G276" s="8">
        <v>0.70199999999999996</v>
      </c>
    </row>
    <row r="277" spans="1:7" x14ac:dyDescent="0.3">
      <c r="A277" s="6">
        <v>44574</v>
      </c>
      <c r="B277" s="8">
        <v>2.0449999999999999</v>
      </c>
      <c r="C277" s="8">
        <v>1.2141</v>
      </c>
      <c r="D277" s="8">
        <v>0.30299999999999999</v>
      </c>
      <c r="E277" s="8">
        <v>0.89800000000000002</v>
      </c>
      <c r="F277" s="8">
        <v>0.20100000000000001</v>
      </c>
      <c r="G277" s="8">
        <v>0.70499999999999996</v>
      </c>
    </row>
    <row r="278" spans="1:7" x14ac:dyDescent="0.3">
      <c r="A278" s="6">
        <v>44575</v>
      </c>
      <c r="B278" s="8">
        <v>2.1240000000000001</v>
      </c>
      <c r="C278" s="8">
        <v>1.2537</v>
      </c>
      <c r="D278" s="8">
        <v>0.34799999999999998</v>
      </c>
      <c r="E278" s="8">
        <v>0.94499999999999995</v>
      </c>
      <c r="F278" s="8">
        <v>0.249</v>
      </c>
      <c r="G278" s="8">
        <v>0.71699999999999997</v>
      </c>
    </row>
    <row r="279" spans="1:7" x14ac:dyDescent="0.3">
      <c r="A279" s="6">
        <v>44578</v>
      </c>
      <c r="B279" s="8">
        <v>2.1240000000000001</v>
      </c>
      <c r="C279" s="8">
        <v>1.2954000000000001</v>
      </c>
      <c r="D279" s="8">
        <v>0.36199999999999999</v>
      </c>
      <c r="E279" s="8">
        <v>0.96</v>
      </c>
      <c r="F279" s="8">
        <v>0.26200000000000001</v>
      </c>
      <c r="G279" s="8">
        <v>0.70799999999999996</v>
      </c>
    </row>
    <row r="280" spans="1:7" x14ac:dyDescent="0.3">
      <c r="A280" s="6">
        <v>44579</v>
      </c>
      <c r="B280" s="8">
        <v>2.1890000000000001</v>
      </c>
      <c r="C280" s="8">
        <v>1.3268</v>
      </c>
      <c r="D280" s="8">
        <v>0.38</v>
      </c>
      <c r="E280" s="8">
        <v>0.97</v>
      </c>
      <c r="F280" s="8">
        <v>0.27700000000000002</v>
      </c>
      <c r="G280" s="8">
        <v>0.70699999999999996</v>
      </c>
    </row>
    <row r="281" spans="1:7" x14ac:dyDescent="0.3">
      <c r="A281" s="6">
        <v>44580</v>
      </c>
      <c r="B281" s="8">
        <v>2.177</v>
      </c>
      <c r="C281" s="8">
        <v>1.3708</v>
      </c>
      <c r="D281" s="8">
        <v>0.41099999999999998</v>
      </c>
      <c r="E281" s="8">
        <v>0.97899999999999998</v>
      </c>
      <c r="F281" s="8">
        <v>0.29099999999999998</v>
      </c>
      <c r="G281" s="8">
        <v>0.70799999999999996</v>
      </c>
    </row>
    <row r="282" spans="1:7" x14ac:dyDescent="0.3">
      <c r="A282" s="6">
        <v>44581</v>
      </c>
      <c r="B282" s="8">
        <v>2.1179999999999999</v>
      </c>
      <c r="C282" s="8">
        <v>1.3452999999999999</v>
      </c>
      <c r="D282" s="8">
        <v>0.39</v>
      </c>
      <c r="E282" s="8">
        <v>0.96</v>
      </c>
      <c r="F282" s="8">
        <v>0.27</v>
      </c>
      <c r="G282" s="8">
        <v>0.71699999999999997</v>
      </c>
    </row>
    <row r="283" spans="1:7" x14ac:dyDescent="0.3">
      <c r="A283" s="6">
        <v>44582</v>
      </c>
      <c r="B283" s="8">
        <v>2.0739999999999998</v>
      </c>
      <c r="C283" s="8">
        <v>1.2958000000000001</v>
      </c>
      <c r="D283" s="8">
        <v>0.34899999999999998</v>
      </c>
      <c r="E283" s="8">
        <v>0.93100000000000005</v>
      </c>
      <c r="F283" s="8">
        <v>0.22800000000000001</v>
      </c>
      <c r="G283" s="8">
        <v>0.70799999999999996</v>
      </c>
    </row>
    <row r="284" spans="1:7" x14ac:dyDescent="0.3">
      <c r="A284" s="6">
        <v>44585</v>
      </c>
      <c r="B284" s="8">
        <v>2.1139999999999999</v>
      </c>
      <c r="C284" s="8">
        <v>1.24</v>
      </c>
      <c r="D284" s="8">
        <v>0.317</v>
      </c>
      <c r="E284" s="8">
        <v>0.91500000000000004</v>
      </c>
      <c r="F284" s="8">
        <v>0.19500000000000001</v>
      </c>
      <c r="G284" s="8">
        <v>0.71699999999999997</v>
      </c>
    </row>
    <row r="285" spans="1:7" x14ac:dyDescent="0.3">
      <c r="A285" s="6">
        <v>44586</v>
      </c>
      <c r="B285" s="8">
        <v>2.1139999999999999</v>
      </c>
      <c r="C285" s="8">
        <v>1.2821</v>
      </c>
      <c r="D285" s="8">
        <v>0.36299999999999999</v>
      </c>
      <c r="E285" s="8">
        <v>0.95</v>
      </c>
      <c r="F285" s="8">
        <v>0.23200000000000001</v>
      </c>
      <c r="G285" s="8">
        <v>0.71499999999999997</v>
      </c>
    </row>
    <row r="286" spans="1:7" x14ac:dyDescent="0.3">
      <c r="A286" s="6">
        <v>44587</v>
      </c>
      <c r="B286" s="8">
        <v>2.1659999999999999</v>
      </c>
      <c r="C286" s="8">
        <v>1.3307</v>
      </c>
      <c r="D286" s="8">
        <v>0.38</v>
      </c>
      <c r="E286" s="8">
        <v>0.97199999999999998</v>
      </c>
      <c r="F286" s="8">
        <v>0.24299999999999999</v>
      </c>
      <c r="G286" s="8">
        <v>0.72</v>
      </c>
    </row>
    <row r="287" spans="1:7" x14ac:dyDescent="0.3">
      <c r="A287" s="6">
        <v>44588</v>
      </c>
      <c r="B287" s="8">
        <v>2.0939999999999999</v>
      </c>
      <c r="C287" s="8">
        <v>1.3491</v>
      </c>
      <c r="D287" s="8">
        <v>0.35799999999999998</v>
      </c>
      <c r="E287" s="8">
        <v>0.94799999999999995</v>
      </c>
      <c r="F287" s="8">
        <v>0.22500000000000001</v>
      </c>
      <c r="G287" s="8">
        <v>0.73099999999999998</v>
      </c>
    </row>
    <row r="288" spans="1:7" x14ac:dyDescent="0.3">
      <c r="A288" s="6">
        <v>44589</v>
      </c>
      <c r="B288" s="8">
        <v>2.0750000000000002</v>
      </c>
      <c r="C288" s="8">
        <v>1.3680000000000001</v>
      </c>
      <c r="D288" s="8">
        <v>0.36599999999999999</v>
      </c>
      <c r="E288" s="8">
        <v>0.97</v>
      </c>
      <c r="F288" s="8">
        <v>0.23699999999999999</v>
      </c>
      <c r="G288" s="8">
        <v>0.754</v>
      </c>
    </row>
    <row r="289" spans="1:7" x14ac:dyDescent="0.3">
      <c r="A289" s="6">
        <v>44592</v>
      </c>
      <c r="B289" s="8">
        <v>2.109</v>
      </c>
      <c r="C289" s="8">
        <v>1.446</v>
      </c>
      <c r="D289" s="8">
        <v>0.38700000000000001</v>
      </c>
      <c r="E289" s="8">
        <v>1.0109999999999999</v>
      </c>
      <c r="F289" s="8">
        <v>0.27400000000000002</v>
      </c>
      <c r="G289" s="8">
        <v>0.78400000000000003</v>
      </c>
    </row>
    <row r="290" spans="1:7" x14ac:dyDescent="0.3">
      <c r="A290" s="6">
        <v>44593</v>
      </c>
      <c r="B290" s="8">
        <v>2.1110000000000002</v>
      </c>
      <c r="C290" s="8">
        <v>1.4251</v>
      </c>
      <c r="D290" s="8">
        <v>0.42799999999999999</v>
      </c>
      <c r="E290" s="8">
        <v>1.038</v>
      </c>
      <c r="F290" s="8">
        <v>0.312</v>
      </c>
      <c r="G290" s="8">
        <v>0.79700000000000004</v>
      </c>
    </row>
    <row r="291" spans="1:7" x14ac:dyDescent="0.3">
      <c r="A291" s="6">
        <v>44594</v>
      </c>
      <c r="B291" s="8">
        <v>2.109</v>
      </c>
      <c r="C291" s="8">
        <v>1.3596999999999999</v>
      </c>
      <c r="D291" s="8">
        <v>0.40300000000000002</v>
      </c>
      <c r="E291" s="8">
        <v>1.012</v>
      </c>
      <c r="F291" s="8">
        <v>0.28599999999999998</v>
      </c>
      <c r="G291" s="8">
        <v>0.79700000000000004</v>
      </c>
    </row>
    <row r="292" spans="1:7" x14ac:dyDescent="0.3">
      <c r="A292" s="6">
        <v>44595</v>
      </c>
      <c r="B292" s="8">
        <v>2.153</v>
      </c>
      <c r="C292" s="8">
        <v>1.4536</v>
      </c>
      <c r="D292" s="8">
        <v>0.44700000000000001</v>
      </c>
      <c r="E292" s="8">
        <v>1.0640000000000001</v>
      </c>
      <c r="F292" s="8">
        <v>0.32800000000000001</v>
      </c>
      <c r="G292" s="8">
        <v>0.78200000000000003</v>
      </c>
    </row>
    <row r="293" spans="1:7" x14ac:dyDescent="0.3">
      <c r="A293" s="6">
        <v>44596</v>
      </c>
      <c r="B293" s="8">
        <v>2.2120000000000002</v>
      </c>
      <c r="C293" s="8">
        <v>1.4785999999999999</v>
      </c>
      <c r="D293" s="8">
        <v>0.48299999999999998</v>
      </c>
      <c r="E293" s="8">
        <v>1.0760000000000001</v>
      </c>
      <c r="F293" s="8">
        <v>0.35</v>
      </c>
      <c r="G293" s="8">
        <v>0.80200000000000005</v>
      </c>
    </row>
    <row r="294" spans="1:7" x14ac:dyDescent="0.3">
      <c r="A294" s="6">
        <v>44599</v>
      </c>
      <c r="B294" s="8">
        <v>2.218</v>
      </c>
      <c r="C294" s="8">
        <v>1.5009999999999999</v>
      </c>
      <c r="D294" s="8">
        <v>0.52800000000000002</v>
      </c>
      <c r="E294" s="8">
        <v>1.115</v>
      </c>
      <c r="F294" s="8">
        <v>0.39</v>
      </c>
      <c r="G294" s="8">
        <v>0.82199999999999995</v>
      </c>
    </row>
    <row r="295" spans="1:7" x14ac:dyDescent="0.3">
      <c r="A295" s="6">
        <v>44600</v>
      </c>
      <c r="B295" s="8">
        <v>2.2589999999999999</v>
      </c>
      <c r="C295" s="8">
        <v>1.5911</v>
      </c>
      <c r="D295" s="8">
        <v>0.59099999999999997</v>
      </c>
      <c r="E295" s="8">
        <v>1.1839999999999999</v>
      </c>
      <c r="F295" s="8">
        <v>0.45200000000000001</v>
      </c>
      <c r="G295" s="8">
        <v>0.85699999999999998</v>
      </c>
    </row>
    <row r="296" spans="1:7" x14ac:dyDescent="0.3">
      <c r="A296" s="6">
        <v>44601</v>
      </c>
      <c r="B296" s="8">
        <v>2.246</v>
      </c>
      <c r="C296" s="8">
        <v>1.5277000000000001</v>
      </c>
      <c r="D296" s="8">
        <v>0.56100000000000005</v>
      </c>
      <c r="E296" s="8">
        <v>1.149</v>
      </c>
      <c r="F296" s="8">
        <v>0.42399999999999999</v>
      </c>
      <c r="G296" s="8">
        <v>0.83299999999999996</v>
      </c>
    </row>
    <row r="297" spans="1:7" x14ac:dyDescent="0.3">
      <c r="A297" s="6">
        <v>44602</v>
      </c>
      <c r="B297" s="8">
        <v>2.3180000000000001</v>
      </c>
      <c r="C297" s="8">
        <v>1.6113999999999999</v>
      </c>
      <c r="D297" s="8">
        <v>0.61899999999999999</v>
      </c>
      <c r="E297" s="8">
        <v>1.21</v>
      </c>
      <c r="F297" s="8">
        <v>0.47099999999999997</v>
      </c>
      <c r="G297" s="8">
        <v>0.86899999999999999</v>
      </c>
    </row>
    <row r="298" spans="1:7" x14ac:dyDescent="0.3">
      <c r="A298" s="6">
        <v>44603</v>
      </c>
      <c r="B298" s="8">
        <v>2.2410000000000001</v>
      </c>
      <c r="C298" s="8">
        <v>1.6153999999999999</v>
      </c>
      <c r="D298" s="8">
        <v>0.64700000000000002</v>
      </c>
      <c r="E298" s="8">
        <v>1.236</v>
      </c>
      <c r="F298" s="8">
        <v>0.49199999999999999</v>
      </c>
      <c r="G298" s="8">
        <v>0.86899999999999999</v>
      </c>
    </row>
    <row r="299" spans="1:7" x14ac:dyDescent="0.3">
      <c r="A299" s="6">
        <v>44606</v>
      </c>
      <c r="B299" s="8">
        <v>2.2869999999999999</v>
      </c>
      <c r="C299" s="8">
        <v>1.6445000000000001</v>
      </c>
      <c r="D299" s="8">
        <v>0.65</v>
      </c>
      <c r="E299" s="8">
        <v>1.24</v>
      </c>
      <c r="F299" s="8">
        <v>0.49199999999999999</v>
      </c>
      <c r="G299" s="8">
        <v>0.88400000000000001</v>
      </c>
    </row>
    <row r="300" spans="1:7" x14ac:dyDescent="0.3">
      <c r="A300" s="6">
        <v>44607</v>
      </c>
      <c r="B300" s="8">
        <v>2.359</v>
      </c>
      <c r="C300" s="8">
        <v>1.6060000000000001</v>
      </c>
      <c r="D300" s="8">
        <v>0.70599999999999996</v>
      </c>
      <c r="E300" s="8">
        <v>1.2829999999999999</v>
      </c>
      <c r="F300" s="8">
        <v>0.54800000000000004</v>
      </c>
      <c r="G300" s="8">
        <v>0.89500000000000002</v>
      </c>
    </row>
    <row r="301" spans="1:7" x14ac:dyDescent="0.3">
      <c r="A301" s="6">
        <v>44608</v>
      </c>
      <c r="B301" s="8">
        <v>2.347</v>
      </c>
      <c r="C301" s="8">
        <v>1.5857000000000001</v>
      </c>
      <c r="D301" s="8">
        <v>0.67900000000000005</v>
      </c>
      <c r="E301" s="8">
        <v>1.2709999999999999</v>
      </c>
      <c r="F301" s="8">
        <v>0.53200000000000003</v>
      </c>
      <c r="G301" s="8">
        <v>0.93400000000000005</v>
      </c>
    </row>
    <row r="302" spans="1:7" x14ac:dyDescent="0.3">
      <c r="A302" s="6">
        <v>44609</v>
      </c>
      <c r="B302" s="8">
        <v>2.2959999999999998</v>
      </c>
      <c r="C302" s="8">
        <v>1.5439000000000001</v>
      </c>
      <c r="D302" s="8">
        <v>0.64</v>
      </c>
      <c r="E302" s="8">
        <v>1.228</v>
      </c>
      <c r="F302" s="8">
        <v>0.5</v>
      </c>
      <c r="G302" s="8">
        <v>0.98699999999999999</v>
      </c>
    </row>
    <row r="303" spans="1:7" x14ac:dyDescent="0.3">
      <c r="A303" s="6">
        <v>44610</v>
      </c>
      <c r="B303" s="8">
        <v>2.2440000000000002</v>
      </c>
      <c r="C303" s="8">
        <v>1.4644999999999999</v>
      </c>
      <c r="D303" s="8">
        <v>0.60599999999999998</v>
      </c>
      <c r="E303" s="8">
        <v>1.2250000000000001</v>
      </c>
      <c r="F303" s="8">
        <v>0.46800000000000003</v>
      </c>
      <c r="G303" s="8">
        <v>0.93899999999999995</v>
      </c>
    </row>
    <row r="304" spans="1:7" x14ac:dyDescent="0.3">
      <c r="A304" s="6">
        <v>44613</v>
      </c>
      <c r="B304" s="8">
        <v>2.2440000000000002</v>
      </c>
      <c r="C304" s="8">
        <v>1.4907999999999999</v>
      </c>
      <c r="D304" s="8">
        <v>0.61699999999999999</v>
      </c>
      <c r="E304" s="8">
        <v>1.2450000000000001</v>
      </c>
      <c r="F304" s="8">
        <v>0.47199999999999998</v>
      </c>
      <c r="G304" s="8">
        <v>0.88800000000000001</v>
      </c>
    </row>
    <row r="305" spans="1:7" x14ac:dyDescent="0.3">
      <c r="A305" s="6">
        <v>44614</v>
      </c>
      <c r="B305" s="8">
        <v>2.2389999999999999</v>
      </c>
      <c r="C305" s="8">
        <v>1.5462</v>
      </c>
      <c r="D305" s="8">
        <v>0.63200000000000001</v>
      </c>
      <c r="E305" s="8">
        <v>1.256</v>
      </c>
      <c r="F305" s="8">
        <v>0.49299999999999999</v>
      </c>
      <c r="G305" s="8">
        <v>0.86699999999999999</v>
      </c>
    </row>
    <row r="306" spans="1:7" x14ac:dyDescent="0.3">
      <c r="A306" s="6">
        <v>44615</v>
      </c>
      <c r="B306" s="8">
        <v>2.2959999999999998</v>
      </c>
      <c r="C306" s="8">
        <v>1.5626</v>
      </c>
      <c r="D306" s="8">
        <v>0.61199999999999999</v>
      </c>
      <c r="E306" s="8">
        <v>1.2310000000000001</v>
      </c>
      <c r="F306" s="8">
        <v>0.46400000000000002</v>
      </c>
      <c r="G306" s="8">
        <v>0.86699999999999999</v>
      </c>
    </row>
    <row r="307" spans="1:7" x14ac:dyDescent="0.3">
      <c r="A307" s="6">
        <v>44616</v>
      </c>
      <c r="B307" s="8">
        <v>2.2799999999999998</v>
      </c>
      <c r="C307" s="8">
        <v>1.5707</v>
      </c>
      <c r="D307" s="8">
        <v>0.59199999999999997</v>
      </c>
      <c r="E307" s="8">
        <v>1.1850000000000001</v>
      </c>
      <c r="F307" s="8">
        <v>0.439</v>
      </c>
      <c r="G307" s="8">
        <v>0.88100000000000001</v>
      </c>
    </row>
    <row r="308" spans="1:7" x14ac:dyDescent="0.3">
      <c r="A308" s="6">
        <v>44617</v>
      </c>
      <c r="B308" s="8">
        <v>2.2759999999999998</v>
      </c>
      <c r="C308" s="8">
        <v>1.6084000000000001</v>
      </c>
      <c r="D308" s="8">
        <v>0.62</v>
      </c>
      <c r="E308" s="8">
        <v>1.2250000000000001</v>
      </c>
      <c r="F308" s="8">
        <v>0.47299999999999998</v>
      </c>
      <c r="G308" s="8">
        <v>0.92400000000000004</v>
      </c>
    </row>
    <row r="309" spans="1:7" x14ac:dyDescent="0.3">
      <c r="A309" s="6">
        <v>44620</v>
      </c>
      <c r="B309" s="8">
        <v>2.1640000000000001</v>
      </c>
      <c r="C309" s="8">
        <v>1.5882000000000001</v>
      </c>
      <c r="D309" s="8">
        <v>0.56299999999999994</v>
      </c>
      <c r="E309" s="8">
        <v>1.163</v>
      </c>
      <c r="F309" s="8">
        <v>0.41199999999999998</v>
      </c>
      <c r="G309" s="8">
        <v>0.88900000000000001</v>
      </c>
    </row>
    <row r="310" spans="1:7" x14ac:dyDescent="0.3">
      <c r="A310" s="6">
        <v>44621</v>
      </c>
      <c r="B310" s="8">
        <v>2.1070000000000002</v>
      </c>
      <c r="C310" s="8">
        <v>1.3529</v>
      </c>
      <c r="D310" s="8">
        <v>0.39200000000000002</v>
      </c>
      <c r="E310" s="8">
        <v>1.0109999999999999</v>
      </c>
      <c r="F310" s="8">
        <v>0.248</v>
      </c>
      <c r="G310" s="8">
        <v>0.89200000000000002</v>
      </c>
    </row>
    <row r="311" spans="1:7" x14ac:dyDescent="0.3">
      <c r="A311" s="6">
        <v>44622</v>
      </c>
      <c r="B311" s="8">
        <v>2.2509999999999999</v>
      </c>
      <c r="C311" s="8">
        <v>1.4716</v>
      </c>
      <c r="D311" s="8">
        <v>0.46100000000000002</v>
      </c>
      <c r="E311" s="8">
        <v>1.1020000000000001</v>
      </c>
      <c r="F311" s="8">
        <v>0.311</v>
      </c>
      <c r="G311" s="8">
        <v>0.86599999999999999</v>
      </c>
    </row>
    <row r="312" spans="1:7" x14ac:dyDescent="0.3">
      <c r="A312" s="6">
        <v>44623</v>
      </c>
      <c r="B312" s="8">
        <v>2.2210000000000001</v>
      </c>
      <c r="C312" s="8">
        <v>1.5219</v>
      </c>
      <c r="D312" s="8">
        <v>0.44600000000000001</v>
      </c>
      <c r="E312" s="8">
        <v>1.0880000000000001</v>
      </c>
      <c r="F312" s="8">
        <v>0.29099999999999998</v>
      </c>
      <c r="G312" s="8">
        <v>0.875</v>
      </c>
    </row>
    <row r="313" spans="1:7" x14ac:dyDescent="0.3">
      <c r="A313" s="6">
        <v>44624</v>
      </c>
      <c r="B313" s="8">
        <v>2.1579999999999999</v>
      </c>
      <c r="C313" s="8">
        <v>1.4484999999999999</v>
      </c>
      <c r="D313" s="8">
        <v>0.33700000000000002</v>
      </c>
      <c r="E313" s="8">
        <v>1.0189999999999999</v>
      </c>
      <c r="F313" s="8">
        <v>0.157</v>
      </c>
      <c r="G313" s="8">
        <v>0.84199999999999997</v>
      </c>
    </row>
    <row r="314" spans="1:7" x14ac:dyDescent="0.3">
      <c r="A314" s="6">
        <v>44627</v>
      </c>
      <c r="B314" s="8">
        <v>2.1880000000000002</v>
      </c>
      <c r="C314" s="8">
        <v>1.4982</v>
      </c>
      <c r="D314" s="8">
        <v>0.36699999999999999</v>
      </c>
      <c r="E314" s="8">
        <v>1.01</v>
      </c>
      <c r="F314" s="8">
        <v>0.17499999999999999</v>
      </c>
      <c r="G314" s="8">
        <v>0.82799999999999996</v>
      </c>
    </row>
    <row r="315" spans="1:7" x14ac:dyDescent="0.3">
      <c r="A315" s="6">
        <v>44628</v>
      </c>
      <c r="B315" s="8">
        <v>2.2290000000000001</v>
      </c>
      <c r="C315" s="8">
        <v>1.6171</v>
      </c>
      <c r="D315" s="8">
        <v>0.49299999999999999</v>
      </c>
      <c r="E315" s="8">
        <v>1.1240000000000001</v>
      </c>
      <c r="F315" s="8">
        <v>0.316</v>
      </c>
      <c r="G315" s="8">
        <v>0.88600000000000001</v>
      </c>
    </row>
    <row r="316" spans="1:7" x14ac:dyDescent="0.3">
      <c r="A316" s="6">
        <v>44629</v>
      </c>
      <c r="B316" s="8">
        <v>2.3370000000000002</v>
      </c>
      <c r="C316" s="8">
        <v>1.6834</v>
      </c>
      <c r="D316" s="8">
        <v>0.59399999999999997</v>
      </c>
      <c r="E316" s="8">
        <v>1.228</v>
      </c>
      <c r="F316" s="8">
        <v>0.42399999999999999</v>
      </c>
      <c r="G316" s="8">
        <v>0.86499999999999999</v>
      </c>
    </row>
    <row r="317" spans="1:7" x14ac:dyDescent="0.3">
      <c r="A317" s="6">
        <v>44630</v>
      </c>
      <c r="B317" s="8">
        <v>2.3690000000000002</v>
      </c>
      <c r="C317" s="8">
        <v>1.6934</v>
      </c>
      <c r="D317" s="8">
        <v>0.63200000000000001</v>
      </c>
      <c r="E317" s="8">
        <v>1.2689999999999999</v>
      </c>
      <c r="F317" s="8">
        <v>0.44700000000000001</v>
      </c>
      <c r="G317" s="8">
        <v>0.879</v>
      </c>
    </row>
    <row r="318" spans="1:7" x14ac:dyDescent="0.3">
      <c r="A318" s="6">
        <v>44631</v>
      </c>
      <c r="B318" s="8">
        <v>2.3559999999999999</v>
      </c>
      <c r="C318" s="8">
        <v>1.6637</v>
      </c>
      <c r="D318" s="8">
        <v>0.60299999999999998</v>
      </c>
      <c r="E318" s="8">
        <v>1.2110000000000001</v>
      </c>
      <c r="F318" s="8">
        <v>0.40699999999999997</v>
      </c>
      <c r="G318" s="8">
        <v>0.873</v>
      </c>
    </row>
    <row r="319" spans="1:7" x14ac:dyDescent="0.3">
      <c r="A319" s="6">
        <v>44634</v>
      </c>
      <c r="B319" s="8">
        <v>2.4729999999999999</v>
      </c>
      <c r="C319" s="8">
        <v>1.7566999999999999</v>
      </c>
      <c r="D319" s="8">
        <v>0.745</v>
      </c>
      <c r="E319" s="8">
        <v>1.337</v>
      </c>
      <c r="F319" s="8">
        <v>0.54600000000000004</v>
      </c>
      <c r="G319" s="8">
        <v>0.86899999999999999</v>
      </c>
    </row>
    <row r="320" spans="1:7" x14ac:dyDescent="0.3">
      <c r="A320" s="6">
        <v>44635</v>
      </c>
      <c r="B320" s="8">
        <v>2.4790000000000001</v>
      </c>
      <c r="C320" s="8">
        <v>1.7454000000000001</v>
      </c>
      <c r="D320" s="8">
        <v>0.73299999999999998</v>
      </c>
      <c r="E320" s="8">
        <v>1.333</v>
      </c>
      <c r="F320" s="8">
        <v>0.52700000000000002</v>
      </c>
      <c r="G320" s="8">
        <v>0.90200000000000002</v>
      </c>
    </row>
    <row r="321" spans="1:7" x14ac:dyDescent="0.3">
      <c r="A321" s="6">
        <v>44636</v>
      </c>
      <c r="B321" s="8">
        <v>2.4550000000000001</v>
      </c>
      <c r="C321" s="8">
        <v>1.8005</v>
      </c>
      <c r="D321" s="8">
        <v>0.76800000000000002</v>
      </c>
      <c r="E321" s="8">
        <v>1.3480000000000001</v>
      </c>
      <c r="F321" s="8">
        <v>0.57199999999999995</v>
      </c>
      <c r="G321" s="8">
        <v>0.90500000000000003</v>
      </c>
    </row>
    <row r="322" spans="1:7" x14ac:dyDescent="0.3">
      <c r="A322" s="6">
        <v>44637</v>
      </c>
      <c r="B322" s="8">
        <v>2.4710000000000001</v>
      </c>
      <c r="C322" s="8">
        <v>1.7830999999999999</v>
      </c>
      <c r="D322" s="8">
        <v>0.73</v>
      </c>
      <c r="E322" s="8">
        <v>1.329</v>
      </c>
      <c r="F322" s="8">
        <v>0.55400000000000005</v>
      </c>
      <c r="G322" s="8">
        <v>0.89100000000000001</v>
      </c>
    </row>
    <row r="323" spans="1:7" x14ac:dyDescent="0.3">
      <c r="A323" s="6">
        <v>44638</v>
      </c>
      <c r="B323" s="8">
        <v>2.423</v>
      </c>
      <c r="C323" s="8">
        <v>1.7412000000000001</v>
      </c>
      <c r="D323" s="8">
        <v>0.72499999999999998</v>
      </c>
      <c r="E323" s="8">
        <v>1.331</v>
      </c>
      <c r="F323" s="8">
        <v>0.55500000000000005</v>
      </c>
      <c r="G323" s="8">
        <v>0.89100000000000001</v>
      </c>
    </row>
    <row r="324" spans="1:7" x14ac:dyDescent="0.3">
      <c r="A324" s="6">
        <v>44641</v>
      </c>
      <c r="B324" s="8">
        <v>2.5190000000000001</v>
      </c>
      <c r="C324" s="8">
        <v>1.8643000000000001</v>
      </c>
      <c r="D324" s="8">
        <v>0.82099999999999995</v>
      </c>
      <c r="E324" s="8">
        <v>1.429</v>
      </c>
      <c r="F324" s="8">
        <v>0.65400000000000003</v>
      </c>
      <c r="G324" s="8">
        <v>0.89100000000000001</v>
      </c>
    </row>
    <row r="325" spans="1:7" x14ac:dyDescent="0.3">
      <c r="A325" s="6">
        <v>44642</v>
      </c>
      <c r="B325" s="8">
        <v>2.6030000000000002</v>
      </c>
      <c r="C325" s="8">
        <v>1.9207000000000001</v>
      </c>
      <c r="D325" s="8">
        <v>0.83899999999999997</v>
      </c>
      <c r="E325" s="8">
        <v>1.4410000000000001</v>
      </c>
      <c r="F325" s="8">
        <v>0.66800000000000004</v>
      </c>
      <c r="G325" s="8">
        <v>0.90700000000000003</v>
      </c>
    </row>
    <row r="326" spans="1:7" x14ac:dyDescent="0.3">
      <c r="A326" s="6">
        <v>44643</v>
      </c>
      <c r="B326" s="8">
        <v>2.4860000000000002</v>
      </c>
      <c r="C326" s="8">
        <v>1.8464</v>
      </c>
      <c r="D326" s="8">
        <v>0.79200000000000004</v>
      </c>
      <c r="E326" s="8">
        <v>1.4159999999999999</v>
      </c>
      <c r="F326" s="8">
        <v>0.61599999999999999</v>
      </c>
      <c r="G326" s="8">
        <v>0.93100000000000005</v>
      </c>
    </row>
    <row r="327" spans="1:7" x14ac:dyDescent="0.3">
      <c r="A327" s="6">
        <v>44644</v>
      </c>
      <c r="B327" s="8">
        <v>2.5409999999999999</v>
      </c>
      <c r="C327" s="8">
        <v>1.8395999999999999</v>
      </c>
      <c r="D327" s="8">
        <v>0.82199999999999995</v>
      </c>
      <c r="E327" s="8">
        <v>1.4510000000000001</v>
      </c>
      <c r="F327" s="8">
        <v>0.66100000000000003</v>
      </c>
      <c r="G327" s="8">
        <v>0.93300000000000005</v>
      </c>
    </row>
    <row r="328" spans="1:7" x14ac:dyDescent="0.3">
      <c r="A328" s="6">
        <v>44645</v>
      </c>
      <c r="B328" s="8">
        <v>2.5870000000000002</v>
      </c>
      <c r="C328" s="8">
        <v>1.8795999999999999</v>
      </c>
      <c r="D328" s="8">
        <v>0.84299999999999997</v>
      </c>
      <c r="E328" s="8">
        <v>1.4730000000000001</v>
      </c>
      <c r="F328" s="8">
        <v>0.69499999999999995</v>
      </c>
      <c r="G328" s="8">
        <v>0.96799999999999997</v>
      </c>
    </row>
    <row r="329" spans="1:7" x14ac:dyDescent="0.3">
      <c r="A329" s="6">
        <v>44648</v>
      </c>
      <c r="B329" s="8">
        <v>2.5419999999999998</v>
      </c>
      <c r="C329" s="8">
        <v>1.7743</v>
      </c>
      <c r="D329" s="8">
        <v>0.82899999999999996</v>
      </c>
      <c r="E329" s="8">
        <v>1.4419999999999999</v>
      </c>
      <c r="F329" s="8">
        <v>0.67700000000000005</v>
      </c>
      <c r="G329" s="8">
        <v>1.02</v>
      </c>
    </row>
    <row r="330" spans="1:7" x14ac:dyDescent="0.3">
      <c r="A330" s="6">
        <v>44649</v>
      </c>
      <c r="B330" s="8">
        <v>2.5030000000000001</v>
      </c>
      <c r="C330" s="8">
        <v>1.7874000000000001</v>
      </c>
      <c r="D330" s="8">
        <v>0.876</v>
      </c>
      <c r="E330" s="8">
        <v>1.4610000000000001</v>
      </c>
      <c r="F330" s="8">
        <v>0.72</v>
      </c>
      <c r="G330" s="8">
        <v>1.07</v>
      </c>
    </row>
    <row r="331" spans="1:7" x14ac:dyDescent="0.3">
      <c r="A331" s="6">
        <v>44650</v>
      </c>
      <c r="B331" s="8">
        <v>2.4769999999999999</v>
      </c>
      <c r="C331" s="8">
        <v>1.8112999999999999</v>
      </c>
      <c r="D331" s="8">
        <v>0.88400000000000001</v>
      </c>
      <c r="E331" s="8">
        <v>1.4670000000000001</v>
      </c>
      <c r="F331" s="8">
        <v>0.72899999999999998</v>
      </c>
      <c r="G331" s="8">
        <v>1.0089999999999999</v>
      </c>
    </row>
    <row r="332" spans="1:7" x14ac:dyDescent="0.3">
      <c r="A332" s="6">
        <v>44651</v>
      </c>
      <c r="B332" s="8">
        <v>2.4500000000000002</v>
      </c>
      <c r="C332" s="8">
        <v>1.7611000000000001</v>
      </c>
      <c r="D332" s="8">
        <v>0.82099999999999995</v>
      </c>
      <c r="E332" s="8">
        <v>1.401</v>
      </c>
      <c r="F332" s="8">
        <v>0.66200000000000003</v>
      </c>
      <c r="G332" s="8">
        <v>0.92300000000000004</v>
      </c>
    </row>
    <row r="333" spans="1:7" x14ac:dyDescent="0.3">
      <c r="A333" s="6">
        <v>44652</v>
      </c>
      <c r="B333" s="8">
        <v>2.4340000000000002</v>
      </c>
      <c r="C333" s="8">
        <v>1.7347999999999999</v>
      </c>
      <c r="D333" s="8">
        <v>0.82599999999999996</v>
      </c>
      <c r="E333" s="8">
        <v>1.4379999999999999</v>
      </c>
      <c r="F333" s="8">
        <v>0.66800000000000004</v>
      </c>
      <c r="G333" s="8">
        <v>0.94799999999999995</v>
      </c>
    </row>
    <row r="334" spans="1:7" x14ac:dyDescent="0.3">
      <c r="A334" s="6">
        <v>44655</v>
      </c>
      <c r="B334" s="8">
        <v>2.4580000000000002</v>
      </c>
      <c r="C334" s="8">
        <v>1.6673</v>
      </c>
      <c r="D334" s="8">
        <v>0.79200000000000004</v>
      </c>
      <c r="E334" s="8">
        <v>1.4359999999999999</v>
      </c>
      <c r="F334" s="8">
        <v>0.63</v>
      </c>
      <c r="G334" s="8">
        <v>0.94399999999999995</v>
      </c>
    </row>
    <row r="335" spans="1:7" x14ac:dyDescent="0.3">
      <c r="A335" s="6">
        <v>44656</v>
      </c>
      <c r="B335" s="8">
        <v>2.5739999999999998</v>
      </c>
      <c r="C335" s="8">
        <v>1.7641</v>
      </c>
      <c r="D335" s="8">
        <v>0.90800000000000003</v>
      </c>
      <c r="E335" s="8">
        <v>1.5740000000000001</v>
      </c>
      <c r="F335" s="8">
        <v>0.72199999999999998</v>
      </c>
      <c r="G335" s="8">
        <v>0.97</v>
      </c>
    </row>
    <row r="336" spans="1:7" x14ac:dyDescent="0.3">
      <c r="A336" s="6">
        <v>44657</v>
      </c>
      <c r="B336" s="8">
        <v>2.6280000000000001</v>
      </c>
      <c r="C336" s="8">
        <v>1.8178000000000001</v>
      </c>
      <c r="D336" s="8">
        <v>0.96699999999999997</v>
      </c>
      <c r="E336" s="8">
        <v>1.625</v>
      </c>
      <c r="F336" s="8">
        <v>0.78600000000000003</v>
      </c>
      <c r="G336" s="8">
        <v>1.0209999999999999</v>
      </c>
    </row>
    <row r="337" spans="1:7" x14ac:dyDescent="0.3">
      <c r="A337" s="6">
        <v>44658</v>
      </c>
      <c r="B337" s="8">
        <v>2.681</v>
      </c>
      <c r="C337" s="8">
        <v>1.8615999999999999</v>
      </c>
      <c r="D337" s="8">
        <v>0.98799999999999999</v>
      </c>
      <c r="E337" s="8">
        <v>1.643</v>
      </c>
      <c r="F337" s="8">
        <v>0.80700000000000005</v>
      </c>
      <c r="G337" s="8">
        <v>1.0189999999999999</v>
      </c>
    </row>
    <row r="338" spans="1:7" x14ac:dyDescent="0.3">
      <c r="A338" s="6">
        <v>44659</v>
      </c>
      <c r="B338" s="8">
        <v>2.72</v>
      </c>
      <c r="C338" s="8">
        <v>1.8971</v>
      </c>
      <c r="D338" s="8">
        <v>0.99099999999999999</v>
      </c>
      <c r="E338" s="8">
        <v>1.63</v>
      </c>
      <c r="F338" s="8">
        <v>0.80300000000000005</v>
      </c>
      <c r="G338" s="8">
        <v>0.97199999999999998</v>
      </c>
    </row>
    <row r="339" spans="1:7" x14ac:dyDescent="0.3">
      <c r="A339" s="6">
        <v>44662</v>
      </c>
      <c r="B339" s="8">
        <v>2.8109999999999999</v>
      </c>
      <c r="C339" s="8">
        <v>1.9823999999999999</v>
      </c>
      <c r="D339" s="8">
        <v>1.0760000000000001</v>
      </c>
      <c r="E339" s="8">
        <v>1.6830000000000001</v>
      </c>
      <c r="F339" s="8">
        <v>0.92400000000000004</v>
      </c>
      <c r="G339" s="8">
        <v>0.99399999999999999</v>
      </c>
    </row>
    <row r="340" spans="1:7" x14ac:dyDescent="0.3">
      <c r="A340" s="6">
        <v>44663</v>
      </c>
      <c r="B340" s="8">
        <v>2.8130000000000002</v>
      </c>
      <c r="C340" s="8">
        <v>1.9483999999999999</v>
      </c>
      <c r="D340" s="8">
        <v>1.0740000000000001</v>
      </c>
      <c r="E340" s="8">
        <v>1.712</v>
      </c>
      <c r="F340" s="8">
        <v>0.92200000000000004</v>
      </c>
      <c r="G340" s="8">
        <v>0.99199999999999999</v>
      </c>
    </row>
    <row r="341" spans="1:7" x14ac:dyDescent="0.3">
      <c r="A341" s="6">
        <v>44664</v>
      </c>
      <c r="B341" s="8">
        <v>2.8140000000000001</v>
      </c>
      <c r="C341" s="8">
        <v>1.9441999999999999</v>
      </c>
      <c r="D341" s="8">
        <v>1.0509999999999999</v>
      </c>
      <c r="E341" s="8">
        <v>1.6739999999999999</v>
      </c>
      <c r="F341" s="8">
        <v>0.89600000000000002</v>
      </c>
      <c r="G341" s="8">
        <v>0.97799999999999998</v>
      </c>
    </row>
    <row r="342" spans="1:7" x14ac:dyDescent="0.3">
      <c r="A342" s="6">
        <v>44665</v>
      </c>
      <c r="B342" s="8">
        <v>2.9180000000000001</v>
      </c>
      <c r="C342" s="8">
        <v>2.0493000000000001</v>
      </c>
      <c r="D342" s="8">
        <v>1.1619999999999999</v>
      </c>
      <c r="E342" s="8">
        <v>1.772</v>
      </c>
      <c r="F342" s="8">
        <v>1.0109999999999999</v>
      </c>
      <c r="G342" s="8">
        <v>0.92900000000000005</v>
      </c>
    </row>
    <row r="343" spans="1:7" x14ac:dyDescent="0.3">
      <c r="A343" s="6">
        <v>44666</v>
      </c>
      <c r="B343" s="8">
        <v>2.9180000000000001</v>
      </c>
      <c r="C343" s="8">
        <v>2.0491999999999999</v>
      </c>
      <c r="D343" s="8">
        <v>1.1619999999999999</v>
      </c>
      <c r="E343" s="8">
        <v>1.772</v>
      </c>
      <c r="F343" s="8">
        <v>1.0109999999999999</v>
      </c>
      <c r="G343" s="8">
        <v>0.93899999999999995</v>
      </c>
    </row>
    <row r="344" spans="1:7" x14ac:dyDescent="0.3">
      <c r="A344" s="6">
        <v>44669</v>
      </c>
      <c r="B344" s="8">
        <v>2.9420000000000002</v>
      </c>
      <c r="C344" s="8">
        <v>2.0491999999999999</v>
      </c>
      <c r="D344" s="8">
        <v>1.1619999999999999</v>
      </c>
      <c r="E344" s="8">
        <v>1.772</v>
      </c>
      <c r="F344" s="8">
        <v>1.0109999999999999</v>
      </c>
      <c r="G344" s="8">
        <v>0.96</v>
      </c>
    </row>
    <row r="345" spans="1:7" x14ac:dyDescent="0.3">
      <c r="A345" s="6">
        <v>44670</v>
      </c>
      <c r="B345" s="8">
        <v>2.9969999999999999</v>
      </c>
      <c r="C345" s="8">
        <v>2.1240999999999999</v>
      </c>
      <c r="D345" s="8">
        <v>1.22</v>
      </c>
      <c r="E345" s="8">
        <v>1.8360000000000001</v>
      </c>
      <c r="F345" s="8">
        <v>1.0740000000000001</v>
      </c>
      <c r="G345" s="8">
        <v>0.95399999999999996</v>
      </c>
    </row>
    <row r="346" spans="1:7" x14ac:dyDescent="0.3">
      <c r="A346" s="6">
        <v>44671</v>
      </c>
      <c r="B346" s="8">
        <v>2.8740000000000001</v>
      </c>
      <c r="C346" s="8">
        <v>2.0636999999999999</v>
      </c>
      <c r="D346" s="8">
        <v>1.1379999999999999</v>
      </c>
      <c r="E346" s="8">
        <v>1.76</v>
      </c>
      <c r="F346" s="8">
        <v>0.99099999999999999</v>
      </c>
      <c r="G346" s="8">
        <v>0.97199999999999998</v>
      </c>
    </row>
    <row r="347" spans="1:7" x14ac:dyDescent="0.3">
      <c r="A347" s="6">
        <v>44672</v>
      </c>
      <c r="B347" s="8">
        <v>2.93</v>
      </c>
      <c r="C347" s="8">
        <v>2.1082999999999998</v>
      </c>
      <c r="D347" s="8">
        <v>1.2010000000000001</v>
      </c>
      <c r="E347" s="8">
        <v>1.825</v>
      </c>
      <c r="F347" s="8">
        <v>1.0640000000000001</v>
      </c>
      <c r="G347" s="8">
        <v>0.98699999999999999</v>
      </c>
    </row>
    <row r="348" spans="1:7" x14ac:dyDescent="0.3">
      <c r="A348" s="6">
        <v>44673</v>
      </c>
      <c r="B348" s="8">
        <v>2.9470000000000001</v>
      </c>
      <c r="C348" s="8">
        <v>2.0354999999999999</v>
      </c>
      <c r="D348" s="8">
        <v>1.202</v>
      </c>
      <c r="E348" s="8">
        <v>1.8169999999999999</v>
      </c>
      <c r="F348" s="8">
        <v>1.0640000000000001</v>
      </c>
      <c r="G348" s="8">
        <v>1.014</v>
      </c>
    </row>
    <row r="349" spans="1:7" x14ac:dyDescent="0.3">
      <c r="A349" s="6">
        <v>44676</v>
      </c>
      <c r="B349" s="8">
        <v>2.891</v>
      </c>
      <c r="C349" s="8">
        <v>1.9450000000000001</v>
      </c>
      <c r="D349" s="8">
        <v>1.131</v>
      </c>
      <c r="E349" s="8">
        <v>1.76</v>
      </c>
      <c r="F349" s="8">
        <v>0.98099999999999998</v>
      </c>
      <c r="G349" s="8">
        <v>1</v>
      </c>
    </row>
    <row r="350" spans="1:7" x14ac:dyDescent="0.3">
      <c r="A350" s="6">
        <v>44677</v>
      </c>
      <c r="B350" s="8">
        <v>2.83</v>
      </c>
      <c r="C350" s="8">
        <v>1.9024000000000001</v>
      </c>
      <c r="D350" s="8">
        <v>1.115</v>
      </c>
      <c r="E350" s="8">
        <v>1.754</v>
      </c>
      <c r="F350" s="8">
        <v>0.95</v>
      </c>
      <c r="G350" s="8">
        <v>0.97699999999999998</v>
      </c>
    </row>
    <row r="351" spans="1:7" x14ac:dyDescent="0.3">
      <c r="A351" s="6">
        <v>44678</v>
      </c>
      <c r="B351" s="8">
        <v>2.923</v>
      </c>
      <c r="C351" s="8">
        <v>1.9350000000000001</v>
      </c>
      <c r="D351" s="8">
        <v>1.139</v>
      </c>
      <c r="E351" s="8">
        <v>1.7689999999999999</v>
      </c>
      <c r="F351" s="8">
        <v>0.96799999999999997</v>
      </c>
      <c r="G351" s="8">
        <v>0.97799999999999998</v>
      </c>
    </row>
    <row r="352" spans="1:7" x14ac:dyDescent="0.3">
      <c r="A352" s="6">
        <v>44679</v>
      </c>
      <c r="B352" s="8">
        <v>2.895</v>
      </c>
      <c r="C352" s="8">
        <v>2.0082</v>
      </c>
      <c r="D352" s="8">
        <v>1.2150000000000001</v>
      </c>
      <c r="E352" s="8">
        <v>1.845</v>
      </c>
      <c r="F352" s="8">
        <v>1.0489999999999999</v>
      </c>
      <c r="G352" s="8">
        <v>0.96199999999999997</v>
      </c>
    </row>
    <row r="353" spans="1:7" x14ac:dyDescent="0.3">
      <c r="A353" s="6">
        <v>44680</v>
      </c>
      <c r="B353" s="8">
        <v>3</v>
      </c>
      <c r="C353" s="8">
        <v>2.0347</v>
      </c>
      <c r="D353" s="8">
        <v>1.254</v>
      </c>
      <c r="E353" s="8">
        <v>1.895</v>
      </c>
      <c r="F353" s="8">
        <v>1.085</v>
      </c>
      <c r="G353" s="8">
        <v>0.96199999999999997</v>
      </c>
    </row>
    <row r="354" spans="1:7" x14ac:dyDescent="0.3">
      <c r="A354" s="6">
        <v>44683</v>
      </c>
      <c r="B354" s="8">
        <v>3.036</v>
      </c>
      <c r="C354" s="8">
        <v>2.0347</v>
      </c>
      <c r="D354" s="8">
        <v>1.306</v>
      </c>
      <c r="E354" s="8">
        <v>1.946</v>
      </c>
      <c r="F354" s="8">
        <v>1.1339999999999999</v>
      </c>
      <c r="G354" s="8">
        <v>0.98499999999999999</v>
      </c>
    </row>
    <row r="355" spans="1:7" x14ac:dyDescent="0.3">
      <c r="A355" s="6">
        <v>44684</v>
      </c>
      <c r="B355" s="8">
        <v>3.0110000000000001</v>
      </c>
      <c r="C355" s="8">
        <v>2.0771999999999999</v>
      </c>
      <c r="D355" s="8">
        <v>1.2589999999999999</v>
      </c>
      <c r="E355" s="8">
        <v>1.915</v>
      </c>
      <c r="F355" s="8">
        <v>1.0820000000000001</v>
      </c>
      <c r="G355" s="8">
        <v>0.98499999999999999</v>
      </c>
    </row>
    <row r="356" spans="1:7" x14ac:dyDescent="0.3">
      <c r="A356" s="6">
        <v>44685</v>
      </c>
      <c r="B356" s="8">
        <v>3.0369999999999999</v>
      </c>
      <c r="C356" s="8">
        <v>2.0771000000000002</v>
      </c>
      <c r="D356" s="8">
        <v>1.252</v>
      </c>
      <c r="E356" s="8">
        <v>1.903</v>
      </c>
      <c r="F356" s="8">
        <v>1.077</v>
      </c>
      <c r="G356" s="8">
        <v>0.98499999999999999</v>
      </c>
    </row>
    <row r="357" spans="1:7" x14ac:dyDescent="0.3">
      <c r="A357" s="6">
        <v>44686</v>
      </c>
      <c r="B357" s="8">
        <v>3.1219999999999999</v>
      </c>
      <c r="C357" s="8">
        <v>2.1227999999999998</v>
      </c>
      <c r="D357" s="8">
        <v>1.3320000000000001</v>
      </c>
      <c r="E357" s="8">
        <v>1.982</v>
      </c>
      <c r="F357" s="8">
        <v>1.165</v>
      </c>
      <c r="G357" s="8">
        <v>0.98499999999999999</v>
      </c>
    </row>
    <row r="358" spans="1:7" x14ac:dyDescent="0.3">
      <c r="A358" s="6">
        <v>44687</v>
      </c>
      <c r="B358" s="8">
        <v>3.2280000000000002</v>
      </c>
      <c r="C358" s="8">
        <v>2.1715</v>
      </c>
      <c r="D358" s="8">
        <v>1.393</v>
      </c>
      <c r="E358" s="8">
        <v>2.0310000000000001</v>
      </c>
      <c r="F358" s="8">
        <v>1.2350000000000001</v>
      </c>
      <c r="G358" s="8">
        <v>1.008</v>
      </c>
    </row>
    <row r="359" spans="1:7" x14ac:dyDescent="0.3">
      <c r="A359" s="6">
        <v>44690</v>
      </c>
      <c r="B359" s="8">
        <v>3.153</v>
      </c>
      <c r="C359" s="8">
        <v>2.1575000000000002</v>
      </c>
      <c r="D359" s="8">
        <v>1.377</v>
      </c>
      <c r="E359" s="8">
        <v>2.0390000000000001</v>
      </c>
      <c r="F359" s="8">
        <v>1.23</v>
      </c>
      <c r="G359" s="8">
        <v>1.034</v>
      </c>
    </row>
    <row r="360" spans="1:7" x14ac:dyDescent="0.3">
      <c r="A360" s="6">
        <v>44691</v>
      </c>
      <c r="B360" s="8">
        <v>3.1259999999999999</v>
      </c>
      <c r="C360" s="8">
        <v>2.0533999999999999</v>
      </c>
      <c r="D360" s="8">
        <v>1.286</v>
      </c>
      <c r="E360" s="8">
        <v>1.9470000000000001</v>
      </c>
      <c r="F360" s="8">
        <v>1.1359999999999999</v>
      </c>
      <c r="G360" s="8">
        <v>1.03</v>
      </c>
    </row>
    <row r="361" spans="1:7" x14ac:dyDescent="0.3">
      <c r="A361" s="6">
        <v>44692</v>
      </c>
      <c r="B361" s="8">
        <v>3.048</v>
      </c>
      <c r="C361" s="8">
        <v>2.0628000000000002</v>
      </c>
      <c r="D361" s="8">
        <v>1.282</v>
      </c>
      <c r="E361" s="8">
        <v>1.92</v>
      </c>
      <c r="F361" s="8">
        <v>1.1339999999999999</v>
      </c>
      <c r="G361" s="8">
        <v>1.018</v>
      </c>
    </row>
    <row r="362" spans="1:7" x14ac:dyDescent="0.3">
      <c r="A362" s="6">
        <v>44693</v>
      </c>
      <c r="B362" s="8">
        <v>3.0179999999999998</v>
      </c>
      <c r="C362" s="8">
        <v>1.9185000000000001</v>
      </c>
      <c r="D362" s="8">
        <v>1.18</v>
      </c>
      <c r="E362" s="8">
        <v>1.8149999999999999</v>
      </c>
      <c r="F362" s="8">
        <v>1.016</v>
      </c>
      <c r="G362" s="8">
        <v>1.0049999999999999</v>
      </c>
    </row>
    <row r="363" spans="1:7" x14ac:dyDescent="0.3">
      <c r="A363" s="6">
        <v>44694</v>
      </c>
      <c r="B363" s="8">
        <v>3.0830000000000002</v>
      </c>
      <c r="C363" s="8">
        <v>1.9961</v>
      </c>
      <c r="D363" s="8">
        <v>1.276</v>
      </c>
      <c r="E363" s="8">
        <v>1.909</v>
      </c>
      <c r="F363" s="8">
        <v>1.119</v>
      </c>
      <c r="G363" s="8">
        <v>0.998</v>
      </c>
    </row>
    <row r="364" spans="1:7" x14ac:dyDescent="0.3">
      <c r="A364" s="6">
        <v>44697</v>
      </c>
      <c r="B364" s="8">
        <v>3.1019999999999999</v>
      </c>
      <c r="C364" s="8">
        <v>1.9751000000000001</v>
      </c>
      <c r="D364" s="8">
        <v>1.258</v>
      </c>
      <c r="E364" s="8">
        <v>1.8919999999999999</v>
      </c>
      <c r="F364" s="8">
        <v>1.099</v>
      </c>
      <c r="G364" s="8">
        <v>1</v>
      </c>
    </row>
    <row r="365" spans="1:7" x14ac:dyDescent="0.3">
      <c r="A365" s="6">
        <v>44698</v>
      </c>
      <c r="B365" s="8">
        <v>3.18</v>
      </c>
      <c r="C365" s="8">
        <v>2.0899000000000001</v>
      </c>
      <c r="D365" s="8">
        <v>1.3320000000000001</v>
      </c>
      <c r="E365" s="8">
        <v>1.9610000000000001</v>
      </c>
      <c r="F365" s="8">
        <v>1.1719999999999999</v>
      </c>
      <c r="G365" s="8">
        <v>1.0169999999999999</v>
      </c>
    </row>
    <row r="366" spans="1:7" x14ac:dyDescent="0.3">
      <c r="A366" s="6">
        <v>44699</v>
      </c>
      <c r="B366" s="8">
        <v>3.0659999999999998</v>
      </c>
      <c r="C366" s="8">
        <v>2.0908000000000002</v>
      </c>
      <c r="D366" s="8">
        <v>1.3240000000000001</v>
      </c>
      <c r="E366" s="8">
        <v>1.9319999999999999</v>
      </c>
      <c r="F366" s="8">
        <v>1.1439999999999999</v>
      </c>
      <c r="G366" s="8">
        <v>1.0209999999999999</v>
      </c>
    </row>
    <row r="367" spans="1:7" x14ac:dyDescent="0.3">
      <c r="A367" s="6">
        <v>44700</v>
      </c>
      <c r="B367" s="8">
        <v>3.0510000000000002</v>
      </c>
      <c r="C367" s="8">
        <v>2.0924999999999998</v>
      </c>
      <c r="D367" s="8">
        <v>1.2549999999999999</v>
      </c>
      <c r="E367" s="8">
        <v>1.86</v>
      </c>
      <c r="F367" s="8">
        <v>1.0649999999999999</v>
      </c>
      <c r="G367" s="8">
        <v>1.0069999999999999</v>
      </c>
    </row>
    <row r="368" spans="1:7" x14ac:dyDescent="0.3">
      <c r="A368" s="6">
        <v>44701</v>
      </c>
      <c r="B368" s="8">
        <v>2.9889999999999999</v>
      </c>
      <c r="C368" s="8">
        <v>2.1278000000000001</v>
      </c>
      <c r="D368" s="8">
        <v>1.319</v>
      </c>
      <c r="E368" s="8">
        <v>1.9350000000000001</v>
      </c>
      <c r="F368" s="8">
        <v>1.111</v>
      </c>
      <c r="G368" s="8">
        <v>0.98899999999999999</v>
      </c>
    </row>
    <row r="369" spans="1:7" x14ac:dyDescent="0.3">
      <c r="A369" s="6">
        <v>44704</v>
      </c>
      <c r="B369" s="8">
        <v>3.0539999999999998</v>
      </c>
      <c r="C369" s="8">
        <v>2.1831</v>
      </c>
      <c r="D369" s="8">
        <v>1.42</v>
      </c>
      <c r="E369" s="8">
        <v>2.008</v>
      </c>
      <c r="F369" s="8">
        <v>1.1930000000000001</v>
      </c>
      <c r="G369" s="8">
        <v>0.98299999999999998</v>
      </c>
    </row>
    <row r="370" spans="1:7" x14ac:dyDescent="0.3">
      <c r="A370" s="6">
        <v>44705</v>
      </c>
      <c r="B370" s="8">
        <v>2.9689999999999999</v>
      </c>
      <c r="C370" s="8">
        <v>2.1292</v>
      </c>
      <c r="D370" s="8">
        <v>1.3939999999999999</v>
      </c>
      <c r="E370" s="8">
        <v>2</v>
      </c>
      <c r="F370" s="8">
        <v>1.163</v>
      </c>
      <c r="G370" s="8">
        <v>0.96499999999999997</v>
      </c>
    </row>
    <row r="371" spans="1:7" x14ac:dyDescent="0.3">
      <c r="A371" s="6">
        <v>44706</v>
      </c>
      <c r="B371" s="8">
        <v>2.9710000000000001</v>
      </c>
      <c r="C371" s="8">
        <v>2.1587000000000001</v>
      </c>
      <c r="D371" s="8">
        <v>1.417</v>
      </c>
      <c r="E371" s="8">
        <v>2.0110000000000001</v>
      </c>
      <c r="F371" s="8">
        <v>1.1930000000000001</v>
      </c>
      <c r="G371" s="8">
        <v>0.95599999999999996</v>
      </c>
    </row>
    <row r="372" spans="1:7" x14ac:dyDescent="0.3">
      <c r="A372" s="6">
        <v>44707</v>
      </c>
      <c r="B372" s="8">
        <v>2.984</v>
      </c>
      <c r="C372" s="8">
        <v>2.2273999999999998</v>
      </c>
      <c r="D372" s="8">
        <v>1.492</v>
      </c>
      <c r="E372" s="8">
        <v>2.0859999999999999</v>
      </c>
      <c r="F372" s="8">
        <v>1.276</v>
      </c>
      <c r="G372" s="8">
        <v>1.006</v>
      </c>
    </row>
    <row r="373" spans="1:7" x14ac:dyDescent="0.3">
      <c r="A373" s="6">
        <v>44708</v>
      </c>
      <c r="B373" s="8">
        <v>2.9660000000000002</v>
      </c>
      <c r="C373" s="8">
        <v>2.1823999999999999</v>
      </c>
      <c r="D373" s="8">
        <v>1.458</v>
      </c>
      <c r="E373" s="8">
        <v>2.0449999999999999</v>
      </c>
      <c r="F373" s="8">
        <v>1.2410000000000001</v>
      </c>
      <c r="G373" s="8">
        <v>0.99299999999999999</v>
      </c>
    </row>
    <row r="374" spans="1:7" x14ac:dyDescent="0.3">
      <c r="A374" s="6">
        <v>44711</v>
      </c>
      <c r="B374" s="8">
        <v>2.9660000000000002</v>
      </c>
      <c r="C374" s="8">
        <v>2.2526999999999999</v>
      </c>
      <c r="D374" s="8">
        <v>1.5269999999999999</v>
      </c>
      <c r="E374" s="8">
        <v>2.1070000000000002</v>
      </c>
      <c r="F374" s="8">
        <v>1.31</v>
      </c>
      <c r="G374" s="8">
        <v>1.0029999999999999</v>
      </c>
    </row>
    <row r="375" spans="1:7" x14ac:dyDescent="0.3">
      <c r="A375" s="6">
        <v>44712</v>
      </c>
      <c r="B375" s="8">
        <v>3.0470000000000002</v>
      </c>
      <c r="C375" s="8">
        <v>2.3896000000000002</v>
      </c>
      <c r="D375" s="8">
        <v>1.5960000000000001</v>
      </c>
      <c r="E375" s="8">
        <v>2.1709999999999998</v>
      </c>
      <c r="F375" s="8">
        <v>1.375</v>
      </c>
      <c r="G375" s="8">
        <v>1.0189999999999999</v>
      </c>
    </row>
    <row r="376" spans="1:7" x14ac:dyDescent="0.3">
      <c r="A376" s="6">
        <v>44713</v>
      </c>
      <c r="B376" s="8">
        <v>3.0590000000000002</v>
      </c>
      <c r="C376" s="8">
        <v>2.4144999999999999</v>
      </c>
      <c r="D376" s="8">
        <v>1.6930000000000001</v>
      </c>
      <c r="E376" s="8">
        <v>2.2610000000000001</v>
      </c>
      <c r="F376" s="8">
        <v>1.4570000000000001</v>
      </c>
      <c r="G376" s="8">
        <v>1.034</v>
      </c>
    </row>
    <row r="377" spans="1:7" x14ac:dyDescent="0.3">
      <c r="A377" s="6">
        <v>44714</v>
      </c>
      <c r="B377" s="8">
        <v>3.0779999999999998</v>
      </c>
      <c r="C377" s="8">
        <v>2.4144999999999999</v>
      </c>
      <c r="D377" s="8">
        <v>1.7190000000000001</v>
      </c>
      <c r="E377" s="8">
        <v>2.2890000000000001</v>
      </c>
      <c r="F377" s="8">
        <v>1.4770000000000001</v>
      </c>
      <c r="G377" s="8">
        <v>1.0409999999999999</v>
      </c>
    </row>
    <row r="378" spans="1:7" x14ac:dyDescent="0.3">
      <c r="A378" s="6">
        <v>44715</v>
      </c>
      <c r="B378" s="8">
        <v>3.089</v>
      </c>
      <c r="C378" s="8">
        <v>2.4144999999999999</v>
      </c>
      <c r="D378" s="8">
        <v>1.7589999999999999</v>
      </c>
      <c r="E378" s="8">
        <v>2.3319999999999999</v>
      </c>
      <c r="F378" s="8">
        <v>1.516</v>
      </c>
      <c r="G378" s="8">
        <v>1.0229999999999999</v>
      </c>
    </row>
    <row r="379" spans="1:7" x14ac:dyDescent="0.3">
      <c r="A379" s="6">
        <v>44718</v>
      </c>
      <c r="B379" s="8">
        <v>3.1970000000000001</v>
      </c>
      <c r="C379" s="8">
        <v>2.4792999999999998</v>
      </c>
      <c r="D379" s="8">
        <v>1.8140000000000001</v>
      </c>
      <c r="E379" s="8">
        <v>2.379</v>
      </c>
      <c r="F379" s="8">
        <v>1.57</v>
      </c>
      <c r="G379" s="8">
        <v>1.028</v>
      </c>
    </row>
    <row r="380" spans="1:7" x14ac:dyDescent="0.3">
      <c r="A380" s="6">
        <v>44719</v>
      </c>
      <c r="B380" s="8">
        <v>3.1259999999999999</v>
      </c>
      <c r="C380" s="8">
        <v>2.4228000000000001</v>
      </c>
      <c r="D380" s="8">
        <v>1.7669999999999999</v>
      </c>
      <c r="E380" s="8">
        <v>2.3239999999999998</v>
      </c>
      <c r="F380" s="8">
        <v>1.5209999999999999</v>
      </c>
      <c r="G380" s="8">
        <v>1.0549999999999999</v>
      </c>
    </row>
    <row r="381" spans="1:7" x14ac:dyDescent="0.3">
      <c r="A381" s="6">
        <v>44720</v>
      </c>
      <c r="B381" s="8">
        <v>3.1739999999999999</v>
      </c>
      <c r="C381" s="8">
        <v>2.4563000000000001</v>
      </c>
      <c r="D381" s="8">
        <v>1.829</v>
      </c>
      <c r="E381" s="8">
        <v>2.3740000000000001</v>
      </c>
      <c r="F381" s="8">
        <v>1.5880000000000001</v>
      </c>
      <c r="G381" s="8">
        <v>1.0620000000000001</v>
      </c>
    </row>
    <row r="382" spans="1:7" x14ac:dyDescent="0.3">
      <c r="A382" s="6">
        <v>44721</v>
      </c>
      <c r="B382" s="8">
        <v>3.165</v>
      </c>
      <c r="C382" s="8">
        <v>2.4887000000000001</v>
      </c>
      <c r="D382" s="8">
        <v>1.857</v>
      </c>
      <c r="E382" s="8">
        <v>2.399</v>
      </c>
      <c r="F382" s="8">
        <v>1.62</v>
      </c>
      <c r="G382" s="8">
        <v>1.083</v>
      </c>
    </row>
    <row r="383" spans="1:7" x14ac:dyDescent="0.3">
      <c r="A383" s="6">
        <v>44722</v>
      </c>
      <c r="B383" s="8">
        <v>3.1960000000000002</v>
      </c>
      <c r="C383" s="8">
        <v>2.5678999999999998</v>
      </c>
      <c r="D383" s="8">
        <v>1.8859999999999999</v>
      </c>
      <c r="E383" s="8">
        <v>2.4689999999999999</v>
      </c>
      <c r="F383" s="8">
        <v>1.6539999999999999</v>
      </c>
      <c r="G383" s="8">
        <v>1.087</v>
      </c>
    </row>
    <row r="384" spans="1:7" x14ac:dyDescent="0.3">
      <c r="A384" s="6">
        <v>44725</v>
      </c>
      <c r="B384" s="8">
        <v>3.35</v>
      </c>
      <c r="C384" s="8">
        <v>2.6381999999999999</v>
      </c>
      <c r="D384" s="8">
        <v>1.9690000000000001</v>
      </c>
      <c r="E384" s="8">
        <v>2.556</v>
      </c>
      <c r="F384" s="8">
        <v>1.7110000000000001</v>
      </c>
      <c r="G384" s="8">
        <v>1.1879999999999999</v>
      </c>
    </row>
    <row r="385" spans="1:7" x14ac:dyDescent="0.3">
      <c r="A385" s="6">
        <v>44726</v>
      </c>
      <c r="B385" s="8">
        <v>3.427</v>
      </c>
      <c r="C385" s="8">
        <v>2.7239</v>
      </c>
      <c r="D385" s="8">
        <v>2.1219999999999999</v>
      </c>
      <c r="E385" s="8">
        <v>2.7269999999999999</v>
      </c>
      <c r="F385" s="8">
        <v>1.851</v>
      </c>
      <c r="G385" s="8">
        <v>1.1739999999999999</v>
      </c>
    </row>
    <row r="386" spans="1:7" x14ac:dyDescent="0.3">
      <c r="A386" s="6">
        <v>44727</v>
      </c>
      <c r="B386" s="8">
        <v>3.3319999999999999</v>
      </c>
      <c r="C386" s="8">
        <v>2.6408</v>
      </c>
      <c r="D386" s="8">
        <v>2.0510000000000002</v>
      </c>
      <c r="E386" s="8">
        <v>2.617</v>
      </c>
      <c r="F386" s="8">
        <v>1.798</v>
      </c>
      <c r="G386" s="8">
        <v>1.208</v>
      </c>
    </row>
    <row r="387" spans="1:7" x14ac:dyDescent="0.3">
      <c r="A387" s="6">
        <v>44728</v>
      </c>
      <c r="B387" s="8">
        <v>3.2509999999999999</v>
      </c>
      <c r="C387" s="8">
        <v>2.6726000000000001</v>
      </c>
      <c r="D387" s="8">
        <v>2.0840000000000001</v>
      </c>
      <c r="E387" s="8">
        <v>2.6219999999999999</v>
      </c>
      <c r="F387" s="8">
        <v>1.841</v>
      </c>
      <c r="G387" s="8">
        <v>1.1779999999999999</v>
      </c>
    </row>
    <row r="388" spans="1:7" x14ac:dyDescent="0.3">
      <c r="A388" s="6">
        <v>44729</v>
      </c>
      <c r="B388" s="8">
        <v>3.2829999999999999</v>
      </c>
      <c r="C388" s="8">
        <v>2.6650999999999998</v>
      </c>
      <c r="D388" s="8">
        <v>2.0680000000000001</v>
      </c>
      <c r="E388" s="8">
        <v>2.6269999999999998</v>
      </c>
      <c r="F388" s="8">
        <v>1.841</v>
      </c>
      <c r="G388" s="8">
        <v>1.1679999999999999</v>
      </c>
    </row>
    <row r="389" spans="1:7" x14ac:dyDescent="0.3">
      <c r="A389" s="6">
        <v>44732</v>
      </c>
      <c r="B389" s="8">
        <v>3.2829999999999999</v>
      </c>
      <c r="C389" s="8">
        <v>2.7938000000000001</v>
      </c>
      <c r="D389" s="8">
        <v>2.1640000000000001</v>
      </c>
      <c r="E389" s="8">
        <v>2.754</v>
      </c>
      <c r="F389" s="8">
        <v>1.9330000000000001</v>
      </c>
      <c r="G389" s="8">
        <v>1.216</v>
      </c>
    </row>
    <row r="390" spans="1:7" x14ac:dyDescent="0.3">
      <c r="A390" s="6">
        <v>44733</v>
      </c>
      <c r="B390" s="8">
        <v>3.339</v>
      </c>
      <c r="C390" s="8">
        <v>2.8683999999999998</v>
      </c>
      <c r="D390" s="8">
        <v>2.206</v>
      </c>
      <c r="E390" s="8">
        <v>2.786</v>
      </c>
      <c r="F390" s="8">
        <v>1.9670000000000001</v>
      </c>
      <c r="G390" s="8">
        <v>1.24</v>
      </c>
    </row>
    <row r="391" spans="1:7" x14ac:dyDescent="0.3">
      <c r="A391" s="6">
        <v>44734</v>
      </c>
      <c r="B391" s="8">
        <v>3.2509999999999999</v>
      </c>
      <c r="C391" s="8">
        <v>2.7284999999999999</v>
      </c>
      <c r="D391" s="8">
        <v>2.077</v>
      </c>
      <c r="E391" s="8">
        <v>2.6259999999999999</v>
      </c>
      <c r="F391" s="8">
        <v>1.8280000000000001</v>
      </c>
      <c r="G391" s="8">
        <v>1.2490000000000001</v>
      </c>
    </row>
    <row r="392" spans="1:7" x14ac:dyDescent="0.3">
      <c r="A392" s="6">
        <v>44735</v>
      </c>
      <c r="B392" s="8">
        <v>3.202</v>
      </c>
      <c r="C392" s="8">
        <v>2.5689000000000002</v>
      </c>
      <c r="D392" s="8">
        <v>1.9379999999999999</v>
      </c>
      <c r="E392" s="8">
        <v>2.4750000000000001</v>
      </c>
      <c r="F392" s="8">
        <v>1.679</v>
      </c>
      <c r="G392" s="8">
        <v>1.2210000000000001</v>
      </c>
    </row>
    <row r="393" spans="1:7" x14ac:dyDescent="0.3">
      <c r="A393" s="6">
        <v>44736</v>
      </c>
      <c r="B393" s="8">
        <v>3.2610000000000001</v>
      </c>
      <c r="C393" s="8">
        <v>2.5445000000000002</v>
      </c>
      <c r="D393" s="8">
        <v>1.9359999999999999</v>
      </c>
      <c r="E393" s="8">
        <v>2.4740000000000002</v>
      </c>
      <c r="F393" s="8">
        <v>1.6819999999999999</v>
      </c>
      <c r="G393" s="8">
        <v>1.23</v>
      </c>
    </row>
    <row r="394" spans="1:7" x14ac:dyDescent="0.3">
      <c r="A394" s="6">
        <v>44739</v>
      </c>
      <c r="B394" s="8">
        <v>3.3149999999999999</v>
      </c>
      <c r="C394" s="8">
        <v>2.6412</v>
      </c>
      <c r="D394" s="8">
        <v>1.992</v>
      </c>
      <c r="E394" s="8">
        <v>2.5419999999999998</v>
      </c>
      <c r="F394" s="8">
        <v>1.7430000000000001</v>
      </c>
      <c r="G394" s="8">
        <v>1.28</v>
      </c>
    </row>
    <row r="395" spans="1:7" x14ac:dyDescent="0.3">
      <c r="A395" s="6">
        <v>44740</v>
      </c>
      <c r="B395" s="8">
        <v>3.282</v>
      </c>
      <c r="C395" s="8">
        <v>2.7092999999999998</v>
      </c>
      <c r="D395" s="8">
        <v>2.077</v>
      </c>
      <c r="E395" s="8">
        <v>2.6349999999999998</v>
      </c>
      <c r="F395" s="8">
        <v>1.82</v>
      </c>
      <c r="G395" s="8">
        <v>1.292</v>
      </c>
    </row>
    <row r="396" spans="1:7" x14ac:dyDescent="0.3">
      <c r="A396" s="6">
        <v>44741</v>
      </c>
      <c r="B396" s="8">
        <v>3.22</v>
      </c>
      <c r="C396" s="8">
        <v>2.6657999999999999</v>
      </c>
      <c r="D396" s="8">
        <v>1.994</v>
      </c>
      <c r="E396" s="8">
        <v>2.5550000000000002</v>
      </c>
      <c r="F396" s="8">
        <v>1.7330000000000001</v>
      </c>
      <c r="G396" s="8">
        <v>1.268</v>
      </c>
    </row>
    <row r="397" spans="1:7" x14ac:dyDescent="0.3">
      <c r="A397" s="6">
        <v>44742</v>
      </c>
      <c r="B397" s="8">
        <v>3.1850000000000001</v>
      </c>
      <c r="C397" s="8">
        <v>2.5623</v>
      </c>
      <c r="D397" s="8">
        <v>1.8720000000000001</v>
      </c>
      <c r="E397" s="8">
        <v>2.4630000000000001</v>
      </c>
      <c r="F397" s="8">
        <v>1.61</v>
      </c>
      <c r="G397" s="8">
        <v>1.2330000000000001</v>
      </c>
    </row>
    <row r="398" spans="1:7" x14ac:dyDescent="0.3">
      <c r="A398" s="6">
        <v>44743</v>
      </c>
      <c r="B398" s="8">
        <v>3.105</v>
      </c>
      <c r="C398" s="8">
        <v>2.4510000000000001</v>
      </c>
      <c r="D398" s="8">
        <v>1.8080000000000001</v>
      </c>
      <c r="E398" s="8">
        <v>2.4060000000000001</v>
      </c>
      <c r="F398" s="8">
        <v>1.5580000000000001</v>
      </c>
      <c r="G398" s="8">
        <v>1.226</v>
      </c>
    </row>
    <row r="399" spans="1:7" x14ac:dyDescent="0.3">
      <c r="A399" s="6">
        <v>44746</v>
      </c>
      <c r="B399" s="8">
        <v>3.105</v>
      </c>
      <c r="C399" s="8">
        <v>2.5653999999999999</v>
      </c>
      <c r="D399" s="8">
        <v>1.8839999999999999</v>
      </c>
      <c r="E399" s="8">
        <v>2.5150000000000001</v>
      </c>
      <c r="F399" s="8">
        <v>1.63</v>
      </c>
      <c r="G399" s="8">
        <v>1.256</v>
      </c>
    </row>
    <row r="400" spans="1:7" x14ac:dyDescent="0.3">
      <c r="A400" s="6">
        <v>44747</v>
      </c>
      <c r="B400" s="8">
        <v>3.0419999999999998</v>
      </c>
      <c r="C400" s="8">
        <v>2.4613999999999998</v>
      </c>
      <c r="D400" s="8">
        <v>1.7669999999999999</v>
      </c>
      <c r="E400" s="8">
        <v>2.4049999999999998</v>
      </c>
      <c r="F400" s="8">
        <v>1.492</v>
      </c>
      <c r="G400" s="8">
        <v>1.284</v>
      </c>
    </row>
    <row r="401" spans="1:7" x14ac:dyDescent="0.3">
      <c r="A401" s="6">
        <v>44748</v>
      </c>
      <c r="B401" s="8">
        <v>3.121</v>
      </c>
      <c r="C401" s="8">
        <v>2.5354999999999999</v>
      </c>
      <c r="D401" s="8">
        <v>1.8029999999999999</v>
      </c>
      <c r="E401" s="8">
        <v>2.4300000000000002</v>
      </c>
      <c r="F401" s="8">
        <v>1.518</v>
      </c>
      <c r="G401" s="8">
        <v>1.2609999999999999</v>
      </c>
    </row>
    <row r="402" spans="1:7" x14ac:dyDescent="0.3">
      <c r="A402" s="6">
        <v>44749</v>
      </c>
      <c r="B402" s="8">
        <v>3.1880000000000002</v>
      </c>
      <c r="C402" s="8">
        <v>2.5455000000000001</v>
      </c>
      <c r="D402" s="8">
        <v>1.8420000000000001</v>
      </c>
      <c r="E402" s="8">
        <v>2.4569999999999999</v>
      </c>
      <c r="F402" s="8">
        <v>1.5469999999999999</v>
      </c>
      <c r="G402" s="8">
        <v>1.2549999999999999</v>
      </c>
    </row>
    <row r="403" spans="1:7" x14ac:dyDescent="0.3">
      <c r="A403" s="6">
        <v>44750</v>
      </c>
      <c r="B403" s="8">
        <v>3.2490000000000001</v>
      </c>
      <c r="C403" s="8">
        <v>2.6322999999999999</v>
      </c>
      <c r="D403" s="8">
        <v>1.901</v>
      </c>
      <c r="E403" s="8">
        <v>2.512</v>
      </c>
      <c r="F403" s="8">
        <v>1.6040000000000001</v>
      </c>
      <c r="G403" s="8">
        <v>1.242</v>
      </c>
    </row>
    <row r="404" spans="1:7" x14ac:dyDescent="0.3">
      <c r="A404" s="6">
        <v>44753</v>
      </c>
      <c r="B404" s="8">
        <v>3.1760000000000002</v>
      </c>
      <c r="C404" s="8">
        <v>2.5992000000000002</v>
      </c>
      <c r="D404" s="8">
        <v>1.8260000000000001</v>
      </c>
      <c r="E404" s="8">
        <v>2.4940000000000002</v>
      </c>
      <c r="F404" s="8">
        <v>1.5309999999999999</v>
      </c>
      <c r="G404" s="8">
        <v>1.288</v>
      </c>
    </row>
    <row r="405" spans="1:7" x14ac:dyDescent="0.3">
      <c r="A405" s="6">
        <v>44754</v>
      </c>
      <c r="B405" s="8">
        <v>3.1629999999999998</v>
      </c>
      <c r="C405" s="8">
        <v>2.5672000000000001</v>
      </c>
      <c r="D405" s="8">
        <v>1.6950000000000001</v>
      </c>
      <c r="E405" s="8">
        <v>2.331</v>
      </c>
      <c r="F405" s="8">
        <v>1.4019999999999999</v>
      </c>
      <c r="G405" s="8">
        <v>1.306</v>
      </c>
    </row>
    <row r="406" spans="1:7" x14ac:dyDescent="0.3">
      <c r="A406" s="6">
        <v>44755</v>
      </c>
      <c r="B406" s="8">
        <v>3.12</v>
      </c>
      <c r="C406" s="8">
        <v>2.5198</v>
      </c>
      <c r="D406" s="8">
        <v>1.679</v>
      </c>
      <c r="E406" s="8">
        <v>2.298</v>
      </c>
      <c r="F406" s="8">
        <v>1.3740000000000001</v>
      </c>
      <c r="G406" s="8">
        <v>1.2549999999999999</v>
      </c>
    </row>
    <row r="407" spans="1:7" x14ac:dyDescent="0.3">
      <c r="A407" s="6">
        <v>44756</v>
      </c>
      <c r="B407" s="8">
        <v>3.1059999999999999</v>
      </c>
      <c r="C407" s="8">
        <v>2.5476999999999999</v>
      </c>
      <c r="D407" s="8">
        <v>1.6850000000000001</v>
      </c>
      <c r="E407" s="8">
        <v>2.31</v>
      </c>
      <c r="F407" s="8">
        <v>1.3759999999999999</v>
      </c>
      <c r="G407" s="8">
        <v>1.24</v>
      </c>
    </row>
    <row r="408" spans="1:7" x14ac:dyDescent="0.3">
      <c r="A408" s="6">
        <v>44757</v>
      </c>
      <c r="B408" s="8">
        <v>3.08</v>
      </c>
      <c r="C408" s="8">
        <v>2.5828000000000002</v>
      </c>
      <c r="D408" s="8">
        <v>1.669</v>
      </c>
      <c r="E408" s="8">
        <v>2.3109999999999999</v>
      </c>
      <c r="F408" s="8">
        <v>1.355</v>
      </c>
      <c r="G408" s="8">
        <v>1.202</v>
      </c>
    </row>
    <row r="409" spans="1:7" x14ac:dyDescent="0.3">
      <c r="A409" s="6">
        <v>44760</v>
      </c>
      <c r="B409" s="8">
        <v>3.157</v>
      </c>
      <c r="C409" s="8">
        <v>2.6316000000000002</v>
      </c>
      <c r="D409" s="8">
        <v>1.7470000000000001</v>
      </c>
      <c r="E409" s="8">
        <v>2.3769999999999998</v>
      </c>
      <c r="F409" s="8">
        <v>1.4330000000000001</v>
      </c>
      <c r="G409" s="8">
        <v>1.202</v>
      </c>
    </row>
    <row r="410" spans="1:7" x14ac:dyDescent="0.3">
      <c r="A410" s="6">
        <v>44761</v>
      </c>
      <c r="B410" s="8">
        <v>3.177</v>
      </c>
      <c r="C410" s="8">
        <v>2.6833999999999998</v>
      </c>
      <c r="D410" s="8">
        <v>1.764</v>
      </c>
      <c r="E410" s="8">
        <v>2.38</v>
      </c>
      <c r="F410" s="8">
        <v>1.464</v>
      </c>
      <c r="G410" s="8">
        <v>1.2609999999999999</v>
      </c>
    </row>
    <row r="411" spans="1:7" x14ac:dyDescent="0.3">
      <c r="A411" s="6">
        <v>44762</v>
      </c>
      <c r="B411" s="8">
        <v>3.16</v>
      </c>
      <c r="C411" s="8">
        <v>2.6575000000000002</v>
      </c>
      <c r="D411" s="8">
        <v>1.7529999999999999</v>
      </c>
      <c r="E411" s="8">
        <v>2.3820000000000001</v>
      </c>
      <c r="F411" s="8">
        <v>1.4490000000000001</v>
      </c>
      <c r="G411" s="8">
        <v>1.274</v>
      </c>
    </row>
    <row r="412" spans="1:7" x14ac:dyDescent="0.3">
      <c r="A412" s="6">
        <v>44763</v>
      </c>
      <c r="B412" s="8">
        <v>3.044</v>
      </c>
      <c r="C412" s="8">
        <v>2.5280999999999998</v>
      </c>
      <c r="D412" s="8">
        <v>1.6990000000000001</v>
      </c>
      <c r="E412" s="8">
        <v>2.347</v>
      </c>
      <c r="F412" s="8">
        <v>1.3939999999999999</v>
      </c>
      <c r="G412" s="8">
        <v>1.2529999999999999</v>
      </c>
    </row>
    <row r="413" spans="1:7" x14ac:dyDescent="0.3">
      <c r="A413" s="6">
        <v>44764</v>
      </c>
      <c r="B413" s="8">
        <v>2.9750000000000001</v>
      </c>
      <c r="C413" s="8">
        <v>2.448</v>
      </c>
      <c r="D413" s="8">
        <v>1.583</v>
      </c>
      <c r="E413" s="8">
        <v>2.2229999999999999</v>
      </c>
      <c r="F413" s="8">
        <v>1.28</v>
      </c>
      <c r="G413" s="8">
        <v>1.2250000000000001</v>
      </c>
    </row>
    <row r="414" spans="1:7" x14ac:dyDescent="0.3">
      <c r="A414" s="6">
        <v>44767</v>
      </c>
      <c r="B414" s="8">
        <v>3.0179999999999998</v>
      </c>
      <c r="C414" s="8">
        <v>2.4897999999999998</v>
      </c>
      <c r="D414" s="8">
        <v>1.5780000000000001</v>
      </c>
      <c r="E414" s="8">
        <v>2.2229999999999999</v>
      </c>
      <c r="F414" s="8">
        <v>1.2729999999999999</v>
      </c>
      <c r="G414" s="8">
        <v>1.2090000000000001</v>
      </c>
    </row>
    <row r="415" spans="1:7" x14ac:dyDescent="0.3">
      <c r="A415" s="6">
        <v>44768</v>
      </c>
      <c r="B415" s="8">
        <v>3.028</v>
      </c>
      <c r="C415" s="8">
        <v>2.4740000000000002</v>
      </c>
      <c r="D415" s="8">
        <v>1.5</v>
      </c>
      <c r="E415" s="8">
        <v>2.16</v>
      </c>
      <c r="F415" s="8">
        <v>1.1930000000000001</v>
      </c>
      <c r="G415" s="8">
        <v>1.1719999999999999</v>
      </c>
    </row>
    <row r="416" spans="1:7" x14ac:dyDescent="0.3">
      <c r="A416" s="6">
        <v>44769</v>
      </c>
      <c r="B416" s="8">
        <v>3.0680000000000001</v>
      </c>
      <c r="C416" s="8">
        <v>2.5211999999999999</v>
      </c>
      <c r="D416" s="8">
        <v>1.5089999999999999</v>
      </c>
      <c r="E416" s="8">
        <v>2.17</v>
      </c>
      <c r="F416" s="8">
        <v>1.1919999999999999</v>
      </c>
      <c r="G416" s="8">
        <v>1.1579999999999999</v>
      </c>
    </row>
    <row r="417" spans="1:7" x14ac:dyDescent="0.3">
      <c r="A417" s="6">
        <v>44770</v>
      </c>
      <c r="B417" s="8">
        <v>3.0249999999999999</v>
      </c>
      <c r="C417" s="8">
        <v>2.4354</v>
      </c>
      <c r="D417" s="8">
        <v>1.419</v>
      </c>
      <c r="E417" s="8">
        <v>2.06</v>
      </c>
      <c r="F417" s="8">
        <v>1.105</v>
      </c>
      <c r="G417" s="8">
        <v>1.206</v>
      </c>
    </row>
    <row r="418" spans="1:7" x14ac:dyDescent="0.3">
      <c r="A418" s="6">
        <v>44771</v>
      </c>
      <c r="B418" s="8">
        <v>3.0110000000000001</v>
      </c>
      <c r="C418" s="8">
        <v>2.4001000000000001</v>
      </c>
      <c r="D418" s="8">
        <v>1.3680000000000001</v>
      </c>
      <c r="E418" s="8">
        <v>1.978</v>
      </c>
      <c r="F418" s="8">
        <v>1.069</v>
      </c>
      <c r="G418" s="8">
        <v>1.1950000000000001</v>
      </c>
    </row>
    <row r="419" spans="1:7" x14ac:dyDescent="0.3">
      <c r="A419" s="6">
        <v>44774</v>
      </c>
      <c r="B419" s="8">
        <v>2.915</v>
      </c>
      <c r="C419" s="8">
        <v>2.2805</v>
      </c>
      <c r="D419" s="8">
        <v>1.3240000000000001</v>
      </c>
      <c r="E419" s="8">
        <v>1.9510000000000001</v>
      </c>
      <c r="F419" s="8">
        <v>1.028</v>
      </c>
      <c r="G419" s="8">
        <v>1.2330000000000001</v>
      </c>
    </row>
    <row r="420" spans="1:7" x14ac:dyDescent="0.3">
      <c r="A420" s="6">
        <v>44775</v>
      </c>
      <c r="B420" s="8">
        <v>3.0089999999999999</v>
      </c>
      <c r="C420" s="8">
        <v>2.2866</v>
      </c>
      <c r="D420" s="8">
        <v>1.3340000000000001</v>
      </c>
      <c r="E420" s="8">
        <v>1.966</v>
      </c>
      <c r="F420" s="8">
        <v>1.026</v>
      </c>
      <c r="G420" s="8">
        <v>1.1859999999999999</v>
      </c>
    </row>
    <row r="421" spans="1:7" x14ac:dyDescent="0.3">
      <c r="A421" s="6">
        <v>44776</v>
      </c>
      <c r="B421" s="8">
        <v>2.9470000000000001</v>
      </c>
      <c r="C421" s="8">
        <v>2.3014000000000001</v>
      </c>
      <c r="D421" s="8">
        <v>1.373</v>
      </c>
      <c r="E421" s="8">
        <v>1.982</v>
      </c>
      <c r="F421" s="8">
        <v>1.069</v>
      </c>
      <c r="G421" s="8">
        <v>1.2070000000000001</v>
      </c>
    </row>
    <row r="422" spans="1:7" x14ac:dyDescent="0.3">
      <c r="A422" s="6">
        <v>44777</v>
      </c>
      <c r="B422" s="8">
        <v>2.9670000000000001</v>
      </c>
      <c r="C422" s="8">
        <v>2.2831999999999999</v>
      </c>
      <c r="D422" s="8">
        <v>1.327</v>
      </c>
      <c r="E422" s="8">
        <v>1.9259999999999999</v>
      </c>
      <c r="F422" s="8">
        <v>1.034</v>
      </c>
      <c r="G422" s="8">
        <v>1.1850000000000001</v>
      </c>
    </row>
    <row r="423" spans="1:7" x14ac:dyDescent="0.3">
      <c r="A423" s="6">
        <v>44778</v>
      </c>
      <c r="B423" s="8">
        <v>3.07</v>
      </c>
      <c r="C423" s="8">
        <v>2.4281000000000001</v>
      </c>
      <c r="D423" s="8">
        <v>1.4379999999999999</v>
      </c>
      <c r="E423" s="8">
        <v>2.036</v>
      </c>
      <c r="F423" s="8">
        <v>1.1639999999999999</v>
      </c>
      <c r="G423" s="8">
        <v>1.153</v>
      </c>
    </row>
    <row r="424" spans="1:7" x14ac:dyDescent="0.3">
      <c r="A424" s="6">
        <v>44781</v>
      </c>
      <c r="B424" s="8">
        <v>2.9860000000000002</v>
      </c>
      <c r="C424" s="8">
        <v>2.3492999999999999</v>
      </c>
      <c r="D424" s="8">
        <v>1.391</v>
      </c>
      <c r="E424" s="8">
        <v>1.9930000000000001</v>
      </c>
      <c r="F424" s="8">
        <v>1.115</v>
      </c>
      <c r="G424" s="8">
        <v>1.1419999999999999</v>
      </c>
    </row>
    <row r="425" spans="1:7" x14ac:dyDescent="0.3">
      <c r="A425" s="6">
        <v>44782</v>
      </c>
      <c r="B425" s="8">
        <v>2.992</v>
      </c>
      <c r="C425" s="8">
        <v>2.3424</v>
      </c>
      <c r="D425" s="8">
        <v>1.45</v>
      </c>
      <c r="E425" s="8">
        <v>2.0350000000000001</v>
      </c>
      <c r="F425" s="8">
        <v>1.1499999999999999</v>
      </c>
      <c r="G425" s="8">
        <v>1.109</v>
      </c>
    </row>
    <row r="426" spans="1:7" x14ac:dyDescent="0.3">
      <c r="A426" s="6">
        <v>44783</v>
      </c>
      <c r="B426" s="8">
        <v>3.0339999999999998</v>
      </c>
      <c r="C426" s="8">
        <v>2.3336999999999999</v>
      </c>
      <c r="D426" s="8">
        <v>1.423</v>
      </c>
      <c r="E426" s="8">
        <v>2.0310000000000001</v>
      </c>
      <c r="F426" s="8">
        <v>1.123</v>
      </c>
      <c r="G426" s="8">
        <v>1.099</v>
      </c>
    </row>
    <row r="427" spans="1:7" x14ac:dyDescent="0.3">
      <c r="A427" s="6">
        <v>44784</v>
      </c>
      <c r="B427" s="8">
        <v>3.177</v>
      </c>
      <c r="C427" s="8">
        <v>2.4468000000000001</v>
      </c>
      <c r="D427" s="8">
        <v>1.522</v>
      </c>
      <c r="E427" s="8">
        <v>2.1240000000000001</v>
      </c>
      <c r="F427" s="8">
        <v>1.224</v>
      </c>
      <c r="G427" s="8">
        <v>1.099</v>
      </c>
    </row>
    <row r="428" spans="1:7" x14ac:dyDescent="0.3">
      <c r="A428" s="6">
        <v>44785</v>
      </c>
      <c r="B428" s="8">
        <v>3.1120000000000001</v>
      </c>
      <c r="C428" s="8">
        <v>2.5339999999999998</v>
      </c>
      <c r="D428" s="8">
        <v>1.532</v>
      </c>
      <c r="E428" s="8">
        <v>2.13</v>
      </c>
      <c r="F428" s="8">
        <v>1.2310000000000001</v>
      </c>
      <c r="G428" s="8">
        <v>1.097</v>
      </c>
    </row>
    <row r="429" spans="1:7" x14ac:dyDescent="0.3">
      <c r="A429" s="6">
        <v>44788</v>
      </c>
      <c r="B429" s="8">
        <v>3.1030000000000002</v>
      </c>
      <c r="C429" s="8">
        <v>2.4333</v>
      </c>
      <c r="D429" s="8">
        <v>1.456</v>
      </c>
      <c r="E429" s="8">
        <v>2.0579999999999998</v>
      </c>
      <c r="F429" s="8">
        <v>1.1519999999999999</v>
      </c>
      <c r="G429" s="8">
        <v>1.1100000000000001</v>
      </c>
    </row>
    <row r="430" spans="1:7" x14ac:dyDescent="0.3">
      <c r="A430" s="6">
        <v>44789</v>
      </c>
      <c r="B430" s="8">
        <v>3.0910000000000002</v>
      </c>
      <c r="C430" s="8">
        <v>2.5127999999999999</v>
      </c>
      <c r="D430" s="8">
        <v>1.5289999999999999</v>
      </c>
      <c r="E430" s="8">
        <v>2.14</v>
      </c>
      <c r="F430" s="8">
        <v>1.2270000000000001</v>
      </c>
      <c r="G430" s="8">
        <v>1.0780000000000001</v>
      </c>
    </row>
    <row r="431" spans="1:7" x14ac:dyDescent="0.3">
      <c r="A431" s="6">
        <v>44790</v>
      </c>
      <c r="B431" s="8">
        <v>3.1539999999999999</v>
      </c>
      <c r="C431" s="8">
        <v>2.6202999999999999</v>
      </c>
      <c r="D431" s="8">
        <v>1.595</v>
      </c>
      <c r="E431" s="8">
        <v>2.2040000000000002</v>
      </c>
      <c r="F431" s="8">
        <v>1.288</v>
      </c>
      <c r="G431" s="8">
        <v>1.0629999999999999</v>
      </c>
    </row>
    <row r="432" spans="1:7" x14ac:dyDescent="0.3">
      <c r="A432" s="6">
        <v>44791</v>
      </c>
      <c r="B432" s="8">
        <v>3.1379999999999999</v>
      </c>
      <c r="C432" s="8">
        <v>2.621</v>
      </c>
      <c r="D432" s="8">
        <v>1.605</v>
      </c>
      <c r="E432" s="8">
        <v>2.2000000000000002</v>
      </c>
      <c r="F432" s="8">
        <v>1.2909999999999999</v>
      </c>
      <c r="G432" s="8">
        <v>1.0940000000000001</v>
      </c>
    </row>
    <row r="433" spans="1:7" x14ac:dyDescent="0.3">
      <c r="A433" s="6">
        <v>44792</v>
      </c>
      <c r="B433" s="8">
        <v>3.2149999999999999</v>
      </c>
      <c r="C433" s="8">
        <v>2.7113999999999998</v>
      </c>
      <c r="D433" s="8">
        <v>1.72</v>
      </c>
      <c r="E433" s="8">
        <v>2.3140000000000001</v>
      </c>
      <c r="F433" s="8">
        <v>1.4</v>
      </c>
      <c r="G433" s="8">
        <v>1.079</v>
      </c>
    </row>
    <row r="434" spans="1:7" x14ac:dyDescent="0.3">
      <c r="A434" s="6">
        <v>44795</v>
      </c>
      <c r="B434" s="8">
        <v>3.2269999999999999</v>
      </c>
      <c r="C434" s="8">
        <v>2.8359999999999999</v>
      </c>
      <c r="D434" s="8">
        <v>1.77</v>
      </c>
      <c r="E434" s="8">
        <v>2.395</v>
      </c>
      <c r="F434" s="8">
        <v>1.4470000000000001</v>
      </c>
      <c r="G434" s="8">
        <v>1.1240000000000001</v>
      </c>
    </row>
    <row r="435" spans="1:7" x14ac:dyDescent="0.3">
      <c r="A435" s="6">
        <v>44796</v>
      </c>
      <c r="B435" s="8">
        <v>3.2570000000000001</v>
      </c>
      <c r="C435" s="8">
        <v>2.8814000000000002</v>
      </c>
      <c r="D435" s="8">
        <v>1.8109999999999999</v>
      </c>
      <c r="E435" s="8">
        <v>2.4239999999999999</v>
      </c>
      <c r="F435" s="8">
        <v>1.482</v>
      </c>
      <c r="G435" s="8">
        <v>1.143</v>
      </c>
    </row>
    <row r="436" spans="1:7" x14ac:dyDescent="0.3">
      <c r="A436" s="6">
        <v>44797</v>
      </c>
      <c r="B436" s="8">
        <v>3.3140000000000001</v>
      </c>
      <c r="C436" s="8">
        <v>2.9304999999999999</v>
      </c>
      <c r="D436" s="8">
        <v>1.84</v>
      </c>
      <c r="E436" s="8">
        <v>2.4580000000000002</v>
      </c>
      <c r="F436" s="8">
        <v>1.5</v>
      </c>
      <c r="G436" s="8">
        <v>1.147</v>
      </c>
    </row>
    <row r="437" spans="1:7" x14ac:dyDescent="0.3">
      <c r="A437" s="6">
        <v>44798</v>
      </c>
      <c r="B437" s="8">
        <v>3.242</v>
      </c>
      <c r="C437" s="8">
        <v>2.8894000000000002</v>
      </c>
      <c r="D437" s="8">
        <v>1.837</v>
      </c>
      <c r="E437" s="8">
        <v>2.452</v>
      </c>
      <c r="F437" s="8">
        <v>1.496</v>
      </c>
      <c r="G437" s="8">
        <v>1.1439999999999999</v>
      </c>
    </row>
    <row r="438" spans="1:7" x14ac:dyDescent="0.3">
      <c r="A438" s="6">
        <v>44799</v>
      </c>
      <c r="B438" s="8">
        <v>3.194</v>
      </c>
      <c r="C438" s="8">
        <v>2.875</v>
      </c>
      <c r="D438" s="8">
        <v>1.86</v>
      </c>
      <c r="E438" s="8">
        <v>2.496</v>
      </c>
      <c r="F438" s="8">
        <v>1.5109999999999999</v>
      </c>
      <c r="G438" s="8">
        <v>1.141</v>
      </c>
    </row>
    <row r="439" spans="1:7" x14ac:dyDescent="0.3">
      <c r="A439" s="6">
        <v>44802</v>
      </c>
      <c r="B439" s="8">
        <v>3.242</v>
      </c>
      <c r="C439" s="8">
        <v>2.875</v>
      </c>
      <c r="D439" s="8">
        <v>1.952</v>
      </c>
      <c r="E439" s="8">
        <v>2.5550000000000002</v>
      </c>
      <c r="F439" s="8">
        <v>1.597</v>
      </c>
      <c r="G439" s="8">
        <v>1.2</v>
      </c>
    </row>
    <row r="440" spans="1:7" x14ac:dyDescent="0.3">
      <c r="A440" s="6">
        <v>44803</v>
      </c>
      <c r="B440" s="8">
        <v>3.218</v>
      </c>
      <c r="C440" s="8">
        <v>2.9765000000000001</v>
      </c>
      <c r="D440" s="8">
        <v>1.95</v>
      </c>
      <c r="E440" s="8">
        <v>2.5470000000000002</v>
      </c>
      <c r="F440" s="8">
        <v>1.5980000000000001</v>
      </c>
      <c r="G440" s="8">
        <v>1.196</v>
      </c>
    </row>
    <row r="441" spans="1:7" x14ac:dyDescent="0.3">
      <c r="A441" s="6">
        <v>44804</v>
      </c>
      <c r="B441" s="8">
        <v>3.294</v>
      </c>
      <c r="C441" s="8">
        <v>3.0737999999999999</v>
      </c>
      <c r="D441" s="8">
        <v>1.972</v>
      </c>
      <c r="E441" s="8">
        <v>2.5529999999999999</v>
      </c>
      <c r="F441" s="8">
        <v>1.623</v>
      </c>
      <c r="G441" s="8">
        <v>1.1870000000000001</v>
      </c>
    </row>
    <row r="442" spans="1:7" x14ac:dyDescent="0.3">
      <c r="A442" s="6">
        <v>44805</v>
      </c>
      <c r="B442" s="8">
        <v>3.3620000000000001</v>
      </c>
      <c r="C442" s="8">
        <v>3.1930999999999998</v>
      </c>
      <c r="D442" s="8">
        <v>2.048</v>
      </c>
      <c r="E442" s="8">
        <v>2.6269999999999998</v>
      </c>
      <c r="F442" s="8">
        <v>1.696</v>
      </c>
      <c r="G442" s="8">
        <v>1.222</v>
      </c>
    </row>
    <row r="443" spans="1:7" x14ac:dyDescent="0.3">
      <c r="A443" s="6">
        <v>44806</v>
      </c>
      <c r="B443" s="8">
        <v>3.347</v>
      </c>
      <c r="C443" s="8">
        <v>3.2736999999999998</v>
      </c>
      <c r="D443" s="8">
        <v>2.0350000000000001</v>
      </c>
      <c r="E443" s="8">
        <v>2.6110000000000002</v>
      </c>
      <c r="F443" s="8">
        <v>1.6850000000000001</v>
      </c>
      <c r="G443" s="8">
        <v>1.262</v>
      </c>
    </row>
    <row r="444" spans="1:7" x14ac:dyDescent="0.3">
      <c r="A444" s="6">
        <v>44809</v>
      </c>
      <c r="B444" s="8">
        <v>3.347</v>
      </c>
      <c r="C444" s="8">
        <v>3.2029999999999998</v>
      </c>
      <c r="D444" s="8">
        <v>2.0499999999999998</v>
      </c>
      <c r="E444" s="8">
        <v>2.641</v>
      </c>
      <c r="F444" s="8">
        <v>1.7030000000000001</v>
      </c>
      <c r="G444" s="8">
        <v>1.242</v>
      </c>
    </row>
    <row r="445" spans="1:7" x14ac:dyDescent="0.3">
      <c r="A445" s="6">
        <v>44810</v>
      </c>
      <c r="B445" s="8">
        <v>3.5030000000000001</v>
      </c>
      <c r="C445" s="8">
        <v>3.4104999999999999</v>
      </c>
      <c r="D445" s="8">
        <v>2.0960000000000001</v>
      </c>
      <c r="E445" s="8">
        <v>2.641</v>
      </c>
      <c r="F445" s="8">
        <v>1.7529999999999999</v>
      </c>
      <c r="G445" s="8">
        <v>1.2529999999999999</v>
      </c>
    </row>
    <row r="446" spans="1:7" x14ac:dyDescent="0.3">
      <c r="A446" s="6">
        <v>44811</v>
      </c>
      <c r="B446" s="8">
        <v>3.4129999999999998</v>
      </c>
      <c r="C446" s="8">
        <v>3.3668</v>
      </c>
      <c r="D446" s="8">
        <v>2.012</v>
      </c>
      <c r="E446" s="8">
        <v>2.5590000000000002</v>
      </c>
      <c r="F446" s="8">
        <v>1.673</v>
      </c>
      <c r="G446" s="8">
        <v>1.302</v>
      </c>
    </row>
    <row r="447" spans="1:7" x14ac:dyDescent="0.3">
      <c r="A447" s="6">
        <v>44812</v>
      </c>
      <c r="B447" s="8">
        <v>3.4769999999999999</v>
      </c>
      <c r="C447" s="8">
        <v>3.4935</v>
      </c>
      <c r="D447" s="8">
        <v>2.0920000000000001</v>
      </c>
      <c r="E447" s="8">
        <v>2.613</v>
      </c>
      <c r="F447" s="8">
        <v>1.772</v>
      </c>
      <c r="G447" s="8">
        <v>1.2949999999999999</v>
      </c>
    </row>
    <row r="448" spans="1:7" x14ac:dyDescent="0.3">
      <c r="A448" s="6">
        <v>44813</v>
      </c>
      <c r="B448" s="8">
        <v>3.4489999999999998</v>
      </c>
      <c r="C448" s="8">
        <v>3.4723000000000002</v>
      </c>
      <c r="D448" s="8">
        <v>2.117</v>
      </c>
      <c r="E448" s="8">
        <v>2.6629999999999998</v>
      </c>
      <c r="F448" s="8">
        <v>1.8029999999999999</v>
      </c>
      <c r="G448" s="8">
        <v>1.31</v>
      </c>
    </row>
    <row r="449" spans="1:7" x14ac:dyDescent="0.3">
      <c r="A449" s="6">
        <v>44816</v>
      </c>
      <c r="B449" s="8">
        <v>3.5139999999999998</v>
      </c>
      <c r="C449" s="8">
        <v>3.4468000000000001</v>
      </c>
      <c r="D449" s="8">
        <v>2.0630000000000002</v>
      </c>
      <c r="E449" s="8">
        <v>2.6190000000000002</v>
      </c>
      <c r="F449" s="8">
        <v>1.7450000000000001</v>
      </c>
      <c r="G449" s="8">
        <v>1.278</v>
      </c>
    </row>
    <row r="450" spans="1:7" x14ac:dyDescent="0.3">
      <c r="A450" s="6">
        <v>44817</v>
      </c>
      <c r="B450" s="8">
        <v>3.4889999999999999</v>
      </c>
      <c r="C450" s="8">
        <v>3.4868000000000001</v>
      </c>
      <c r="D450" s="8">
        <v>2.1040000000000001</v>
      </c>
      <c r="E450" s="8">
        <v>2.6579999999999999</v>
      </c>
      <c r="F450" s="8">
        <v>1.7929999999999999</v>
      </c>
      <c r="G450" s="8">
        <v>1.22</v>
      </c>
    </row>
    <row r="451" spans="1:7" x14ac:dyDescent="0.3">
      <c r="A451" s="6">
        <v>44818</v>
      </c>
      <c r="B451" s="8">
        <v>3.4590000000000001</v>
      </c>
      <c r="C451" s="8">
        <v>3.4268000000000001</v>
      </c>
      <c r="D451" s="8">
        <v>2.0529999999999999</v>
      </c>
      <c r="E451" s="8">
        <v>2.617</v>
      </c>
      <c r="F451" s="8">
        <v>1.7470000000000001</v>
      </c>
      <c r="G451" s="8">
        <v>1.1839999999999999</v>
      </c>
    </row>
    <row r="452" spans="1:7" x14ac:dyDescent="0.3">
      <c r="A452" s="6">
        <v>44819</v>
      </c>
      <c r="B452" s="8">
        <v>3.468</v>
      </c>
      <c r="C452" s="8">
        <v>3.4733999999999998</v>
      </c>
      <c r="D452" s="8">
        <v>2.0390000000000001</v>
      </c>
      <c r="E452" s="8">
        <v>2.617</v>
      </c>
      <c r="F452" s="8">
        <v>1.7549999999999999</v>
      </c>
      <c r="G452" s="8">
        <v>1.25</v>
      </c>
    </row>
    <row r="453" spans="1:7" x14ac:dyDescent="0.3">
      <c r="A453" s="6">
        <v>44820</v>
      </c>
      <c r="B453" s="8">
        <v>3.5150000000000001</v>
      </c>
      <c r="C453" s="8">
        <v>3.4470999999999998</v>
      </c>
      <c r="D453" s="8">
        <v>2.052</v>
      </c>
      <c r="E453" s="8">
        <v>2.617</v>
      </c>
      <c r="F453" s="8">
        <v>1.76</v>
      </c>
      <c r="G453" s="8">
        <v>1.2869999999999999</v>
      </c>
    </row>
    <row r="454" spans="1:7" x14ac:dyDescent="0.3">
      <c r="A454" s="6">
        <v>44823</v>
      </c>
      <c r="B454" s="8">
        <v>3.5169999999999999</v>
      </c>
      <c r="C454" s="8">
        <v>3.4470999999999998</v>
      </c>
      <c r="D454" s="8">
        <v>2.0979999999999999</v>
      </c>
      <c r="E454" s="8">
        <v>2.66</v>
      </c>
      <c r="F454" s="8">
        <v>1.804</v>
      </c>
      <c r="G454" s="8">
        <v>1.2869999999999999</v>
      </c>
    </row>
    <row r="455" spans="1:7" x14ac:dyDescent="0.3">
      <c r="A455" s="6">
        <v>44824</v>
      </c>
      <c r="B455" s="8">
        <v>3.573</v>
      </c>
      <c r="C455" s="8">
        <v>3.5874999999999999</v>
      </c>
      <c r="D455" s="8">
        <v>2.2069999999999999</v>
      </c>
      <c r="E455" s="8">
        <v>2.7770000000000001</v>
      </c>
      <c r="F455" s="8">
        <v>1.9179999999999999</v>
      </c>
      <c r="G455" s="8">
        <v>1.3129999999999999</v>
      </c>
    </row>
    <row r="456" spans="1:7" x14ac:dyDescent="0.3">
      <c r="A456" s="6">
        <v>44825</v>
      </c>
      <c r="B456" s="8">
        <v>3.5049999999999999</v>
      </c>
      <c r="C456" s="8">
        <v>3.5855000000000001</v>
      </c>
      <c r="D456" s="8">
        <v>2.1190000000000002</v>
      </c>
      <c r="E456" s="8">
        <v>2.7050000000000001</v>
      </c>
      <c r="F456" s="8">
        <v>1.8320000000000001</v>
      </c>
      <c r="G456" s="8">
        <v>1.3120000000000001</v>
      </c>
    </row>
    <row r="457" spans="1:7" x14ac:dyDescent="0.3">
      <c r="A457" s="6">
        <v>44826</v>
      </c>
      <c r="B457" s="8">
        <v>3.6419999999999999</v>
      </c>
      <c r="C457" s="8">
        <v>3.7715000000000001</v>
      </c>
      <c r="D457" s="8">
        <v>2.149</v>
      </c>
      <c r="E457" s="8">
        <v>2.7389999999999999</v>
      </c>
      <c r="F457" s="8">
        <v>1.8660000000000001</v>
      </c>
      <c r="G457" s="8">
        <v>1.2889999999999999</v>
      </c>
    </row>
    <row r="458" spans="1:7" x14ac:dyDescent="0.3">
      <c r="A458" s="6">
        <v>44827</v>
      </c>
      <c r="B458" s="8">
        <v>3.6080000000000001</v>
      </c>
      <c r="C458" s="8">
        <v>4.0358999999999998</v>
      </c>
      <c r="D458" s="8">
        <v>2.1640000000000001</v>
      </c>
      <c r="E458" s="8">
        <v>2.746</v>
      </c>
      <c r="F458" s="8">
        <v>1.8680000000000001</v>
      </c>
      <c r="G458" s="8">
        <v>1.2889999999999999</v>
      </c>
    </row>
    <row r="459" spans="1:7" x14ac:dyDescent="0.3">
      <c r="A459" s="6">
        <v>44830</v>
      </c>
      <c r="B459" s="8">
        <v>3.742</v>
      </c>
      <c r="C459" s="8">
        <v>4.5323000000000002</v>
      </c>
      <c r="D459" s="8">
        <v>2.218</v>
      </c>
      <c r="E459" s="8">
        <v>2.823</v>
      </c>
      <c r="F459" s="8">
        <v>1.9370000000000001</v>
      </c>
      <c r="G459" s="8">
        <v>1.371</v>
      </c>
    </row>
    <row r="460" spans="1:7" x14ac:dyDescent="0.3">
      <c r="A460" s="6">
        <v>44831</v>
      </c>
      <c r="B460" s="8">
        <v>3.827</v>
      </c>
      <c r="C460" s="8">
        <v>4.9810999999999996</v>
      </c>
      <c r="D460" s="8">
        <v>2.3519999999999999</v>
      </c>
      <c r="E460" s="8">
        <v>2.9609999999999999</v>
      </c>
      <c r="F460" s="8">
        <v>2.0840000000000001</v>
      </c>
      <c r="G460" s="8">
        <v>1.42</v>
      </c>
    </row>
    <row r="461" spans="1:7" x14ac:dyDescent="0.3">
      <c r="A461" s="6">
        <v>44832</v>
      </c>
      <c r="B461" s="8">
        <v>3.7</v>
      </c>
      <c r="C461" s="8">
        <v>3.9239000000000002</v>
      </c>
      <c r="D461" s="8">
        <v>2.355</v>
      </c>
      <c r="E461" s="8">
        <v>2.8929999999999998</v>
      </c>
      <c r="F461" s="8">
        <v>2.012</v>
      </c>
      <c r="G461" s="8">
        <v>1.468</v>
      </c>
    </row>
    <row r="462" spans="1:7" x14ac:dyDescent="0.3">
      <c r="A462" s="6">
        <v>44833</v>
      </c>
      <c r="B462" s="8">
        <v>3.726</v>
      </c>
      <c r="C462" s="8">
        <v>3.9569999999999999</v>
      </c>
      <c r="D462" s="8">
        <v>2.4860000000000002</v>
      </c>
      <c r="E462" s="8">
        <v>3.032</v>
      </c>
      <c r="F462" s="8">
        <v>2.15</v>
      </c>
      <c r="G462" s="8">
        <v>1.39</v>
      </c>
    </row>
    <row r="463" spans="1:7" x14ac:dyDescent="0.3">
      <c r="A463" s="6">
        <v>44834</v>
      </c>
      <c r="B463" s="8">
        <v>3.7789999999999999</v>
      </c>
      <c r="C463" s="8">
        <v>3.8174000000000001</v>
      </c>
      <c r="D463" s="8">
        <v>2.4260000000000002</v>
      </c>
      <c r="E463" s="8">
        <v>2.976</v>
      </c>
      <c r="F463" s="8">
        <v>2.085</v>
      </c>
      <c r="G463" s="8">
        <v>1.379</v>
      </c>
    </row>
    <row r="464" spans="1:7" x14ac:dyDescent="0.3">
      <c r="A464" s="6">
        <v>44837</v>
      </c>
      <c r="B464" s="8">
        <v>3.68</v>
      </c>
      <c r="C464" s="8">
        <v>3.88</v>
      </c>
      <c r="D464" s="8">
        <v>2.2570000000000001</v>
      </c>
      <c r="E464" s="8">
        <v>2.7909999999999999</v>
      </c>
      <c r="F464" s="8">
        <v>1.9139999999999999</v>
      </c>
      <c r="G464" s="8">
        <v>1.3089999999999999</v>
      </c>
    </row>
    <row r="465" spans="1:7" x14ac:dyDescent="0.3">
      <c r="A465" s="6">
        <v>44838</v>
      </c>
      <c r="B465" s="8">
        <v>3.6960000000000002</v>
      </c>
      <c r="C465" s="8">
        <v>4.0296000000000003</v>
      </c>
      <c r="D465" s="8">
        <v>2.2389999999999999</v>
      </c>
      <c r="E465" s="8">
        <v>2.7719999999999998</v>
      </c>
      <c r="F465" s="8">
        <v>1.899</v>
      </c>
      <c r="G465" s="8">
        <v>1.3149999999999999</v>
      </c>
    </row>
    <row r="466" spans="1:7" x14ac:dyDescent="0.3">
      <c r="A466" s="6">
        <v>44839</v>
      </c>
      <c r="B466" s="8">
        <v>3.7559999999999998</v>
      </c>
      <c r="C466" s="8">
        <v>4.1940999999999997</v>
      </c>
      <c r="D466" s="8">
        <v>2.3580000000000001</v>
      </c>
      <c r="E466" s="8">
        <v>2.9119999999999999</v>
      </c>
      <c r="F466" s="8">
        <v>2.0230000000000001</v>
      </c>
      <c r="G466" s="8">
        <v>1.3380000000000001</v>
      </c>
    </row>
    <row r="467" spans="1:7" x14ac:dyDescent="0.3">
      <c r="A467" s="6">
        <v>44840</v>
      </c>
      <c r="B467" s="8">
        <v>3.786</v>
      </c>
      <c r="C467" s="8">
        <v>4.2990000000000004</v>
      </c>
      <c r="D467" s="8">
        <v>2.3690000000000002</v>
      </c>
      <c r="E467" s="8">
        <v>2.915</v>
      </c>
      <c r="F467" s="8">
        <v>2.0339999999999998</v>
      </c>
      <c r="G467" s="8">
        <v>1.349</v>
      </c>
    </row>
    <row r="468" spans="1:7" x14ac:dyDescent="0.3">
      <c r="A468" s="6">
        <v>44841</v>
      </c>
      <c r="B468" s="8">
        <v>3.8439999999999999</v>
      </c>
      <c r="C468" s="8">
        <v>4.3849</v>
      </c>
      <c r="D468" s="8">
        <v>2.4710000000000001</v>
      </c>
      <c r="E468" s="8">
        <v>3.0129999999999999</v>
      </c>
      <c r="F468" s="8">
        <v>2.1320000000000001</v>
      </c>
      <c r="G468" s="8">
        <v>1.36</v>
      </c>
    </row>
    <row r="469" spans="1:7" x14ac:dyDescent="0.3">
      <c r="A469" s="6">
        <v>44844</v>
      </c>
      <c r="B469" s="8">
        <v>3.8439999999999999</v>
      </c>
      <c r="C469" s="8">
        <v>4.6745999999999999</v>
      </c>
      <c r="D469" s="8">
        <v>2.6539999999999999</v>
      </c>
      <c r="E469" s="8">
        <v>3.1560000000000001</v>
      </c>
      <c r="F469" s="8">
        <v>2.3170000000000002</v>
      </c>
      <c r="G469" s="8">
        <v>1.36</v>
      </c>
    </row>
    <row r="470" spans="1:7" x14ac:dyDescent="0.3">
      <c r="A470" s="6">
        <v>44845</v>
      </c>
      <c r="B470" s="8">
        <v>3.9239999999999999</v>
      </c>
      <c r="C470" s="8">
        <v>4.7870999999999997</v>
      </c>
      <c r="D470" s="8">
        <v>2.6419999999999999</v>
      </c>
      <c r="E470" s="8">
        <v>3.15</v>
      </c>
      <c r="F470" s="8">
        <v>2.29</v>
      </c>
      <c r="G470" s="8">
        <v>1.4350000000000001</v>
      </c>
    </row>
    <row r="471" spans="1:7" x14ac:dyDescent="0.3">
      <c r="A471" s="6">
        <v>44846</v>
      </c>
      <c r="B471" s="8">
        <v>3.8759999999999999</v>
      </c>
      <c r="C471" s="8">
        <v>4.8082000000000003</v>
      </c>
      <c r="D471" s="8">
        <v>2.7170000000000001</v>
      </c>
      <c r="E471" s="8">
        <v>3.2189999999999999</v>
      </c>
      <c r="F471" s="8">
        <v>2.3460000000000001</v>
      </c>
      <c r="G471" s="8">
        <v>1.474</v>
      </c>
    </row>
    <row r="472" spans="1:7" x14ac:dyDescent="0.3">
      <c r="A472" s="6">
        <v>44847</v>
      </c>
      <c r="B472" s="8">
        <v>3.9180000000000001</v>
      </c>
      <c r="C472" s="8">
        <v>4.5434999999999999</v>
      </c>
      <c r="D472" s="8">
        <v>2.657</v>
      </c>
      <c r="E472" s="8">
        <v>3.1509999999999998</v>
      </c>
      <c r="F472" s="8">
        <v>2.2909999999999999</v>
      </c>
      <c r="G472" s="8">
        <v>1.472</v>
      </c>
    </row>
    <row r="473" spans="1:7" x14ac:dyDescent="0.3">
      <c r="A473" s="6">
        <v>44848</v>
      </c>
      <c r="B473" s="8">
        <v>3.9950000000000001</v>
      </c>
      <c r="C473" s="8">
        <v>4.7729999999999997</v>
      </c>
      <c r="D473" s="8">
        <v>2.7650000000000001</v>
      </c>
      <c r="E473" s="8">
        <v>3.27</v>
      </c>
      <c r="F473" s="8">
        <v>2.3889999999999998</v>
      </c>
      <c r="G473" s="8">
        <v>1.46</v>
      </c>
    </row>
    <row r="474" spans="1:7" x14ac:dyDescent="0.3">
      <c r="A474" s="6">
        <v>44851</v>
      </c>
      <c r="B474" s="8">
        <v>4.0220000000000002</v>
      </c>
      <c r="C474" s="8">
        <v>4.3691000000000004</v>
      </c>
      <c r="D474" s="8">
        <v>2.6749999999999998</v>
      </c>
      <c r="E474" s="8">
        <v>3.1619999999999999</v>
      </c>
      <c r="F474" s="8">
        <v>2.2869999999999999</v>
      </c>
      <c r="G474" s="8">
        <v>1.5009999999999999</v>
      </c>
    </row>
    <row r="475" spans="1:7" x14ac:dyDescent="0.3">
      <c r="A475" s="6">
        <v>44852</v>
      </c>
      <c r="B475" s="8">
        <v>4.0309999999999997</v>
      </c>
      <c r="C475" s="8">
        <v>4.2988999999999997</v>
      </c>
      <c r="D475" s="8">
        <v>2.6970000000000001</v>
      </c>
      <c r="E475" s="8">
        <v>3.1819999999999999</v>
      </c>
      <c r="F475" s="8">
        <v>2.3140000000000001</v>
      </c>
      <c r="G475" s="8">
        <v>1.5029999999999999</v>
      </c>
    </row>
    <row r="476" spans="1:7" x14ac:dyDescent="0.3">
      <c r="A476" s="6">
        <v>44853</v>
      </c>
      <c r="B476" s="8">
        <v>4.1260000000000003</v>
      </c>
      <c r="C476" s="8">
        <v>3.9811999999999999</v>
      </c>
      <c r="D476" s="8">
        <v>2.7189999999999999</v>
      </c>
      <c r="E476" s="8">
        <v>3.2120000000000002</v>
      </c>
      <c r="F476" s="8">
        <v>2.3370000000000002</v>
      </c>
      <c r="G476" s="8">
        <v>1.502</v>
      </c>
    </row>
    <row r="477" spans="1:7" x14ac:dyDescent="0.3">
      <c r="A477" s="6">
        <v>44854</v>
      </c>
      <c r="B477" s="8">
        <v>4.2210000000000001</v>
      </c>
      <c r="C477" s="8">
        <v>3.9525000000000001</v>
      </c>
      <c r="D477" s="8">
        <v>2.7250000000000001</v>
      </c>
      <c r="E477" s="8">
        <v>3.214</v>
      </c>
      <c r="F477" s="8">
        <v>2.36</v>
      </c>
      <c r="G477" s="8">
        <v>1.518</v>
      </c>
    </row>
    <row r="478" spans="1:7" x14ac:dyDescent="0.3">
      <c r="A478" s="6">
        <v>44855</v>
      </c>
      <c r="B478" s="8">
        <v>4.3390000000000004</v>
      </c>
      <c r="C478" s="8">
        <v>4.0530999999999997</v>
      </c>
      <c r="D478" s="8">
        <v>2.786</v>
      </c>
      <c r="E478" s="8">
        <v>3.2679999999999998</v>
      </c>
      <c r="F478" s="8">
        <v>2.4319999999999999</v>
      </c>
      <c r="G478" s="8">
        <v>1.595</v>
      </c>
    </row>
    <row r="479" spans="1:7" x14ac:dyDescent="0.3">
      <c r="A479" s="6">
        <v>44858</v>
      </c>
      <c r="B479" s="8">
        <v>4.3810000000000002</v>
      </c>
      <c r="C479" s="8">
        <v>3.7492999999999999</v>
      </c>
      <c r="D479" s="8">
        <v>2.6720000000000002</v>
      </c>
      <c r="E479" s="8">
        <v>3.1440000000000001</v>
      </c>
      <c r="F479" s="8">
        <v>2.3279999999999998</v>
      </c>
      <c r="G479" s="8">
        <v>1.651</v>
      </c>
    </row>
    <row r="480" spans="1:7" x14ac:dyDescent="0.3">
      <c r="A480" s="6">
        <v>44859</v>
      </c>
      <c r="B480" s="8">
        <v>4.26</v>
      </c>
      <c r="C480" s="8">
        <v>3.6646999999999998</v>
      </c>
      <c r="D480" s="8">
        <v>2.4660000000000002</v>
      </c>
      <c r="E480" s="8">
        <v>2.968</v>
      </c>
      <c r="F480" s="8">
        <v>2.1339999999999999</v>
      </c>
      <c r="G480" s="8">
        <v>1.569</v>
      </c>
    </row>
    <row r="481" spans="1:7" x14ac:dyDescent="0.3">
      <c r="A481" s="6">
        <v>44860</v>
      </c>
      <c r="B481" s="8">
        <v>4.1399999999999997</v>
      </c>
      <c r="C481" s="8">
        <v>3.6732</v>
      </c>
      <c r="D481" s="8">
        <v>2.4220000000000002</v>
      </c>
      <c r="E481" s="8">
        <v>2.9249999999999998</v>
      </c>
      <c r="F481" s="8">
        <v>2.0979999999999999</v>
      </c>
      <c r="G481" s="8">
        <v>1.5329999999999999</v>
      </c>
    </row>
    <row r="482" spans="1:7" x14ac:dyDescent="0.3">
      <c r="A482" s="6">
        <v>44861</v>
      </c>
      <c r="B482" s="8">
        <v>4.0860000000000003</v>
      </c>
      <c r="C482" s="8">
        <v>3.5024000000000002</v>
      </c>
      <c r="D482" s="8">
        <v>2.31</v>
      </c>
      <c r="E482" s="8">
        <v>2.7959999999999998</v>
      </c>
      <c r="F482" s="8">
        <v>2.0009999999999999</v>
      </c>
      <c r="G482" s="8">
        <v>1.4770000000000001</v>
      </c>
    </row>
    <row r="483" spans="1:7" x14ac:dyDescent="0.3">
      <c r="A483" s="6">
        <v>44862</v>
      </c>
      <c r="B483" s="8">
        <v>4.1449999999999996</v>
      </c>
      <c r="C483" s="8">
        <v>3.5539000000000001</v>
      </c>
      <c r="D483" s="8">
        <v>2.355</v>
      </c>
      <c r="E483" s="8">
        <v>2.8879999999999999</v>
      </c>
      <c r="F483" s="8">
        <v>2.0680000000000001</v>
      </c>
      <c r="G483" s="8">
        <v>1.4450000000000001</v>
      </c>
    </row>
    <row r="484" spans="1:7" x14ac:dyDescent="0.3">
      <c r="A484" s="6">
        <v>44865</v>
      </c>
      <c r="B484" s="8">
        <v>4.1669999999999998</v>
      </c>
      <c r="C484" s="8">
        <v>3.6002000000000001</v>
      </c>
      <c r="D484" s="8">
        <v>2.4</v>
      </c>
      <c r="E484" s="8">
        <v>2.9750000000000001</v>
      </c>
      <c r="F484" s="8">
        <v>2.1269999999999998</v>
      </c>
      <c r="G484" s="8">
        <v>1.409</v>
      </c>
    </row>
    <row r="485" spans="1:7" x14ac:dyDescent="0.3">
      <c r="A485" s="6">
        <v>44866</v>
      </c>
      <c r="B485" s="8">
        <v>4.0940000000000003</v>
      </c>
      <c r="C485" s="8">
        <v>3.5789</v>
      </c>
      <c r="D485" s="8">
        <v>2.4289999999999998</v>
      </c>
      <c r="E485" s="8">
        <v>2.9950000000000001</v>
      </c>
      <c r="F485" s="8">
        <v>2.1320000000000001</v>
      </c>
      <c r="G485" s="8">
        <v>1.4850000000000001</v>
      </c>
    </row>
    <row r="486" spans="1:7" x14ac:dyDescent="0.3">
      <c r="A486" s="6">
        <v>44867</v>
      </c>
      <c r="B486" s="8">
        <v>4.1429999999999998</v>
      </c>
      <c r="C486" s="8">
        <v>3.5651000000000002</v>
      </c>
      <c r="D486" s="8">
        <v>2.3820000000000001</v>
      </c>
      <c r="E486" s="8">
        <v>2.952</v>
      </c>
      <c r="F486" s="8">
        <v>2.089</v>
      </c>
      <c r="G486" s="8">
        <v>1.5209999999999999</v>
      </c>
    </row>
    <row r="487" spans="1:7" x14ac:dyDescent="0.3">
      <c r="A487" s="6">
        <v>44868</v>
      </c>
      <c r="B487" s="8">
        <v>4.1840000000000002</v>
      </c>
      <c r="C487" s="8">
        <v>3.7111999999999998</v>
      </c>
      <c r="D487" s="8">
        <v>2.4569999999999999</v>
      </c>
      <c r="E487" s="8">
        <v>3.0059999999999998</v>
      </c>
      <c r="F487" s="8">
        <v>2.1629999999999998</v>
      </c>
      <c r="G487" s="8">
        <v>1.5209999999999999</v>
      </c>
    </row>
    <row r="488" spans="1:7" x14ac:dyDescent="0.3">
      <c r="A488" s="6">
        <v>44869</v>
      </c>
      <c r="B488" s="8">
        <v>4.25</v>
      </c>
      <c r="C488" s="8">
        <v>3.7652000000000001</v>
      </c>
      <c r="D488" s="8">
        <v>2.5169999999999999</v>
      </c>
      <c r="E488" s="8">
        <v>3.0640000000000001</v>
      </c>
      <c r="F488" s="8">
        <v>2.222</v>
      </c>
      <c r="G488" s="8">
        <v>1.5549999999999999</v>
      </c>
    </row>
    <row r="489" spans="1:7" x14ac:dyDescent="0.3">
      <c r="A489" s="6">
        <v>44872</v>
      </c>
      <c r="B489" s="8">
        <v>4.3209999999999997</v>
      </c>
      <c r="C489" s="8">
        <v>3.8488000000000002</v>
      </c>
      <c r="D489" s="8">
        <v>2.556</v>
      </c>
      <c r="E489" s="8">
        <v>3.0779999999999998</v>
      </c>
      <c r="F489" s="8">
        <v>2.2599999999999998</v>
      </c>
      <c r="G489" s="8">
        <v>1.579</v>
      </c>
    </row>
    <row r="490" spans="1:7" x14ac:dyDescent="0.3">
      <c r="A490" s="6">
        <v>44873</v>
      </c>
      <c r="B490" s="8">
        <v>4.2770000000000001</v>
      </c>
      <c r="C490" s="8">
        <v>3.7336999999999998</v>
      </c>
      <c r="D490" s="8">
        <v>2.4660000000000002</v>
      </c>
      <c r="E490" s="8">
        <v>3</v>
      </c>
      <c r="F490" s="8">
        <v>2.177</v>
      </c>
      <c r="G490" s="8">
        <v>1.595</v>
      </c>
    </row>
    <row r="491" spans="1:7" x14ac:dyDescent="0.3">
      <c r="A491" s="6">
        <v>44874</v>
      </c>
      <c r="B491" s="8">
        <v>4.2699999999999996</v>
      </c>
      <c r="C491" s="8">
        <v>3.5613999999999999</v>
      </c>
      <c r="D491" s="8">
        <v>2.375</v>
      </c>
      <c r="E491" s="8">
        <v>2.9129999999999998</v>
      </c>
      <c r="F491" s="8">
        <v>2.0830000000000002</v>
      </c>
      <c r="G491" s="8">
        <v>1.494</v>
      </c>
    </row>
    <row r="492" spans="1:7" x14ac:dyDescent="0.3">
      <c r="A492" s="6">
        <v>44875</v>
      </c>
      <c r="B492" s="8">
        <v>4.0529999999999999</v>
      </c>
      <c r="C492" s="8">
        <v>3.4013</v>
      </c>
      <c r="D492" s="8">
        <v>2.2799999999999998</v>
      </c>
      <c r="E492" s="8">
        <v>2.7970000000000002</v>
      </c>
      <c r="F492" s="8">
        <v>1.992</v>
      </c>
      <c r="G492" s="8">
        <v>1.5069999999999999</v>
      </c>
    </row>
    <row r="493" spans="1:7" x14ac:dyDescent="0.3">
      <c r="A493" s="6">
        <v>44876</v>
      </c>
      <c r="B493" s="8">
        <v>4.0179999999999998</v>
      </c>
      <c r="C493" s="8">
        <v>3.4851999999999999</v>
      </c>
      <c r="D493" s="8">
        <v>2.4060000000000001</v>
      </c>
      <c r="E493" s="8">
        <v>2.9449999999999998</v>
      </c>
      <c r="F493" s="8">
        <v>2.1059999999999999</v>
      </c>
      <c r="G493" s="8">
        <v>1.43</v>
      </c>
    </row>
    <row r="494" spans="1:7" x14ac:dyDescent="0.3">
      <c r="A494" s="6">
        <v>44879</v>
      </c>
      <c r="B494" s="8">
        <v>4.0380000000000003</v>
      </c>
      <c r="C494" s="8">
        <v>3.4939</v>
      </c>
      <c r="D494" s="8">
        <v>2.403</v>
      </c>
      <c r="E494" s="8">
        <v>2.9390000000000001</v>
      </c>
      <c r="F494" s="8">
        <v>2.0979999999999999</v>
      </c>
      <c r="G494" s="8">
        <v>1.484</v>
      </c>
    </row>
    <row r="495" spans="1:7" x14ac:dyDescent="0.3">
      <c r="A495" s="6">
        <v>44880</v>
      </c>
      <c r="B495" s="8">
        <v>3.9630000000000001</v>
      </c>
      <c r="C495" s="8">
        <v>3.4659</v>
      </c>
      <c r="D495" s="8">
        <v>2.3490000000000002</v>
      </c>
      <c r="E495" s="8">
        <v>2.879</v>
      </c>
      <c r="F495" s="8">
        <v>2.0459999999999998</v>
      </c>
      <c r="G495" s="8">
        <v>1.448</v>
      </c>
    </row>
    <row r="496" spans="1:7" x14ac:dyDescent="0.3">
      <c r="A496" s="6">
        <v>44881</v>
      </c>
      <c r="B496" s="8">
        <v>3.8410000000000002</v>
      </c>
      <c r="C496" s="8">
        <v>3.3081999999999998</v>
      </c>
      <c r="D496" s="8">
        <v>2.2309999999999999</v>
      </c>
      <c r="E496" s="8">
        <v>2.7519999999999998</v>
      </c>
      <c r="F496" s="8">
        <v>1.931</v>
      </c>
      <c r="G496" s="8">
        <v>1.4379999999999999</v>
      </c>
    </row>
    <row r="497" spans="1:7" x14ac:dyDescent="0.3">
      <c r="A497" s="6">
        <v>44882</v>
      </c>
      <c r="B497" s="8">
        <v>3.8769999999999998</v>
      </c>
      <c r="C497" s="8">
        <v>3.3494000000000002</v>
      </c>
      <c r="D497" s="8">
        <v>2.214</v>
      </c>
      <c r="E497" s="8">
        <v>2.7410000000000001</v>
      </c>
      <c r="F497" s="8">
        <v>1.9219999999999999</v>
      </c>
      <c r="G497" s="8">
        <v>1.39</v>
      </c>
    </row>
    <row r="498" spans="1:7" x14ac:dyDescent="0.3">
      <c r="A498" s="6">
        <v>44883</v>
      </c>
      <c r="B498" s="8">
        <v>3.9289999999999998</v>
      </c>
      <c r="C498" s="8">
        <v>3.3843999999999999</v>
      </c>
      <c r="D498" s="8">
        <v>2.2160000000000002</v>
      </c>
      <c r="E498" s="8">
        <v>2.7280000000000002</v>
      </c>
      <c r="F498" s="8">
        <v>1.923</v>
      </c>
      <c r="G498" s="8">
        <v>1.4019999999999999</v>
      </c>
    </row>
    <row r="499" spans="1:7" x14ac:dyDescent="0.3">
      <c r="A499" s="6">
        <v>44886</v>
      </c>
      <c r="B499" s="8">
        <v>3.9</v>
      </c>
      <c r="C499" s="8">
        <v>3.3035000000000001</v>
      </c>
      <c r="D499" s="8">
        <v>2.1949999999999998</v>
      </c>
      <c r="E499" s="8">
        <v>2.7040000000000002</v>
      </c>
      <c r="F499" s="8">
        <v>1.905</v>
      </c>
      <c r="G499" s="8">
        <v>1.4330000000000001</v>
      </c>
    </row>
    <row r="500" spans="1:7" x14ac:dyDescent="0.3">
      <c r="A500" s="6">
        <v>44887</v>
      </c>
      <c r="B500" s="8">
        <v>3.8260000000000001</v>
      </c>
      <c r="C500" s="8">
        <v>3.3121999999999998</v>
      </c>
      <c r="D500" s="8">
        <v>2.1720000000000002</v>
      </c>
      <c r="E500" s="8">
        <v>2.6829999999999998</v>
      </c>
      <c r="F500" s="8">
        <v>1.8839999999999999</v>
      </c>
      <c r="G500" s="8">
        <v>1.4450000000000001</v>
      </c>
    </row>
    <row r="501" spans="1:7" x14ac:dyDescent="0.3">
      <c r="A501" s="6">
        <v>44888</v>
      </c>
      <c r="B501" s="8">
        <v>3.7309999999999999</v>
      </c>
      <c r="C501" s="8">
        <v>3.1924000000000001</v>
      </c>
      <c r="D501" s="8">
        <v>2.0779999999999998</v>
      </c>
      <c r="E501" s="8">
        <v>2.5819999999999999</v>
      </c>
      <c r="F501" s="8">
        <v>1.869</v>
      </c>
      <c r="G501" s="8">
        <v>1.4450000000000001</v>
      </c>
    </row>
    <row r="502" spans="1:7" x14ac:dyDescent="0.3">
      <c r="A502" s="6">
        <v>44889</v>
      </c>
      <c r="B502" s="8">
        <v>3.7309999999999999</v>
      </c>
      <c r="C502" s="8">
        <v>3.2717999999999998</v>
      </c>
      <c r="D502" s="8">
        <v>1.994</v>
      </c>
      <c r="E502" s="8">
        <v>2.4910000000000001</v>
      </c>
      <c r="F502" s="8">
        <v>1.7869999999999999</v>
      </c>
      <c r="G502" s="8">
        <v>1.444</v>
      </c>
    </row>
    <row r="503" spans="1:7" x14ac:dyDescent="0.3">
      <c r="A503" s="6">
        <v>44890</v>
      </c>
      <c r="B503" s="8">
        <v>3.7370000000000001</v>
      </c>
      <c r="C503" s="8">
        <v>3.3313999999999999</v>
      </c>
      <c r="D503" s="8">
        <v>2.0859999999999999</v>
      </c>
      <c r="E503" s="8">
        <v>2.605</v>
      </c>
      <c r="F503" s="8">
        <v>1.8740000000000001</v>
      </c>
      <c r="G503" s="8">
        <v>1.478</v>
      </c>
    </row>
    <row r="504" spans="1:7" x14ac:dyDescent="0.3">
      <c r="A504" s="6">
        <v>44893</v>
      </c>
      <c r="B504" s="8">
        <v>3.7229999999999999</v>
      </c>
      <c r="C504" s="8">
        <v>3.3595000000000002</v>
      </c>
      <c r="D504" s="8">
        <v>2.0920000000000001</v>
      </c>
      <c r="E504" s="8">
        <v>2.63</v>
      </c>
      <c r="F504" s="8">
        <v>1.881</v>
      </c>
      <c r="G504" s="8">
        <v>1.4850000000000001</v>
      </c>
    </row>
    <row r="505" spans="1:7" x14ac:dyDescent="0.3">
      <c r="A505" s="6">
        <v>44894</v>
      </c>
      <c r="B505" s="8">
        <v>3.8039999999999998</v>
      </c>
      <c r="C505" s="8">
        <v>3.3551000000000002</v>
      </c>
      <c r="D505" s="8">
        <v>2.0259999999999998</v>
      </c>
      <c r="E505" s="8">
        <v>2.5640000000000001</v>
      </c>
      <c r="F505" s="8">
        <v>1.8149999999999999</v>
      </c>
      <c r="G505" s="8">
        <v>1.514</v>
      </c>
    </row>
    <row r="506" spans="1:7" x14ac:dyDescent="0.3">
      <c r="A506" s="6">
        <v>44895</v>
      </c>
      <c r="B506" s="8">
        <v>3.738</v>
      </c>
      <c r="C506" s="8">
        <v>3.4218999999999999</v>
      </c>
      <c r="D506" s="8">
        <v>2.028</v>
      </c>
      <c r="E506" s="8">
        <v>2.5630000000000002</v>
      </c>
      <c r="F506" s="8">
        <v>1.8149999999999999</v>
      </c>
      <c r="G506" s="8">
        <v>1.514</v>
      </c>
    </row>
    <row r="507" spans="1:7" x14ac:dyDescent="0.3">
      <c r="A507" s="6">
        <v>44896</v>
      </c>
      <c r="B507" s="8">
        <v>3.601</v>
      </c>
      <c r="C507" s="8">
        <v>3.4005000000000001</v>
      </c>
      <c r="D507" s="8">
        <v>1.9239999999999999</v>
      </c>
      <c r="E507" s="8">
        <v>2.4630000000000001</v>
      </c>
      <c r="F507" s="8">
        <v>1.712</v>
      </c>
      <c r="G507" s="8">
        <v>1.5149999999999999</v>
      </c>
    </row>
    <row r="508" spans="1:7" x14ac:dyDescent="0.3">
      <c r="A508" s="6">
        <v>44897</v>
      </c>
      <c r="B508" s="8">
        <v>3.55</v>
      </c>
      <c r="C508" s="8">
        <v>3.4914000000000001</v>
      </c>
      <c r="D508" s="8">
        <v>1.9039999999999999</v>
      </c>
      <c r="E508" s="8">
        <v>2.4609999999999999</v>
      </c>
      <c r="F508" s="8">
        <v>1.6830000000000001</v>
      </c>
      <c r="G508" s="8">
        <v>1.4870000000000001</v>
      </c>
    </row>
    <row r="509" spans="1:7" x14ac:dyDescent="0.3">
      <c r="A509" s="6">
        <v>44900</v>
      </c>
      <c r="B509" s="8">
        <v>3.5870000000000002</v>
      </c>
      <c r="C509" s="8">
        <v>3.4441000000000002</v>
      </c>
      <c r="D509" s="8">
        <v>1.901</v>
      </c>
      <c r="E509" s="8">
        <v>2.4529999999999998</v>
      </c>
      <c r="F509" s="8">
        <v>1.673</v>
      </c>
      <c r="G509" s="8">
        <v>1.4810000000000001</v>
      </c>
    </row>
    <row r="510" spans="1:7" x14ac:dyDescent="0.3">
      <c r="A510" s="6">
        <v>44901</v>
      </c>
      <c r="B510" s="8">
        <v>3.544</v>
      </c>
      <c r="C510" s="8">
        <v>3.4447999999999999</v>
      </c>
      <c r="D510" s="8">
        <v>1.8520000000000001</v>
      </c>
      <c r="E510" s="8">
        <v>2.4049999999999998</v>
      </c>
      <c r="F510" s="8">
        <v>1.621</v>
      </c>
      <c r="G510" s="8">
        <v>1.4770000000000001</v>
      </c>
    </row>
    <row r="511" spans="1:7" x14ac:dyDescent="0.3">
      <c r="A511" s="6">
        <v>44902</v>
      </c>
      <c r="B511" s="8">
        <v>3.4340000000000002</v>
      </c>
      <c r="C511" s="8">
        <v>3.4464999999999999</v>
      </c>
      <c r="D511" s="8">
        <v>1.871</v>
      </c>
      <c r="E511" s="8">
        <v>2.4020000000000001</v>
      </c>
      <c r="F511" s="8">
        <v>1.637</v>
      </c>
      <c r="G511" s="8">
        <v>1.462</v>
      </c>
    </row>
    <row r="512" spans="1:7" x14ac:dyDescent="0.3">
      <c r="A512" s="6">
        <v>44903</v>
      </c>
      <c r="B512" s="8">
        <v>3.4319999999999999</v>
      </c>
      <c r="C512" s="8">
        <v>3.5112999999999999</v>
      </c>
      <c r="D512" s="8">
        <v>1.867</v>
      </c>
      <c r="E512" s="8">
        <v>2.4300000000000002</v>
      </c>
      <c r="F512" s="8">
        <v>1.633</v>
      </c>
      <c r="G512" s="8">
        <v>1.43</v>
      </c>
    </row>
    <row r="513" spans="1:7" x14ac:dyDescent="0.3">
      <c r="A513" s="6">
        <v>44904</v>
      </c>
      <c r="B513" s="8">
        <v>3.5619999999999998</v>
      </c>
      <c r="C513" s="8">
        <v>3.5661</v>
      </c>
      <c r="D513" s="8">
        <v>1.962</v>
      </c>
      <c r="E513" s="8">
        <v>2.52</v>
      </c>
      <c r="F513" s="8">
        <v>1.7390000000000001</v>
      </c>
      <c r="G513" s="8">
        <v>1.401</v>
      </c>
    </row>
    <row r="514" spans="1:7" x14ac:dyDescent="0.3">
      <c r="A514" s="6">
        <v>44907</v>
      </c>
      <c r="B514" s="8">
        <v>3.5739999999999998</v>
      </c>
      <c r="C514" s="8">
        <v>3.6082000000000001</v>
      </c>
      <c r="D514" s="8">
        <v>1.931</v>
      </c>
      <c r="E514" s="8">
        <v>2.496</v>
      </c>
      <c r="F514" s="8">
        <v>1.7110000000000001</v>
      </c>
      <c r="G514" s="8">
        <v>1.417</v>
      </c>
    </row>
    <row r="515" spans="1:7" x14ac:dyDescent="0.3">
      <c r="A515" s="6">
        <v>44908</v>
      </c>
      <c r="B515" s="8">
        <v>3.5350000000000001</v>
      </c>
      <c r="C515" s="8">
        <v>3.7117</v>
      </c>
      <c r="D515" s="8">
        <v>1.9570000000000001</v>
      </c>
      <c r="E515" s="8">
        <v>2.5230000000000001</v>
      </c>
      <c r="F515" s="8">
        <v>1.742</v>
      </c>
      <c r="G515" s="8">
        <v>1.397</v>
      </c>
    </row>
    <row r="516" spans="1:7" x14ac:dyDescent="0.3">
      <c r="A516" s="6">
        <v>44909</v>
      </c>
      <c r="B516" s="8">
        <v>3.5350000000000001</v>
      </c>
      <c r="C516" s="8">
        <v>3.6922000000000001</v>
      </c>
      <c r="D516" s="8">
        <v>2.048</v>
      </c>
      <c r="E516" s="8">
        <v>2.6190000000000002</v>
      </c>
      <c r="F516" s="8">
        <v>1.835</v>
      </c>
      <c r="G516" s="8">
        <v>1.393</v>
      </c>
    </row>
    <row r="517" spans="1:7" x14ac:dyDescent="0.3">
      <c r="A517" s="6">
        <v>44910</v>
      </c>
      <c r="B517" s="8">
        <v>3.4969999999999999</v>
      </c>
      <c r="C517" s="8">
        <v>3.6438999999999999</v>
      </c>
      <c r="D517" s="8">
        <v>2.1</v>
      </c>
      <c r="E517" s="8">
        <v>2.7050000000000001</v>
      </c>
      <c r="F517" s="8">
        <v>1.879</v>
      </c>
      <c r="G517" s="8">
        <v>1.4219999999999999</v>
      </c>
    </row>
    <row r="518" spans="1:7" x14ac:dyDescent="0.3">
      <c r="A518" s="6">
        <v>44911</v>
      </c>
      <c r="B518" s="8">
        <v>3.5459999999999998</v>
      </c>
      <c r="C518" s="8">
        <v>3.6692</v>
      </c>
      <c r="D518" s="8">
        <v>2.2109999999999999</v>
      </c>
      <c r="E518" s="8">
        <v>2.7989999999999999</v>
      </c>
      <c r="F518" s="8">
        <v>1.9770000000000001</v>
      </c>
      <c r="G518" s="8">
        <v>1.4690000000000001</v>
      </c>
    </row>
    <row r="519" spans="1:7" x14ac:dyDescent="0.3">
      <c r="A519" s="6">
        <v>44914</v>
      </c>
      <c r="B519" s="8">
        <v>3.637</v>
      </c>
      <c r="C519" s="8">
        <v>3.8195999999999999</v>
      </c>
      <c r="D519" s="8">
        <v>2.2789999999999999</v>
      </c>
      <c r="E519" s="8">
        <v>2.851</v>
      </c>
      <c r="F519" s="8">
        <v>2.0550000000000002</v>
      </c>
      <c r="G519" s="8">
        <v>1.52</v>
      </c>
    </row>
    <row r="520" spans="1:7" x14ac:dyDescent="0.3">
      <c r="A520" s="6">
        <v>44915</v>
      </c>
      <c r="B520" s="8">
        <v>3.7440000000000002</v>
      </c>
      <c r="C520" s="8">
        <v>3.8866999999999998</v>
      </c>
      <c r="D520" s="8">
        <v>2.4</v>
      </c>
      <c r="E520" s="8">
        <v>2.9889999999999999</v>
      </c>
      <c r="F520" s="8">
        <v>2.1760000000000002</v>
      </c>
      <c r="G520" s="8">
        <v>1.5609999999999999</v>
      </c>
    </row>
    <row r="521" spans="1:7" x14ac:dyDescent="0.3">
      <c r="A521" s="6">
        <v>44916</v>
      </c>
      <c r="B521" s="8">
        <v>3.7160000000000002</v>
      </c>
      <c r="C521" s="8">
        <v>3.85</v>
      </c>
      <c r="D521" s="8">
        <v>2.3969999999999998</v>
      </c>
      <c r="E521" s="8">
        <v>2.996</v>
      </c>
      <c r="F521" s="8">
        <v>2.1909999999999998</v>
      </c>
      <c r="G521" s="8">
        <v>1.5369999999999999</v>
      </c>
    </row>
    <row r="522" spans="1:7" x14ac:dyDescent="0.3">
      <c r="A522" s="6">
        <v>44917</v>
      </c>
      <c r="B522" s="8">
        <v>3.742</v>
      </c>
      <c r="C522" s="8">
        <v>3.8692000000000002</v>
      </c>
      <c r="D522" s="8">
        <v>2.4380000000000002</v>
      </c>
      <c r="E522" s="8">
        <v>3.0369999999999999</v>
      </c>
      <c r="F522" s="8">
        <v>2.2290000000000001</v>
      </c>
      <c r="G522" s="8">
        <v>1.534</v>
      </c>
    </row>
    <row r="523" spans="1:7" x14ac:dyDescent="0.3">
      <c r="A523" s="6">
        <v>44918</v>
      </c>
      <c r="B523" s="8">
        <v>3.8250000000000002</v>
      </c>
      <c r="C523" s="8">
        <v>3.9043000000000001</v>
      </c>
      <c r="D523" s="8">
        <v>2.4670000000000001</v>
      </c>
      <c r="E523" s="8">
        <v>3.0569999999999999</v>
      </c>
      <c r="F523" s="8">
        <v>2.2490000000000001</v>
      </c>
      <c r="G523" s="8">
        <v>1.5089999999999999</v>
      </c>
    </row>
    <row r="524" spans="1:7" x14ac:dyDescent="0.3">
      <c r="A524" s="6">
        <v>44921</v>
      </c>
      <c r="B524" s="8">
        <v>3.8250000000000002</v>
      </c>
      <c r="C524" s="8">
        <v>3.9043999999999999</v>
      </c>
      <c r="D524" s="8">
        <v>2.4670000000000001</v>
      </c>
      <c r="E524" s="8">
        <v>3.0569999999999999</v>
      </c>
      <c r="F524" s="8">
        <v>2.2490000000000001</v>
      </c>
      <c r="G524" s="8">
        <v>1.4950000000000001</v>
      </c>
    </row>
    <row r="525" spans="1:7" x14ac:dyDescent="0.3">
      <c r="A525" s="6">
        <v>44922</v>
      </c>
      <c r="B525" s="8">
        <v>3.9289999999999998</v>
      </c>
      <c r="C525" s="8">
        <v>3.9043999999999999</v>
      </c>
      <c r="D525" s="8">
        <v>2.6259999999999999</v>
      </c>
      <c r="E525" s="8">
        <v>3.2120000000000002</v>
      </c>
      <c r="F525" s="8">
        <v>2.423</v>
      </c>
      <c r="G525" s="8">
        <v>1.5289999999999999</v>
      </c>
    </row>
    <row r="526" spans="1:7" x14ac:dyDescent="0.3">
      <c r="A526" s="6">
        <v>44923</v>
      </c>
      <c r="B526" s="8">
        <v>3.972</v>
      </c>
      <c r="C526" s="8">
        <v>3.9253</v>
      </c>
      <c r="D526" s="8">
        <v>2.6120000000000001</v>
      </c>
      <c r="E526" s="8">
        <v>3.2040000000000002</v>
      </c>
      <c r="F526" s="8">
        <v>2.403</v>
      </c>
      <c r="G526" s="8">
        <v>1.5649999999999999</v>
      </c>
    </row>
    <row r="527" spans="1:7" x14ac:dyDescent="0.3">
      <c r="A527" s="6">
        <v>44924</v>
      </c>
      <c r="B527" s="8">
        <v>3.9009999999999998</v>
      </c>
      <c r="C527" s="8">
        <v>3.9392999999999998</v>
      </c>
      <c r="D527" s="8">
        <v>2.5419999999999998</v>
      </c>
      <c r="E527" s="8">
        <v>3.1429999999999998</v>
      </c>
      <c r="F527" s="8">
        <v>2.3479999999999999</v>
      </c>
      <c r="G527" s="8">
        <v>1.607</v>
      </c>
    </row>
    <row r="528" spans="1:7" x14ac:dyDescent="0.3">
      <c r="A528" s="6">
        <v>44925</v>
      </c>
      <c r="B528" s="8">
        <v>3.9660000000000002</v>
      </c>
      <c r="C528" s="8">
        <v>3.9460999999999999</v>
      </c>
      <c r="D528" s="8">
        <v>2.7170000000000001</v>
      </c>
      <c r="E528" s="8">
        <v>3.3239999999999998</v>
      </c>
      <c r="F528" s="8">
        <v>2.5270000000000001</v>
      </c>
      <c r="G528" s="8">
        <v>1.601</v>
      </c>
    </row>
    <row r="529" spans="1:7" x14ac:dyDescent="0.3">
      <c r="A529" s="6">
        <v>44928</v>
      </c>
      <c r="B529" s="8">
        <v>3.9660000000000002</v>
      </c>
      <c r="C529" s="8">
        <v>3.9460999999999999</v>
      </c>
      <c r="D529" s="8">
        <v>2.5720000000000001</v>
      </c>
      <c r="E529" s="8">
        <v>3.1829999999999998</v>
      </c>
      <c r="F529" s="8">
        <v>2.3860000000000001</v>
      </c>
      <c r="G529" s="8">
        <v>1.601</v>
      </c>
    </row>
    <row r="530" spans="1:7" x14ac:dyDescent="0.3">
      <c r="A530" s="6">
        <v>44929</v>
      </c>
      <c r="B530" s="8">
        <v>3.84</v>
      </c>
      <c r="C530" s="8">
        <v>3.9514</v>
      </c>
      <c r="D530" s="8">
        <v>2.5249999999999999</v>
      </c>
      <c r="E530" s="8">
        <v>3.0979999999999999</v>
      </c>
      <c r="F530" s="8">
        <v>2.306</v>
      </c>
      <c r="G530" s="8">
        <v>1.601</v>
      </c>
    </row>
    <row r="531" spans="1:7" x14ac:dyDescent="0.3">
      <c r="A531" s="6">
        <v>44930</v>
      </c>
      <c r="B531" s="8">
        <v>3.8</v>
      </c>
      <c r="C531" s="8">
        <v>3.8170999999999999</v>
      </c>
      <c r="D531" s="8">
        <v>2.4249999999999998</v>
      </c>
      <c r="E531" s="8">
        <v>2.9710000000000001</v>
      </c>
      <c r="F531" s="8">
        <v>2.2120000000000002</v>
      </c>
      <c r="G531" s="8">
        <v>1.6439999999999999</v>
      </c>
    </row>
    <row r="532" spans="1:7" x14ac:dyDescent="0.3">
      <c r="A532" s="6">
        <v>44931</v>
      </c>
      <c r="B532" s="8">
        <v>3.7949999999999999</v>
      </c>
      <c r="C532" s="8">
        <v>3.9036</v>
      </c>
      <c r="D532" s="8">
        <v>2.4670000000000001</v>
      </c>
      <c r="E532" s="8">
        <v>3.02</v>
      </c>
      <c r="F532" s="8">
        <v>2.2519999999999998</v>
      </c>
      <c r="G532" s="8">
        <v>1.6080000000000001</v>
      </c>
    </row>
    <row r="533" spans="1:7" x14ac:dyDescent="0.3">
      <c r="A533" s="6">
        <v>44932</v>
      </c>
      <c r="B533" s="8">
        <v>3.6890000000000001</v>
      </c>
      <c r="C533" s="8">
        <v>3.8673000000000002</v>
      </c>
      <c r="D533" s="8">
        <v>2.379</v>
      </c>
      <c r="E533" s="8">
        <v>2.9380000000000002</v>
      </c>
      <c r="F533" s="8">
        <v>2.1509999999999998</v>
      </c>
      <c r="G533" s="8">
        <v>1.597</v>
      </c>
    </row>
    <row r="534" spans="1:7" x14ac:dyDescent="0.3">
      <c r="A534" s="6">
        <v>44935</v>
      </c>
      <c r="B534" s="8">
        <v>3.661</v>
      </c>
      <c r="C534" s="8">
        <v>3.9418000000000002</v>
      </c>
      <c r="D534" s="8">
        <v>2.3839999999999999</v>
      </c>
      <c r="E534" s="8">
        <v>2.9649999999999999</v>
      </c>
      <c r="F534" s="8">
        <v>2.173</v>
      </c>
      <c r="G534" s="8">
        <v>1.597</v>
      </c>
    </row>
    <row r="535" spans="1:7" x14ac:dyDescent="0.3">
      <c r="A535" s="6">
        <v>44936</v>
      </c>
      <c r="B535" s="8">
        <v>3.7559999999999998</v>
      </c>
      <c r="C535" s="8">
        <v>3.9036</v>
      </c>
      <c r="D535" s="8">
        <v>2.4489999999999998</v>
      </c>
      <c r="E535" s="8">
        <v>3.024</v>
      </c>
      <c r="F535" s="8">
        <v>2.242</v>
      </c>
      <c r="G535" s="8">
        <v>1.653</v>
      </c>
    </row>
    <row r="536" spans="1:7" x14ac:dyDescent="0.3">
      <c r="A536" s="6">
        <v>44937</v>
      </c>
      <c r="B536" s="8">
        <v>3.673</v>
      </c>
      <c r="C536" s="8">
        <v>3.7538999999999998</v>
      </c>
      <c r="D536" s="8">
        <v>2.3180000000000001</v>
      </c>
      <c r="E536" s="8">
        <v>2.8969999999999998</v>
      </c>
      <c r="F536" s="8">
        <v>2.133</v>
      </c>
      <c r="G536" s="8">
        <v>1.6220000000000001</v>
      </c>
    </row>
    <row r="537" spans="1:7" x14ac:dyDescent="0.3">
      <c r="A537" s="6">
        <v>44938</v>
      </c>
      <c r="B537" s="8">
        <v>3.5779999999999998</v>
      </c>
      <c r="C537" s="8">
        <v>3.6915</v>
      </c>
      <c r="D537" s="8">
        <v>2.2879999999999998</v>
      </c>
      <c r="E537" s="8">
        <v>2.863</v>
      </c>
      <c r="F537" s="8">
        <v>2.101</v>
      </c>
      <c r="G537" s="8">
        <v>1.65</v>
      </c>
    </row>
    <row r="538" spans="1:7" x14ac:dyDescent="0.3">
      <c r="A538" s="6">
        <v>44939</v>
      </c>
      <c r="B538" s="8">
        <v>3.6110000000000002</v>
      </c>
      <c r="C538" s="8">
        <v>3.7208000000000001</v>
      </c>
      <c r="D538" s="8">
        <v>2.3220000000000001</v>
      </c>
      <c r="E538" s="8">
        <v>2.9220000000000002</v>
      </c>
      <c r="F538" s="8">
        <v>2.1269999999999998</v>
      </c>
      <c r="G538" s="8">
        <v>1.61</v>
      </c>
    </row>
    <row r="539" spans="1:7" x14ac:dyDescent="0.3">
      <c r="A539" s="6">
        <v>44942</v>
      </c>
      <c r="B539" s="8">
        <v>3.6110000000000002</v>
      </c>
      <c r="C539" s="8">
        <v>3.7248000000000001</v>
      </c>
      <c r="D539" s="8">
        <v>2.3420000000000001</v>
      </c>
      <c r="E539" s="8">
        <v>2.9209999999999998</v>
      </c>
      <c r="F539" s="8">
        <v>2.141</v>
      </c>
      <c r="G539" s="8">
        <v>1.5569999999999999</v>
      </c>
    </row>
    <row r="540" spans="1:7" x14ac:dyDescent="0.3">
      <c r="A540" s="6">
        <v>44943</v>
      </c>
      <c r="B540" s="8">
        <v>3.6619999999999999</v>
      </c>
      <c r="C540" s="8">
        <v>3.6648999999999998</v>
      </c>
      <c r="D540" s="8">
        <v>2.294</v>
      </c>
      <c r="E540" s="8">
        <v>2.839</v>
      </c>
      <c r="F540" s="8">
        <v>2.0859999999999999</v>
      </c>
      <c r="G540" s="8">
        <v>1.526</v>
      </c>
    </row>
    <row r="541" spans="1:7" x14ac:dyDescent="0.3">
      <c r="A541" s="6">
        <v>44944</v>
      </c>
      <c r="B541" s="8">
        <v>3.5390000000000001</v>
      </c>
      <c r="C541" s="8">
        <v>3.6703999999999999</v>
      </c>
      <c r="D541" s="8">
        <v>2.2000000000000002</v>
      </c>
      <c r="E541" s="8">
        <v>2.718</v>
      </c>
      <c r="F541" s="8">
        <v>1.9810000000000001</v>
      </c>
      <c r="G541" s="8">
        <v>1.5389999999999999</v>
      </c>
    </row>
    <row r="542" spans="1:7" x14ac:dyDescent="0.3">
      <c r="A542" s="6">
        <v>44945</v>
      </c>
      <c r="B542" s="8">
        <v>3.5619999999999998</v>
      </c>
      <c r="C542" s="8">
        <v>3.6086999999999998</v>
      </c>
      <c r="D542" s="8">
        <v>2.2109999999999999</v>
      </c>
      <c r="E542" s="8">
        <v>2.7370000000000001</v>
      </c>
      <c r="F542" s="8">
        <v>1.992</v>
      </c>
      <c r="G542" s="8">
        <v>1.57</v>
      </c>
    </row>
    <row r="543" spans="1:7" x14ac:dyDescent="0.3">
      <c r="A543" s="6">
        <v>44946</v>
      </c>
      <c r="B543" s="8">
        <v>3.6549999999999998</v>
      </c>
      <c r="C543" s="8">
        <v>3.7189000000000001</v>
      </c>
      <c r="D543" s="8">
        <v>2.3410000000000002</v>
      </c>
      <c r="E543" s="8">
        <v>2.919</v>
      </c>
      <c r="F543" s="8">
        <v>2.1349999999999998</v>
      </c>
      <c r="G543" s="8">
        <v>1.5229999999999999</v>
      </c>
    </row>
    <row r="544" spans="1:7" x14ac:dyDescent="0.3">
      <c r="A544" s="6">
        <v>44949</v>
      </c>
      <c r="B544" s="8">
        <v>3.6819999999999999</v>
      </c>
      <c r="C544" s="8">
        <v>3.7099000000000002</v>
      </c>
      <c r="D544" s="8">
        <v>2.3730000000000002</v>
      </c>
      <c r="E544" s="8">
        <v>2.9569999999999999</v>
      </c>
      <c r="F544" s="8">
        <v>2.1669999999999998</v>
      </c>
      <c r="G544" s="8">
        <v>1.5449999999999999</v>
      </c>
    </row>
    <row r="545" spans="1:7" x14ac:dyDescent="0.3">
      <c r="A545" s="6">
        <v>44950</v>
      </c>
      <c r="B545" s="8">
        <v>3.6070000000000002</v>
      </c>
      <c r="C545" s="8">
        <v>3.6202000000000001</v>
      </c>
      <c r="D545" s="8">
        <v>2.2959999999999998</v>
      </c>
      <c r="E545" s="8">
        <v>2.8679999999999999</v>
      </c>
      <c r="F545" s="8">
        <v>2.1059999999999999</v>
      </c>
      <c r="G545" s="8">
        <v>1.5229999999999999</v>
      </c>
    </row>
    <row r="546" spans="1:7" x14ac:dyDescent="0.3">
      <c r="A546" s="6">
        <v>44951</v>
      </c>
      <c r="B546" s="8">
        <v>3.5950000000000002</v>
      </c>
      <c r="C546" s="8">
        <v>3.5916000000000001</v>
      </c>
      <c r="D546" s="8">
        <v>2.3149999999999999</v>
      </c>
      <c r="E546" s="8">
        <v>2.887</v>
      </c>
      <c r="F546" s="8">
        <v>2.1219999999999999</v>
      </c>
      <c r="G546" s="8">
        <v>1.52</v>
      </c>
    </row>
    <row r="547" spans="1:7" x14ac:dyDescent="0.3">
      <c r="A547" s="6">
        <v>44952</v>
      </c>
      <c r="B547" s="8">
        <v>3.641</v>
      </c>
      <c r="C547" s="8">
        <v>3.6602000000000001</v>
      </c>
      <c r="D547" s="8">
        <v>2.3740000000000001</v>
      </c>
      <c r="E547" s="8">
        <v>2.956</v>
      </c>
      <c r="F547" s="8">
        <v>2.1739999999999999</v>
      </c>
      <c r="G547" s="8">
        <v>1.5129999999999999</v>
      </c>
    </row>
    <row r="548" spans="1:7" x14ac:dyDescent="0.3">
      <c r="A548" s="6">
        <v>44953</v>
      </c>
      <c r="B548" s="8">
        <v>3.6219999999999999</v>
      </c>
      <c r="C548" s="8">
        <v>3.6798000000000002</v>
      </c>
      <c r="D548" s="8">
        <v>2.3969999999999998</v>
      </c>
      <c r="E548" s="8">
        <v>2.968</v>
      </c>
      <c r="F548" s="8">
        <v>2.19</v>
      </c>
      <c r="G548" s="8">
        <v>1.573</v>
      </c>
    </row>
    <row r="549" spans="1:7" x14ac:dyDescent="0.3">
      <c r="A549" s="6">
        <v>44956</v>
      </c>
      <c r="B549" s="8">
        <v>3.653</v>
      </c>
      <c r="C549" s="8">
        <v>3.6882999999999999</v>
      </c>
      <c r="D549" s="8">
        <v>2.444</v>
      </c>
      <c r="E549" s="8">
        <v>3.02</v>
      </c>
      <c r="F549" s="8">
        <v>2.2400000000000002</v>
      </c>
      <c r="G549" s="8">
        <v>1.5940000000000001</v>
      </c>
    </row>
    <row r="550" spans="1:7" x14ac:dyDescent="0.3">
      <c r="A550" s="6">
        <v>44957</v>
      </c>
      <c r="B550" s="8">
        <v>3.6339999999999999</v>
      </c>
      <c r="C550" s="8">
        <v>3.7111999999999998</v>
      </c>
      <c r="D550" s="8">
        <v>2.42</v>
      </c>
      <c r="E550" s="8">
        <v>2.9990000000000001</v>
      </c>
      <c r="F550" s="8">
        <v>2.2210000000000001</v>
      </c>
      <c r="G550" s="8">
        <v>1.589</v>
      </c>
    </row>
    <row r="551" spans="1:7" x14ac:dyDescent="0.3">
      <c r="A551" s="6">
        <v>44958</v>
      </c>
      <c r="B551" s="8">
        <v>3.5670000000000002</v>
      </c>
      <c r="C551" s="8">
        <v>3.7101000000000002</v>
      </c>
      <c r="D551" s="8">
        <v>2.4180000000000001</v>
      </c>
      <c r="E551" s="8">
        <v>3.004</v>
      </c>
      <c r="F551" s="8">
        <v>2.2210000000000001</v>
      </c>
      <c r="G551" s="8">
        <v>1.5569999999999999</v>
      </c>
    </row>
    <row r="552" spans="1:7" x14ac:dyDescent="0.3">
      <c r="A552" s="6">
        <v>44959</v>
      </c>
      <c r="B552" s="8">
        <v>3.548</v>
      </c>
      <c r="C552" s="8">
        <v>3.52</v>
      </c>
      <c r="D552" s="8">
        <v>2.2930000000000001</v>
      </c>
      <c r="E552" s="8">
        <v>2.8370000000000002</v>
      </c>
      <c r="F552" s="8">
        <v>2.093</v>
      </c>
      <c r="G552" s="8">
        <v>1.5069999999999999</v>
      </c>
    </row>
    <row r="553" spans="1:7" x14ac:dyDescent="0.3">
      <c r="A553" s="6">
        <v>44960</v>
      </c>
      <c r="B553" s="8">
        <v>3.6150000000000002</v>
      </c>
      <c r="C553" s="8">
        <v>3.5819999999999999</v>
      </c>
      <c r="D553" s="8">
        <v>2.415</v>
      </c>
      <c r="E553" s="8">
        <v>2.9790000000000001</v>
      </c>
      <c r="F553" s="8">
        <v>2.2210000000000001</v>
      </c>
      <c r="G553" s="8">
        <v>1.512</v>
      </c>
    </row>
    <row r="554" spans="1:7" x14ac:dyDescent="0.3">
      <c r="A554" s="6">
        <v>44963</v>
      </c>
      <c r="B554" s="8">
        <v>3.6760000000000002</v>
      </c>
      <c r="C554" s="8">
        <v>3.7037</v>
      </c>
      <c r="D554" s="8">
        <v>2.4849999999999999</v>
      </c>
      <c r="E554" s="8">
        <v>3.0449999999999999</v>
      </c>
      <c r="F554" s="8">
        <v>2.2839999999999998</v>
      </c>
      <c r="G554" s="8">
        <v>1.5289999999999999</v>
      </c>
    </row>
    <row r="555" spans="1:7" x14ac:dyDescent="0.3">
      <c r="A555" s="6">
        <v>44964</v>
      </c>
      <c r="B555" s="8">
        <v>3.714</v>
      </c>
      <c r="C555" s="8">
        <v>3.7488000000000001</v>
      </c>
      <c r="D555" s="8">
        <v>2.5289999999999999</v>
      </c>
      <c r="E555" s="8">
        <v>3.0649999999999999</v>
      </c>
      <c r="F555" s="8">
        <v>2.3090000000000002</v>
      </c>
      <c r="G555" s="8">
        <v>1.548</v>
      </c>
    </row>
    <row r="556" spans="1:7" x14ac:dyDescent="0.3">
      <c r="A556" s="6">
        <v>44965</v>
      </c>
      <c r="B556" s="8">
        <v>3.6720000000000002</v>
      </c>
      <c r="C556" s="8">
        <v>3.7667000000000002</v>
      </c>
      <c r="D556" s="8">
        <v>2.5419999999999998</v>
      </c>
      <c r="E556" s="8">
        <v>3.0840000000000001</v>
      </c>
      <c r="F556" s="8">
        <v>2.3290000000000002</v>
      </c>
      <c r="G556" s="8">
        <v>1.53</v>
      </c>
    </row>
    <row r="557" spans="1:7" x14ac:dyDescent="0.3">
      <c r="A557" s="6">
        <v>44966</v>
      </c>
      <c r="B557" s="8">
        <v>3.7280000000000002</v>
      </c>
      <c r="C557" s="8">
        <v>3.7343999999999999</v>
      </c>
      <c r="D557" s="8">
        <v>2.4790000000000001</v>
      </c>
      <c r="E557" s="8">
        <v>3.0230000000000001</v>
      </c>
      <c r="F557" s="8">
        <v>2.266</v>
      </c>
      <c r="G557" s="8">
        <v>1.5269999999999999</v>
      </c>
    </row>
    <row r="558" spans="1:7" x14ac:dyDescent="0.3">
      <c r="A558" s="6">
        <v>44967</v>
      </c>
      <c r="B558" s="8">
        <v>3.8180000000000001</v>
      </c>
      <c r="C558" s="8">
        <v>3.8108</v>
      </c>
      <c r="D558" s="8">
        <v>2.5299999999999998</v>
      </c>
      <c r="E558" s="8">
        <v>3.0859999999999999</v>
      </c>
      <c r="F558" s="8">
        <v>2.319</v>
      </c>
      <c r="G558" s="8">
        <v>1.5840000000000001</v>
      </c>
    </row>
    <row r="559" spans="1:7" x14ac:dyDescent="0.3">
      <c r="A559" s="6">
        <v>44970</v>
      </c>
      <c r="B559" s="8">
        <v>3.7749999999999999</v>
      </c>
      <c r="C559" s="8">
        <v>3.8125</v>
      </c>
      <c r="D559" s="8">
        <v>2.524</v>
      </c>
      <c r="E559" s="8">
        <v>3.077</v>
      </c>
      <c r="F559" s="8">
        <v>2.3180000000000001</v>
      </c>
      <c r="G559" s="8">
        <v>1.4870000000000001</v>
      </c>
    </row>
    <row r="560" spans="1:7" x14ac:dyDescent="0.3">
      <c r="A560" s="6">
        <v>44971</v>
      </c>
      <c r="B560" s="8">
        <v>3.7759999999999998</v>
      </c>
      <c r="C560" s="8">
        <v>3.8877000000000002</v>
      </c>
      <c r="D560" s="8">
        <v>2.569</v>
      </c>
      <c r="E560" s="8">
        <v>3.1389999999999998</v>
      </c>
      <c r="F560" s="8">
        <v>2.3690000000000002</v>
      </c>
      <c r="G560" s="8">
        <v>1.476</v>
      </c>
    </row>
    <row r="561" spans="1:7" x14ac:dyDescent="0.3">
      <c r="A561" s="6">
        <v>44972</v>
      </c>
      <c r="B561" s="8">
        <v>3.843</v>
      </c>
      <c r="C561" s="8">
        <v>3.8681999999999999</v>
      </c>
      <c r="D561" s="8">
        <v>2.6269999999999998</v>
      </c>
      <c r="E561" s="8">
        <v>3.198</v>
      </c>
      <c r="F561" s="8">
        <v>2.427</v>
      </c>
      <c r="G561" s="8">
        <v>1.4630000000000001</v>
      </c>
    </row>
    <row r="562" spans="1:7" x14ac:dyDescent="0.3">
      <c r="A562" s="6">
        <v>44973</v>
      </c>
      <c r="B562" s="8">
        <v>3.9159999999999999</v>
      </c>
      <c r="C562" s="8">
        <v>3.8940999999999999</v>
      </c>
      <c r="D562" s="8">
        <v>2.6339999999999999</v>
      </c>
      <c r="E562" s="8">
        <v>3.2010000000000001</v>
      </c>
      <c r="F562" s="8">
        <v>2.4289999999999998</v>
      </c>
      <c r="G562" s="8">
        <v>1.4690000000000001</v>
      </c>
    </row>
    <row r="563" spans="1:7" x14ac:dyDescent="0.3">
      <c r="A563" s="6">
        <v>44974</v>
      </c>
      <c r="B563" s="8">
        <v>3.871</v>
      </c>
      <c r="C563" s="8">
        <v>3.9333</v>
      </c>
      <c r="D563" s="8">
        <v>2.5950000000000002</v>
      </c>
      <c r="E563" s="8">
        <v>3.153</v>
      </c>
      <c r="F563" s="8">
        <v>2.3849999999999998</v>
      </c>
      <c r="G563" s="8">
        <v>1.4830000000000001</v>
      </c>
    </row>
    <row r="564" spans="1:7" x14ac:dyDescent="0.3">
      <c r="A564" s="6">
        <v>44977</v>
      </c>
      <c r="B564" s="8">
        <v>3.871</v>
      </c>
      <c r="C564" s="8">
        <v>3.8965999999999998</v>
      </c>
      <c r="D564" s="8">
        <v>2.613</v>
      </c>
      <c r="E564" s="8">
        <v>3.1749999999999998</v>
      </c>
      <c r="F564" s="8">
        <v>2.4039999999999999</v>
      </c>
      <c r="G564" s="8">
        <v>1.488</v>
      </c>
    </row>
    <row r="565" spans="1:7" x14ac:dyDescent="0.3">
      <c r="A565" s="6">
        <v>44978</v>
      </c>
      <c r="B565" s="8">
        <v>3.9729999999999999</v>
      </c>
      <c r="C565" s="8">
        <v>4.0068999999999999</v>
      </c>
      <c r="D565" s="8">
        <v>2.6819999999999999</v>
      </c>
      <c r="E565" s="8">
        <v>3.2549999999999999</v>
      </c>
      <c r="F565" s="8">
        <v>2.4590000000000001</v>
      </c>
      <c r="G565" s="8">
        <v>1.4830000000000001</v>
      </c>
    </row>
    <row r="566" spans="1:7" x14ac:dyDescent="0.3">
      <c r="A566" s="6">
        <v>44979</v>
      </c>
      <c r="B566" s="8">
        <v>3.915</v>
      </c>
      <c r="C566" s="8">
        <v>3.9864000000000002</v>
      </c>
      <c r="D566" s="8">
        <v>2.7189999999999999</v>
      </c>
      <c r="E566" s="8">
        <v>3.2690000000000001</v>
      </c>
      <c r="F566" s="8">
        <v>2.5</v>
      </c>
      <c r="G566" s="8">
        <v>1.448</v>
      </c>
    </row>
    <row r="567" spans="1:7" x14ac:dyDescent="0.3">
      <c r="A567" s="6">
        <v>44980</v>
      </c>
      <c r="B567" s="8">
        <v>3.887</v>
      </c>
      <c r="C567" s="8">
        <v>3.9803999999999999</v>
      </c>
      <c r="D567" s="8">
        <v>2.645</v>
      </c>
      <c r="E567" s="8">
        <v>3.2050000000000001</v>
      </c>
      <c r="F567" s="8">
        <v>2.4169999999999998</v>
      </c>
      <c r="G567" s="8">
        <v>1.448</v>
      </c>
    </row>
    <row r="568" spans="1:7" x14ac:dyDescent="0.3">
      <c r="A568" s="6">
        <v>44981</v>
      </c>
      <c r="B568" s="8">
        <v>3.9319999999999999</v>
      </c>
      <c r="C568" s="8">
        <v>4.0495000000000001</v>
      </c>
      <c r="D568" s="8">
        <v>2.694</v>
      </c>
      <c r="E568" s="8">
        <v>3.2559999999999998</v>
      </c>
      <c r="F568" s="8">
        <v>2.4649999999999999</v>
      </c>
      <c r="G568" s="8">
        <v>1.4379999999999999</v>
      </c>
    </row>
    <row r="569" spans="1:7" x14ac:dyDescent="0.3">
      <c r="A569" s="6">
        <v>44984</v>
      </c>
      <c r="B569" s="8">
        <v>3.927</v>
      </c>
      <c r="C569" s="8">
        <v>4.1269999999999998</v>
      </c>
      <c r="D569" s="8">
        <v>2.7690000000000001</v>
      </c>
      <c r="E569" s="8">
        <v>3.323</v>
      </c>
      <c r="F569" s="8">
        <v>2.54</v>
      </c>
      <c r="G569" s="8">
        <v>1.43</v>
      </c>
    </row>
    <row r="570" spans="1:7" x14ac:dyDescent="0.3">
      <c r="A570" s="6">
        <v>44985</v>
      </c>
      <c r="B570" s="8">
        <v>3.9169999999999998</v>
      </c>
      <c r="C570" s="8">
        <v>4.1345000000000001</v>
      </c>
      <c r="D570" s="8">
        <v>2.84</v>
      </c>
      <c r="E570" s="8">
        <v>3.375</v>
      </c>
      <c r="F570" s="8">
        <v>2.6059999999999999</v>
      </c>
      <c r="G570" s="8">
        <v>1.357</v>
      </c>
    </row>
    <row r="571" spans="1:7" x14ac:dyDescent="0.3">
      <c r="A571" s="6">
        <v>44986</v>
      </c>
      <c r="B571" s="8">
        <v>3.9550000000000001</v>
      </c>
      <c r="C571" s="8">
        <v>4.2054999999999998</v>
      </c>
      <c r="D571" s="8">
        <v>2.8639999999999999</v>
      </c>
      <c r="E571" s="8">
        <v>3.4260000000000002</v>
      </c>
      <c r="F571" s="8">
        <v>2.649</v>
      </c>
      <c r="G571" s="8">
        <v>1.3560000000000001</v>
      </c>
    </row>
    <row r="572" spans="1:7" x14ac:dyDescent="0.3">
      <c r="A572" s="6">
        <v>44987</v>
      </c>
      <c r="B572" s="8">
        <v>3.9940000000000002</v>
      </c>
      <c r="C572" s="8">
        <v>4.2484999999999999</v>
      </c>
      <c r="D572" s="8">
        <v>2.9039999999999999</v>
      </c>
      <c r="E572" s="8">
        <v>3.4660000000000002</v>
      </c>
      <c r="F572" s="8">
        <v>2.694</v>
      </c>
      <c r="G572" s="8">
        <v>1.3879999999999999</v>
      </c>
    </row>
    <row r="573" spans="1:7" x14ac:dyDescent="0.3">
      <c r="A573" s="6">
        <v>44988</v>
      </c>
      <c r="B573" s="8">
        <v>3.8769999999999998</v>
      </c>
      <c r="C573" s="8">
        <v>4.2095000000000002</v>
      </c>
      <c r="D573" s="8">
        <v>2.8639999999999999</v>
      </c>
      <c r="E573" s="8">
        <v>3.4140000000000001</v>
      </c>
      <c r="F573" s="8">
        <v>2.6560000000000001</v>
      </c>
      <c r="G573" s="8">
        <v>1.4139999999999999</v>
      </c>
    </row>
    <row r="574" spans="1:7" x14ac:dyDescent="0.3">
      <c r="A574" s="6">
        <v>44991</v>
      </c>
      <c r="B574" s="8">
        <v>3.8940000000000001</v>
      </c>
      <c r="C574" s="8">
        <v>4.2115</v>
      </c>
      <c r="D574" s="8">
        <v>2.8620000000000001</v>
      </c>
      <c r="E574" s="8">
        <v>3.4340000000000002</v>
      </c>
      <c r="F574" s="8">
        <v>2.657</v>
      </c>
      <c r="G574" s="8">
        <v>1.4059999999999999</v>
      </c>
    </row>
    <row r="575" spans="1:7" x14ac:dyDescent="0.3">
      <c r="A575" s="6">
        <v>44992</v>
      </c>
      <c r="B575" s="8">
        <v>3.8730000000000002</v>
      </c>
      <c r="C575" s="8">
        <v>4.1486000000000001</v>
      </c>
      <c r="D575" s="8">
        <v>2.8109999999999999</v>
      </c>
      <c r="E575" s="8">
        <v>3.3849999999999998</v>
      </c>
      <c r="F575" s="8">
        <v>2.6019999999999999</v>
      </c>
      <c r="G575" s="8">
        <v>1.4239999999999999</v>
      </c>
    </row>
    <row r="576" spans="1:7" x14ac:dyDescent="0.3">
      <c r="A576" s="6">
        <v>44993</v>
      </c>
      <c r="B576" s="8">
        <v>3.895</v>
      </c>
      <c r="C576" s="8">
        <v>4.0782999999999996</v>
      </c>
      <c r="D576" s="8">
        <v>2.7509999999999999</v>
      </c>
      <c r="E576" s="8">
        <v>3.3250000000000002</v>
      </c>
      <c r="F576" s="8">
        <v>2.5390000000000001</v>
      </c>
      <c r="G576" s="8">
        <v>1.4530000000000001</v>
      </c>
    </row>
    <row r="577" spans="1:7" x14ac:dyDescent="0.3">
      <c r="A577" s="6">
        <v>44994</v>
      </c>
      <c r="B577" s="8">
        <v>3.851</v>
      </c>
      <c r="C577" s="8">
        <v>4.1196999999999999</v>
      </c>
      <c r="D577" s="8">
        <v>2.7930000000000001</v>
      </c>
      <c r="E577" s="8">
        <v>3.359</v>
      </c>
      <c r="F577" s="8">
        <v>2.5840000000000001</v>
      </c>
      <c r="G577" s="8">
        <v>1.4590000000000001</v>
      </c>
    </row>
    <row r="578" spans="1:7" x14ac:dyDescent="0.3">
      <c r="A578" s="6">
        <v>44995</v>
      </c>
      <c r="B578" s="8">
        <v>3.7090000000000001</v>
      </c>
      <c r="C578" s="8">
        <v>4.0090000000000003</v>
      </c>
      <c r="D578" s="8">
        <v>2.6819999999999999</v>
      </c>
      <c r="E578" s="8">
        <v>3.2559999999999998</v>
      </c>
      <c r="F578" s="8">
        <v>2.4630000000000001</v>
      </c>
      <c r="G578" s="8">
        <v>1.387</v>
      </c>
    </row>
    <row r="579" spans="1:7" x14ac:dyDescent="0.3">
      <c r="A579" s="6">
        <v>44998</v>
      </c>
      <c r="B579" s="8">
        <v>3.714</v>
      </c>
      <c r="C579" s="8">
        <v>3.8296999999999999</v>
      </c>
      <c r="D579" s="8">
        <v>2.4940000000000002</v>
      </c>
      <c r="E579" s="8">
        <v>3.0960000000000001</v>
      </c>
      <c r="F579" s="8">
        <v>2.2650000000000001</v>
      </c>
      <c r="G579" s="8">
        <v>1.288</v>
      </c>
    </row>
    <row r="580" spans="1:7" x14ac:dyDescent="0.3">
      <c r="A580" s="6">
        <v>44999</v>
      </c>
      <c r="B580" s="8">
        <v>3.806</v>
      </c>
      <c r="C580" s="8">
        <v>3.8879000000000001</v>
      </c>
      <c r="D580" s="8">
        <v>2.6349999999999998</v>
      </c>
      <c r="E580" s="8">
        <v>3.2210000000000001</v>
      </c>
      <c r="F580" s="8">
        <v>2.4060000000000001</v>
      </c>
      <c r="G580" s="8">
        <v>1.0780000000000001</v>
      </c>
    </row>
    <row r="581" spans="1:7" x14ac:dyDescent="0.3">
      <c r="A581" s="6">
        <v>45000</v>
      </c>
      <c r="B581" s="8">
        <v>3.6459999999999999</v>
      </c>
      <c r="C581" s="8">
        <v>3.7505000000000002</v>
      </c>
      <c r="D581" s="8">
        <v>2.3959999999999999</v>
      </c>
      <c r="E581" s="8">
        <v>3.004</v>
      </c>
      <c r="F581" s="8">
        <v>2.14</v>
      </c>
      <c r="G581" s="8">
        <v>1.3140000000000001</v>
      </c>
    </row>
    <row r="582" spans="1:7" x14ac:dyDescent="0.3">
      <c r="A582" s="6">
        <v>45001</v>
      </c>
      <c r="B582" s="8">
        <v>3.702</v>
      </c>
      <c r="C582" s="8">
        <v>3.8475999999999999</v>
      </c>
      <c r="D582" s="8">
        <v>2.5579999999999998</v>
      </c>
      <c r="E582" s="8">
        <v>3.15</v>
      </c>
      <c r="F582" s="8">
        <v>2.3069999999999999</v>
      </c>
      <c r="G582" s="8">
        <v>1.264</v>
      </c>
    </row>
    <row r="583" spans="1:7" x14ac:dyDescent="0.3">
      <c r="A583" s="6">
        <v>45002</v>
      </c>
      <c r="B583" s="8">
        <v>3.6269999999999998</v>
      </c>
      <c r="C583" s="8">
        <v>3.7513000000000001</v>
      </c>
      <c r="D583" s="8">
        <v>2.4159999999999999</v>
      </c>
      <c r="E583" s="8">
        <v>3.0049999999999999</v>
      </c>
      <c r="F583" s="8">
        <v>2.1520000000000001</v>
      </c>
      <c r="G583" s="8">
        <v>1.2869999999999999</v>
      </c>
    </row>
    <row r="584" spans="1:7" x14ac:dyDescent="0.3">
      <c r="A584" s="6">
        <v>45005</v>
      </c>
      <c r="B584" s="8">
        <v>3.6680000000000001</v>
      </c>
      <c r="C584" s="8">
        <v>3.8166000000000002</v>
      </c>
      <c r="D584" s="8">
        <v>2.4449999999999998</v>
      </c>
      <c r="E584" s="8">
        <v>3.0270000000000001</v>
      </c>
      <c r="F584" s="8">
        <v>2.2010000000000001</v>
      </c>
      <c r="G584" s="8">
        <v>1.22</v>
      </c>
    </row>
    <row r="585" spans="1:7" x14ac:dyDescent="0.3">
      <c r="A585" s="6">
        <v>45006</v>
      </c>
      <c r="B585" s="8">
        <v>3.734</v>
      </c>
      <c r="C585" s="8">
        <v>3.8376000000000001</v>
      </c>
      <c r="D585" s="8">
        <v>2.5539999999999998</v>
      </c>
      <c r="E585" s="8">
        <v>3.129</v>
      </c>
      <c r="F585" s="8">
        <v>2.3130000000000002</v>
      </c>
      <c r="G585" s="8">
        <v>1.22</v>
      </c>
    </row>
    <row r="586" spans="1:7" x14ac:dyDescent="0.3">
      <c r="A586" s="6">
        <v>45007</v>
      </c>
      <c r="B586" s="8">
        <v>3.6539999999999999</v>
      </c>
      <c r="C586" s="8">
        <v>3.8807</v>
      </c>
      <c r="D586" s="8">
        <v>2.57</v>
      </c>
      <c r="E586" s="8">
        <v>3.129</v>
      </c>
      <c r="F586" s="8">
        <v>2.319</v>
      </c>
      <c r="G586" s="8">
        <v>1.302</v>
      </c>
    </row>
    <row r="587" spans="1:7" x14ac:dyDescent="0.3">
      <c r="A587" s="6">
        <v>45008</v>
      </c>
      <c r="B587" s="8">
        <v>3.7</v>
      </c>
      <c r="C587" s="8">
        <v>3.8273000000000001</v>
      </c>
      <c r="D587" s="8">
        <v>2.4969999999999999</v>
      </c>
      <c r="E587" s="8">
        <v>3.0630000000000002</v>
      </c>
      <c r="F587" s="8">
        <v>2.246</v>
      </c>
      <c r="G587" s="8">
        <v>1.32</v>
      </c>
    </row>
    <row r="588" spans="1:7" x14ac:dyDescent="0.3">
      <c r="A588" s="6">
        <v>45009</v>
      </c>
      <c r="B588" s="8">
        <v>3.6469999999999998</v>
      </c>
      <c r="C588" s="8">
        <v>3.762</v>
      </c>
      <c r="D588" s="8">
        <v>2.476</v>
      </c>
      <c r="E588" s="8">
        <v>3.028</v>
      </c>
      <c r="F588" s="8">
        <v>2.2120000000000002</v>
      </c>
      <c r="G588" s="8">
        <v>1.323</v>
      </c>
    </row>
    <row r="589" spans="1:7" x14ac:dyDescent="0.3">
      <c r="A589" s="6">
        <v>45012</v>
      </c>
      <c r="B589" s="8">
        <v>3.762</v>
      </c>
      <c r="C589" s="8">
        <v>3.8031999999999999</v>
      </c>
      <c r="D589" s="8">
        <v>2.5430000000000001</v>
      </c>
      <c r="E589" s="8">
        <v>3.113</v>
      </c>
      <c r="F589" s="8">
        <v>2.3029999999999999</v>
      </c>
      <c r="G589" s="8">
        <v>1.343</v>
      </c>
    </row>
    <row r="590" spans="1:7" x14ac:dyDescent="0.3">
      <c r="A590" s="6">
        <v>45013</v>
      </c>
      <c r="B590" s="8">
        <v>3.7719999999999998</v>
      </c>
      <c r="C590" s="8">
        <v>3.8567999999999998</v>
      </c>
      <c r="D590" s="8">
        <v>2.6139999999999999</v>
      </c>
      <c r="E590" s="8">
        <v>3.181</v>
      </c>
      <c r="F590" s="8">
        <v>2.3690000000000002</v>
      </c>
      <c r="G590" s="8">
        <v>1.2569999999999999</v>
      </c>
    </row>
    <row r="591" spans="1:7" x14ac:dyDescent="0.3">
      <c r="A591" s="6">
        <v>45014</v>
      </c>
      <c r="B591" s="8">
        <v>3.762</v>
      </c>
      <c r="C591" s="8">
        <v>3.8271000000000002</v>
      </c>
      <c r="D591" s="8">
        <v>2.6269999999999998</v>
      </c>
      <c r="E591" s="8">
        <v>3.2130000000000001</v>
      </c>
      <c r="F591" s="8">
        <v>2.4039999999999999</v>
      </c>
      <c r="G591" s="8">
        <v>1.194</v>
      </c>
    </row>
    <row r="592" spans="1:7" x14ac:dyDescent="0.3">
      <c r="A592" s="6">
        <v>45015</v>
      </c>
      <c r="B592" s="8">
        <v>3.7349999999999999</v>
      </c>
      <c r="C592" s="8">
        <v>3.8452999999999999</v>
      </c>
      <c r="D592" s="8">
        <v>2.64</v>
      </c>
      <c r="E592" s="8">
        <v>3.2389999999999999</v>
      </c>
      <c r="F592" s="8">
        <v>2.4159999999999999</v>
      </c>
      <c r="G592" s="8">
        <v>1.206</v>
      </c>
    </row>
    <row r="593" spans="1:7" x14ac:dyDescent="0.3">
      <c r="A593" s="6">
        <v>45016</v>
      </c>
      <c r="B593" s="8">
        <v>3.6509999999999998</v>
      </c>
      <c r="C593" s="8">
        <v>3.8351000000000002</v>
      </c>
      <c r="D593" s="8">
        <v>2.5870000000000002</v>
      </c>
      <c r="E593" s="8">
        <v>3.1749999999999998</v>
      </c>
      <c r="F593" s="8">
        <v>2.359</v>
      </c>
      <c r="G593" s="8">
        <v>1.242</v>
      </c>
    </row>
    <row r="594" spans="1:7" x14ac:dyDescent="0.3">
      <c r="A594" s="6">
        <v>45019</v>
      </c>
      <c r="B594" s="8">
        <v>3.6309999999999998</v>
      </c>
      <c r="C594" s="8">
        <v>3.7542</v>
      </c>
      <c r="D594" s="8">
        <v>2.5329999999999999</v>
      </c>
      <c r="E594" s="8">
        <v>3.1280000000000001</v>
      </c>
      <c r="F594" s="8">
        <v>2.3010000000000002</v>
      </c>
      <c r="G594" s="8">
        <v>1.302</v>
      </c>
    </row>
    <row r="595" spans="1:7" x14ac:dyDescent="0.3">
      <c r="A595" s="6">
        <v>45020</v>
      </c>
      <c r="B595" s="8">
        <v>3.5979999999999999</v>
      </c>
      <c r="C595" s="8">
        <v>3.7465000000000002</v>
      </c>
      <c r="D595" s="8">
        <v>2.569</v>
      </c>
      <c r="E595" s="8">
        <v>3.1549999999999998</v>
      </c>
      <c r="F595" s="8">
        <v>2.3319999999999999</v>
      </c>
      <c r="G595" s="8">
        <v>1.3440000000000001</v>
      </c>
    </row>
    <row r="596" spans="1:7" x14ac:dyDescent="0.3">
      <c r="A596" s="6">
        <v>45021</v>
      </c>
      <c r="B596" s="8">
        <v>3.5710000000000002</v>
      </c>
      <c r="C596" s="8">
        <v>3.7671999999999999</v>
      </c>
      <c r="D596" s="8">
        <v>2.4900000000000002</v>
      </c>
      <c r="E596" s="8">
        <v>3.0939999999999999</v>
      </c>
      <c r="F596" s="8">
        <v>2.2629999999999999</v>
      </c>
      <c r="G596" s="8">
        <v>1.337</v>
      </c>
    </row>
    <row r="597" spans="1:7" x14ac:dyDescent="0.3">
      <c r="A597" s="6">
        <v>45022</v>
      </c>
      <c r="B597" s="8">
        <v>3.552</v>
      </c>
      <c r="C597" s="8">
        <v>3.7658999999999998</v>
      </c>
      <c r="D597" s="8">
        <v>2.5049999999999999</v>
      </c>
      <c r="E597" s="8">
        <v>3.121</v>
      </c>
      <c r="F597" s="8">
        <v>2.2770000000000001</v>
      </c>
      <c r="G597" s="8">
        <v>1.2969999999999999</v>
      </c>
    </row>
    <row r="598" spans="1:7" x14ac:dyDescent="0.3">
      <c r="A598" s="6">
        <v>45023</v>
      </c>
      <c r="B598" s="8">
        <v>3.613</v>
      </c>
      <c r="C598" s="8">
        <v>3.7658999999999998</v>
      </c>
      <c r="D598" s="8">
        <v>2.5049999999999999</v>
      </c>
      <c r="E598" s="8">
        <v>3.121</v>
      </c>
      <c r="F598" s="8">
        <v>2.2770000000000001</v>
      </c>
      <c r="G598" s="8">
        <v>1.3009999999999999</v>
      </c>
    </row>
    <row r="599" spans="1:7" x14ac:dyDescent="0.3">
      <c r="A599" s="6">
        <v>45026</v>
      </c>
      <c r="B599" s="8">
        <v>3.63</v>
      </c>
      <c r="C599" s="8">
        <v>3.7658999999999998</v>
      </c>
      <c r="D599" s="8">
        <v>2.5049999999999999</v>
      </c>
      <c r="E599" s="8">
        <v>3.121</v>
      </c>
      <c r="F599" s="8">
        <v>2.2770000000000001</v>
      </c>
      <c r="G599" s="8">
        <v>1.3180000000000001</v>
      </c>
    </row>
    <row r="600" spans="1:7" x14ac:dyDescent="0.3">
      <c r="A600" s="6">
        <v>45027</v>
      </c>
      <c r="B600" s="8">
        <v>3.6219999999999999</v>
      </c>
      <c r="C600" s="8">
        <v>3.8561999999999999</v>
      </c>
      <c r="D600" s="8">
        <v>2.6280000000000001</v>
      </c>
      <c r="E600" s="8">
        <v>3.218</v>
      </c>
      <c r="F600" s="8">
        <v>2.3849999999999998</v>
      </c>
      <c r="G600" s="8">
        <v>1.3220000000000001</v>
      </c>
    </row>
    <row r="601" spans="1:7" x14ac:dyDescent="0.3">
      <c r="A601" s="6">
        <v>45028</v>
      </c>
      <c r="B601" s="8">
        <v>3.6259999999999999</v>
      </c>
      <c r="C601" s="8">
        <v>3.8915999999999999</v>
      </c>
      <c r="D601" s="8">
        <v>2.681</v>
      </c>
      <c r="E601" s="8">
        <v>3.2559999999999998</v>
      </c>
      <c r="F601" s="8">
        <v>2.4390000000000001</v>
      </c>
      <c r="G601" s="8">
        <v>1.3129999999999999</v>
      </c>
    </row>
    <row r="602" spans="1:7" x14ac:dyDescent="0.3">
      <c r="A602" s="6">
        <v>45029</v>
      </c>
      <c r="B602" s="8">
        <v>3.6890000000000001</v>
      </c>
      <c r="C602" s="8">
        <v>3.9363999999999999</v>
      </c>
      <c r="D602" s="8">
        <v>2.7010000000000001</v>
      </c>
      <c r="E602" s="8">
        <v>3.278</v>
      </c>
      <c r="F602" s="8">
        <v>2.4590000000000001</v>
      </c>
      <c r="G602" s="8">
        <v>1.2829999999999999</v>
      </c>
    </row>
    <row r="603" spans="1:7" x14ac:dyDescent="0.3">
      <c r="A603" s="6">
        <v>45030</v>
      </c>
      <c r="B603" s="8">
        <v>3.7370000000000001</v>
      </c>
      <c r="C603" s="8">
        <v>4.0156999999999998</v>
      </c>
      <c r="D603" s="8">
        <v>2.7450000000000001</v>
      </c>
      <c r="E603" s="8">
        <v>3.3159999999999998</v>
      </c>
      <c r="F603" s="8">
        <v>2.5030000000000001</v>
      </c>
      <c r="G603" s="8">
        <v>1.3</v>
      </c>
    </row>
    <row r="604" spans="1:7" x14ac:dyDescent="0.3">
      <c r="A604" s="6">
        <v>45033</v>
      </c>
      <c r="B604" s="8">
        <v>3.8130000000000002</v>
      </c>
      <c r="C604" s="8">
        <v>4.0415000000000001</v>
      </c>
      <c r="D604" s="8">
        <v>2.782</v>
      </c>
      <c r="E604" s="8">
        <v>3.347</v>
      </c>
      <c r="F604" s="8">
        <v>2.5470000000000002</v>
      </c>
      <c r="G604" s="8">
        <v>1.3340000000000001</v>
      </c>
    </row>
    <row r="605" spans="1:7" x14ac:dyDescent="0.3">
      <c r="A605" s="6">
        <v>45034</v>
      </c>
      <c r="B605" s="8">
        <v>3.7879999999999998</v>
      </c>
      <c r="C605" s="8">
        <v>4.0936000000000003</v>
      </c>
      <c r="D605" s="8">
        <v>2.766</v>
      </c>
      <c r="E605" s="8">
        <v>3.343</v>
      </c>
      <c r="F605" s="8">
        <v>2.5310000000000001</v>
      </c>
      <c r="G605" s="8">
        <v>1.327</v>
      </c>
    </row>
    <row r="606" spans="1:7" x14ac:dyDescent="0.3">
      <c r="A606" s="6">
        <v>45035</v>
      </c>
      <c r="B606" s="8">
        <v>3.7879999999999998</v>
      </c>
      <c r="C606" s="8">
        <v>4.1791999999999998</v>
      </c>
      <c r="D606" s="8">
        <v>2.7959999999999998</v>
      </c>
      <c r="E606" s="8">
        <v>3.3620000000000001</v>
      </c>
      <c r="F606" s="8">
        <v>2.5489999999999999</v>
      </c>
      <c r="G606" s="8">
        <v>1.3169999999999999</v>
      </c>
    </row>
    <row r="607" spans="1:7" x14ac:dyDescent="0.3">
      <c r="A607" s="6">
        <v>45036</v>
      </c>
      <c r="B607" s="8">
        <v>3.742</v>
      </c>
      <c r="C607" s="8">
        <v>4.1014999999999997</v>
      </c>
      <c r="D607" s="8">
        <v>2.7559999999999998</v>
      </c>
      <c r="E607" s="8">
        <v>3.3239999999999998</v>
      </c>
      <c r="F607" s="8">
        <v>2.5019999999999998</v>
      </c>
      <c r="G607" s="8">
        <v>1.3380000000000001</v>
      </c>
    </row>
    <row r="608" spans="1:7" x14ac:dyDescent="0.3">
      <c r="A608" s="6">
        <v>45037</v>
      </c>
      <c r="B608" s="8">
        <v>3.778</v>
      </c>
      <c r="C608" s="8">
        <v>4.0932000000000004</v>
      </c>
      <c r="D608" s="8">
        <v>2.8029999999999999</v>
      </c>
      <c r="E608" s="8">
        <v>3.3679999999999999</v>
      </c>
      <c r="F608" s="8">
        <v>2.5459999999999998</v>
      </c>
      <c r="G608" s="8">
        <v>1.341</v>
      </c>
    </row>
    <row r="609" spans="1:7" x14ac:dyDescent="0.3">
      <c r="A609" s="6">
        <v>45040</v>
      </c>
      <c r="B609" s="8">
        <v>3.7130000000000001</v>
      </c>
      <c r="C609" s="8">
        <v>4.1173999999999999</v>
      </c>
      <c r="D609" s="8">
        <v>2.81</v>
      </c>
      <c r="E609" s="8">
        <v>3.383</v>
      </c>
      <c r="F609" s="8">
        <v>2.5550000000000002</v>
      </c>
      <c r="G609" s="8">
        <v>1.351</v>
      </c>
    </row>
    <row r="610" spans="1:7" x14ac:dyDescent="0.3">
      <c r="A610" s="6">
        <v>45041</v>
      </c>
      <c r="B610" s="8">
        <v>3.66</v>
      </c>
      <c r="C610" s="8">
        <v>4.0391000000000004</v>
      </c>
      <c r="D610" s="8">
        <v>2.7010000000000001</v>
      </c>
      <c r="E610" s="8">
        <v>3.2850000000000001</v>
      </c>
      <c r="F610" s="8">
        <v>2.448</v>
      </c>
      <c r="G610" s="8">
        <v>1.343</v>
      </c>
    </row>
    <row r="611" spans="1:7" x14ac:dyDescent="0.3">
      <c r="A611" s="6">
        <v>45042</v>
      </c>
      <c r="B611" s="8">
        <v>3.7050000000000001</v>
      </c>
      <c r="C611" s="8">
        <v>4.0799000000000003</v>
      </c>
      <c r="D611" s="8">
        <v>2.7429999999999999</v>
      </c>
      <c r="E611" s="8">
        <v>3.323</v>
      </c>
      <c r="F611" s="8">
        <v>2.488</v>
      </c>
      <c r="G611" s="8">
        <v>1.32</v>
      </c>
    </row>
    <row r="612" spans="1:7" x14ac:dyDescent="0.3">
      <c r="A612" s="6">
        <v>45043</v>
      </c>
      <c r="B612" s="8">
        <v>3.7530000000000001</v>
      </c>
      <c r="C612" s="8">
        <v>4.1504000000000003</v>
      </c>
      <c r="D612" s="8">
        <v>2.7839999999999998</v>
      </c>
      <c r="E612" s="8">
        <v>3.37</v>
      </c>
      <c r="F612" s="8">
        <v>2.5310000000000001</v>
      </c>
      <c r="G612" s="8">
        <v>1.335</v>
      </c>
    </row>
    <row r="613" spans="1:7" x14ac:dyDescent="0.3">
      <c r="A613" s="6">
        <v>45044</v>
      </c>
      <c r="B613" s="8">
        <v>3.6760000000000002</v>
      </c>
      <c r="C613" s="8">
        <v>4.0865999999999998</v>
      </c>
      <c r="D613" s="8">
        <v>2.657</v>
      </c>
      <c r="E613" s="8">
        <v>3.254</v>
      </c>
      <c r="F613" s="8">
        <v>2.411</v>
      </c>
      <c r="G613" s="8">
        <v>1.222</v>
      </c>
    </row>
    <row r="614" spans="1:7" x14ac:dyDescent="0.3">
      <c r="A614" s="6">
        <v>45047</v>
      </c>
      <c r="B614" s="8">
        <v>3.8109999999999999</v>
      </c>
      <c r="C614" s="8">
        <v>4.0865999999999998</v>
      </c>
      <c r="D614" s="8">
        <v>2.657</v>
      </c>
      <c r="E614" s="8">
        <v>3.254</v>
      </c>
      <c r="F614" s="8">
        <v>2.411</v>
      </c>
      <c r="G614" s="8">
        <v>1.264</v>
      </c>
    </row>
    <row r="615" spans="1:7" x14ac:dyDescent="0.3">
      <c r="A615" s="6">
        <v>45048</v>
      </c>
      <c r="B615" s="8">
        <v>3.7130000000000001</v>
      </c>
      <c r="C615" s="8">
        <v>4.0594000000000001</v>
      </c>
      <c r="D615" s="8">
        <v>2.633</v>
      </c>
      <c r="E615" s="8">
        <v>3.2269999999999999</v>
      </c>
      <c r="F615" s="8">
        <v>2.3769999999999998</v>
      </c>
      <c r="G615" s="8">
        <v>1.264</v>
      </c>
    </row>
    <row r="616" spans="1:7" x14ac:dyDescent="0.3">
      <c r="A616" s="6">
        <v>45049</v>
      </c>
      <c r="B616" s="8">
        <v>3.6829999999999998</v>
      </c>
      <c r="C616" s="8">
        <v>4.0918999999999999</v>
      </c>
      <c r="D616" s="8">
        <v>2.6309999999999998</v>
      </c>
      <c r="E616" s="8">
        <v>3.222</v>
      </c>
      <c r="F616" s="8">
        <v>2.3679999999999999</v>
      </c>
      <c r="G616" s="8">
        <v>1.264</v>
      </c>
    </row>
    <row r="617" spans="1:7" x14ac:dyDescent="0.3">
      <c r="A617" s="6">
        <v>45050</v>
      </c>
      <c r="B617" s="8">
        <v>3.7330000000000001</v>
      </c>
      <c r="C617" s="8">
        <v>4.0656999999999996</v>
      </c>
      <c r="D617" s="8">
        <v>2.6320000000000001</v>
      </c>
      <c r="E617" s="8">
        <v>3.2290000000000001</v>
      </c>
      <c r="F617" s="8">
        <v>2.363</v>
      </c>
      <c r="G617" s="8">
        <v>1.264</v>
      </c>
    </row>
    <row r="618" spans="1:7" x14ac:dyDescent="0.3">
      <c r="A618" s="6">
        <v>45051</v>
      </c>
      <c r="B618" s="8">
        <v>3.754</v>
      </c>
      <c r="C618" s="8">
        <v>4.1775000000000002</v>
      </c>
      <c r="D618" s="8">
        <v>2.7280000000000002</v>
      </c>
      <c r="E618" s="8">
        <v>3.3119999999999998</v>
      </c>
      <c r="F618" s="8">
        <v>2.4609999999999999</v>
      </c>
      <c r="G618" s="8">
        <v>1.264</v>
      </c>
    </row>
    <row r="619" spans="1:7" x14ac:dyDescent="0.3">
      <c r="A619" s="6">
        <v>45054</v>
      </c>
      <c r="B619" s="8">
        <v>3.8239999999999998</v>
      </c>
      <c r="C619" s="8">
        <v>4.1775000000000002</v>
      </c>
      <c r="D619" s="8">
        <v>2.7440000000000002</v>
      </c>
      <c r="E619" s="8">
        <v>3.335</v>
      </c>
      <c r="F619" s="8">
        <v>2.4860000000000002</v>
      </c>
      <c r="G619" s="8">
        <v>1.2689999999999999</v>
      </c>
    </row>
    <row r="620" spans="1:7" x14ac:dyDescent="0.3">
      <c r="A620" s="6">
        <v>45055</v>
      </c>
      <c r="B620" s="8">
        <v>3.839</v>
      </c>
      <c r="C620" s="8">
        <v>4.2316000000000003</v>
      </c>
      <c r="D620" s="8">
        <v>2.7909999999999999</v>
      </c>
      <c r="E620" s="8">
        <v>3.3820000000000001</v>
      </c>
      <c r="F620" s="8">
        <v>2.528</v>
      </c>
      <c r="G620" s="8">
        <v>1.2689999999999999</v>
      </c>
    </row>
    <row r="621" spans="1:7" x14ac:dyDescent="0.3">
      <c r="A621" s="6">
        <v>45056</v>
      </c>
      <c r="B621" s="8">
        <v>3.7989999999999999</v>
      </c>
      <c r="C621" s="8">
        <v>4.1867999999999999</v>
      </c>
      <c r="D621" s="8">
        <v>2.7360000000000002</v>
      </c>
      <c r="E621" s="8">
        <v>3.3149999999999999</v>
      </c>
      <c r="F621" s="8">
        <v>2.472</v>
      </c>
      <c r="G621" s="8">
        <v>1.264</v>
      </c>
    </row>
    <row r="622" spans="1:7" x14ac:dyDescent="0.3">
      <c r="A622" s="6">
        <v>45057</v>
      </c>
      <c r="B622" s="8">
        <v>3.742</v>
      </c>
      <c r="C622" s="8">
        <v>4.1397000000000004</v>
      </c>
      <c r="D622" s="8">
        <v>2.673</v>
      </c>
      <c r="E622" s="8">
        <v>3.242</v>
      </c>
      <c r="F622" s="8">
        <v>2.4079999999999999</v>
      </c>
      <c r="G622" s="8">
        <v>1.2250000000000001</v>
      </c>
    </row>
    <row r="623" spans="1:7" x14ac:dyDescent="0.3">
      <c r="A623" s="6">
        <v>45058</v>
      </c>
      <c r="B623" s="8">
        <v>3.7909999999999999</v>
      </c>
      <c r="C623" s="8">
        <v>4.2134999999999998</v>
      </c>
      <c r="D623" s="8">
        <v>2.7189999999999999</v>
      </c>
      <c r="E623" s="8">
        <v>3.294</v>
      </c>
      <c r="F623" s="8">
        <v>2.4590000000000001</v>
      </c>
      <c r="G623" s="8">
        <v>1.2390000000000001</v>
      </c>
    </row>
    <row r="624" spans="1:7" x14ac:dyDescent="0.3">
      <c r="A624" s="6">
        <v>45061</v>
      </c>
      <c r="B624" s="8">
        <v>3.8439999999999999</v>
      </c>
      <c r="C624" s="8">
        <v>4.2474999999999996</v>
      </c>
      <c r="D624" s="8">
        <v>2.7679999999999998</v>
      </c>
      <c r="E624" s="8">
        <v>3.3290000000000002</v>
      </c>
      <c r="F624" s="8">
        <v>2.508</v>
      </c>
      <c r="G624" s="8">
        <v>1.2569999999999999</v>
      </c>
    </row>
    <row r="625" spans="1:7" x14ac:dyDescent="0.3">
      <c r="A625" s="6">
        <v>45062</v>
      </c>
      <c r="B625" s="8">
        <v>3.855</v>
      </c>
      <c r="C625" s="8">
        <v>4.2535999999999996</v>
      </c>
      <c r="D625" s="8">
        <v>2.806</v>
      </c>
      <c r="E625" s="8">
        <v>3.379</v>
      </c>
      <c r="F625" s="8">
        <v>2.5470000000000002</v>
      </c>
      <c r="G625" s="8">
        <v>1.2410000000000001</v>
      </c>
    </row>
    <row r="626" spans="1:7" x14ac:dyDescent="0.3">
      <c r="A626" s="6">
        <v>45063</v>
      </c>
      <c r="B626" s="8">
        <v>3.8559999999999999</v>
      </c>
      <c r="C626" s="8">
        <v>4.2657999999999996</v>
      </c>
      <c r="D626" s="8">
        <v>2.77</v>
      </c>
      <c r="E626" s="8">
        <v>3.3460000000000001</v>
      </c>
      <c r="F626" s="8">
        <v>2.5089999999999999</v>
      </c>
      <c r="G626" s="8">
        <v>1.208</v>
      </c>
    </row>
    <row r="627" spans="1:7" x14ac:dyDescent="0.3">
      <c r="A627" s="6">
        <v>45064</v>
      </c>
      <c r="B627" s="8">
        <v>3.9049999999999998</v>
      </c>
      <c r="C627" s="8">
        <v>4.3781999999999996</v>
      </c>
      <c r="D627" s="8">
        <v>2.8879999999999999</v>
      </c>
      <c r="E627" s="8">
        <v>3.4670000000000001</v>
      </c>
      <c r="F627" s="8">
        <v>2.629</v>
      </c>
      <c r="G627" s="8">
        <v>1.214</v>
      </c>
    </row>
    <row r="628" spans="1:7" x14ac:dyDescent="0.3">
      <c r="A628" s="6">
        <v>45065</v>
      </c>
      <c r="B628" s="8">
        <v>3.9289999999999998</v>
      </c>
      <c r="C628" s="8">
        <v>4.4097999999999997</v>
      </c>
      <c r="D628" s="8">
        <v>2.86</v>
      </c>
      <c r="E628" s="8">
        <v>3.4220000000000002</v>
      </c>
      <c r="F628" s="8">
        <v>2.6</v>
      </c>
      <c r="G628" s="8">
        <v>1.232</v>
      </c>
    </row>
    <row r="629" spans="1:7" x14ac:dyDescent="0.3">
      <c r="A629" s="6">
        <v>45068</v>
      </c>
      <c r="B629" s="8">
        <v>3.9670000000000001</v>
      </c>
      <c r="C629" s="8">
        <v>4.4488000000000003</v>
      </c>
      <c r="D629" s="8">
        <v>2.8839999999999999</v>
      </c>
      <c r="E629" s="8">
        <v>3.4489999999999998</v>
      </c>
      <c r="F629" s="8">
        <v>2.63</v>
      </c>
      <c r="G629" s="8">
        <v>1.22</v>
      </c>
    </row>
    <row r="630" spans="1:7" x14ac:dyDescent="0.3">
      <c r="A630" s="6">
        <v>45069</v>
      </c>
      <c r="B630" s="8">
        <v>3.948</v>
      </c>
      <c r="C630" s="8">
        <v>4.5296000000000003</v>
      </c>
      <c r="D630" s="8">
        <v>2.8919999999999999</v>
      </c>
      <c r="E630" s="8">
        <v>3.46</v>
      </c>
      <c r="F630" s="8">
        <v>2.6379999999999999</v>
      </c>
      <c r="G630" s="8">
        <v>1.23</v>
      </c>
    </row>
    <row r="631" spans="1:7" x14ac:dyDescent="0.3">
      <c r="A631" s="6">
        <v>45070</v>
      </c>
      <c r="B631" s="8">
        <v>3.9870000000000001</v>
      </c>
      <c r="C631" s="8">
        <v>4.5393999999999997</v>
      </c>
      <c r="D631" s="8">
        <v>2.8769999999999998</v>
      </c>
      <c r="E631" s="8">
        <v>3.4550000000000001</v>
      </c>
      <c r="F631" s="8">
        <v>2.6230000000000002</v>
      </c>
      <c r="G631" s="8">
        <v>1.2470000000000001</v>
      </c>
    </row>
    <row r="632" spans="1:7" x14ac:dyDescent="0.3">
      <c r="A632" s="6">
        <v>45071</v>
      </c>
      <c r="B632" s="8">
        <v>3.996</v>
      </c>
      <c r="C632" s="8">
        <v>4.6447000000000003</v>
      </c>
      <c r="D632" s="8">
        <v>2.9169999999999998</v>
      </c>
      <c r="E632" s="8">
        <v>3.4910000000000001</v>
      </c>
      <c r="F632" s="8">
        <v>2.661</v>
      </c>
      <c r="G632" s="8">
        <v>1.2729999999999999</v>
      </c>
    </row>
    <row r="633" spans="1:7" x14ac:dyDescent="0.3">
      <c r="A633" s="6">
        <v>45072</v>
      </c>
      <c r="B633" s="8">
        <v>3.9620000000000002</v>
      </c>
      <c r="C633" s="8">
        <v>4.6382000000000003</v>
      </c>
      <c r="D633" s="8">
        <v>2.9279999999999999</v>
      </c>
      <c r="E633" s="8">
        <v>3.5009999999999999</v>
      </c>
      <c r="F633" s="8">
        <v>2.67</v>
      </c>
      <c r="G633" s="8">
        <v>1.2490000000000001</v>
      </c>
    </row>
    <row r="634" spans="1:7" x14ac:dyDescent="0.3">
      <c r="A634" s="6">
        <v>45075</v>
      </c>
      <c r="B634" s="8">
        <v>3.9620000000000002</v>
      </c>
      <c r="C634" s="8">
        <v>4.6382000000000003</v>
      </c>
      <c r="D634" s="8">
        <v>2.8210000000000002</v>
      </c>
      <c r="E634" s="8">
        <v>3.3919999999999999</v>
      </c>
      <c r="F634" s="8">
        <v>2.5649999999999999</v>
      </c>
      <c r="G634" s="8">
        <v>1.254</v>
      </c>
    </row>
    <row r="635" spans="1:7" x14ac:dyDescent="0.3">
      <c r="A635" s="6">
        <v>45076</v>
      </c>
      <c r="B635" s="8">
        <v>3.8929999999999998</v>
      </c>
      <c r="C635" s="8">
        <v>4.5792000000000002</v>
      </c>
      <c r="D635" s="8">
        <v>2.7530000000000001</v>
      </c>
      <c r="E635" s="8">
        <v>3.3149999999999999</v>
      </c>
      <c r="F635" s="8">
        <v>2.496</v>
      </c>
      <c r="G635" s="8">
        <v>1.2450000000000001</v>
      </c>
    </row>
    <row r="636" spans="1:7" x14ac:dyDescent="0.3">
      <c r="A636" s="6">
        <v>45077</v>
      </c>
      <c r="B636" s="8">
        <v>3.8620000000000001</v>
      </c>
      <c r="C636" s="8">
        <v>4.5110000000000001</v>
      </c>
      <c r="D636" s="8">
        <v>2.7149999999999999</v>
      </c>
      <c r="E636" s="8">
        <v>3.2829999999999999</v>
      </c>
      <c r="F636" s="8">
        <v>2.4580000000000002</v>
      </c>
      <c r="G636" s="8">
        <v>1.256</v>
      </c>
    </row>
    <row r="637" spans="1:7" x14ac:dyDescent="0.3">
      <c r="A637" s="6">
        <v>45078</v>
      </c>
      <c r="B637" s="8">
        <v>3.8149999999999999</v>
      </c>
      <c r="C637" s="8">
        <v>4.4550999999999998</v>
      </c>
      <c r="D637" s="8">
        <v>2.7090000000000001</v>
      </c>
      <c r="E637" s="8">
        <v>3.2690000000000001</v>
      </c>
      <c r="F637" s="8">
        <v>2.4529999999999998</v>
      </c>
      <c r="G637" s="8">
        <v>1.2629999999999999</v>
      </c>
    </row>
    <row r="638" spans="1:7" x14ac:dyDescent="0.3">
      <c r="A638" s="6">
        <v>45079</v>
      </c>
      <c r="B638" s="8">
        <v>3.8889999999999998</v>
      </c>
      <c r="C638" s="8">
        <v>4.4751000000000003</v>
      </c>
      <c r="D638" s="8">
        <v>2.7429999999999999</v>
      </c>
      <c r="E638" s="8">
        <v>3.2890000000000001</v>
      </c>
      <c r="F638" s="8">
        <v>2.4860000000000002</v>
      </c>
      <c r="G638" s="8">
        <v>1.2649999999999999</v>
      </c>
    </row>
    <row r="639" spans="1:7" x14ac:dyDescent="0.3">
      <c r="A639" s="6">
        <v>45082</v>
      </c>
      <c r="B639" s="8">
        <v>3.887</v>
      </c>
      <c r="C639" s="8">
        <v>4.5057999999999998</v>
      </c>
      <c r="D639" s="8">
        <v>2.7970000000000002</v>
      </c>
      <c r="E639" s="8">
        <v>3.3410000000000002</v>
      </c>
      <c r="F639" s="8">
        <v>2.5409999999999999</v>
      </c>
      <c r="G639" s="8">
        <v>1.27</v>
      </c>
    </row>
    <row r="640" spans="1:7" x14ac:dyDescent="0.3">
      <c r="A640" s="6">
        <v>45083</v>
      </c>
      <c r="B640" s="8">
        <v>3.8450000000000002</v>
      </c>
      <c r="C640" s="8">
        <v>4.4691999999999998</v>
      </c>
      <c r="D640" s="8">
        <v>2.8090000000000002</v>
      </c>
      <c r="E640" s="8">
        <v>3.3580000000000001</v>
      </c>
      <c r="F640" s="8">
        <v>2.552</v>
      </c>
      <c r="G640" s="8">
        <v>1.256</v>
      </c>
    </row>
    <row r="641" spans="1:7" x14ac:dyDescent="0.3">
      <c r="A641" s="6">
        <v>45084</v>
      </c>
      <c r="B641" s="8">
        <v>3.9489999999999998</v>
      </c>
      <c r="C641" s="8">
        <v>4.4976000000000003</v>
      </c>
      <c r="D641" s="8">
        <v>2.855</v>
      </c>
      <c r="E641" s="8">
        <v>3.4220000000000002</v>
      </c>
      <c r="F641" s="8">
        <v>2.601</v>
      </c>
      <c r="G641" s="8">
        <v>1.2549999999999999</v>
      </c>
    </row>
    <row r="642" spans="1:7" x14ac:dyDescent="0.3">
      <c r="A642" s="6">
        <v>45085</v>
      </c>
      <c r="B642" s="8">
        <v>3.89</v>
      </c>
      <c r="C642" s="8">
        <v>4.4835000000000003</v>
      </c>
      <c r="D642" s="8">
        <v>2.8130000000000002</v>
      </c>
      <c r="E642" s="8">
        <v>3.3660000000000001</v>
      </c>
      <c r="F642" s="8">
        <v>2.5590000000000002</v>
      </c>
      <c r="G642" s="8">
        <v>1.266</v>
      </c>
    </row>
    <row r="643" spans="1:7" x14ac:dyDescent="0.3">
      <c r="A643" s="6">
        <v>45086</v>
      </c>
      <c r="B643" s="8">
        <v>3.883</v>
      </c>
      <c r="C643" s="8">
        <v>4.4771999999999998</v>
      </c>
      <c r="D643" s="8">
        <v>2.766</v>
      </c>
      <c r="E643" s="8">
        <v>3.3149999999999999</v>
      </c>
      <c r="F643" s="8">
        <v>2.5129999999999999</v>
      </c>
      <c r="G643" s="8">
        <v>1.2529999999999999</v>
      </c>
    </row>
    <row r="644" spans="1:7" x14ac:dyDescent="0.3">
      <c r="A644" s="6">
        <v>45089</v>
      </c>
      <c r="B644" s="8">
        <v>3.8820000000000001</v>
      </c>
      <c r="C644" s="8">
        <v>4.5679999999999996</v>
      </c>
      <c r="D644" s="8">
        <v>2.7959999999999998</v>
      </c>
      <c r="E644" s="8">
        <v>3.3330000000000002</v>
      </c>
      <c r="F644" s="8">
        <v>2.5470000000000002</v>
      </c>
      <c r="G644" s="8">
        <v>1.2629999999999999</v>
      </c>
    </row>
    <row r="645" spans="1:7" x14ac:dyDescent="0.3">
      <c r="A645" s="6">
        <v>45090</v>
      </c>
      <c r="B645" s="8">
        <v>3.9209999999999998</v>
      </c>
      <c r="C645" s="8">
        <v>4.6100000000000003</v>
      </c>
      <c r="D645" s="8">
        <v>2.806</v>
      </c>
      <c r="E645" s="8">
        <v>3.34</v>
      </c>
      <c r="F645" s="8">
        <v>2.5590000000000002</v>
      </c>
      <c r="G645" s="8">
        <v>1.2390000000000001</v>
      </c>
    </row>
    <row r="646" spans="1:7" x14ac:dyDescent="0.3">
      <c r="A646" s="6">
        <v>45091</v>
      </c>
      <c r="B646" s="8">
        <v>3.883</v>
      </c>
      <c r="C646" s="8">
        <v>4.5545</v>
      </c>
      <c r="D646" s="8">
        <v>2.8079999999999998</v>
      </c>
      <c r="E646" s="8">
        <v>3.3690000000000002</v>
      </c>
      <c r="F646" s="8">
        <v>2.58</v>
      </c>
      <c r="G646" s="8">
        <v>1.2390000000000001</v>
      </c>
    </row>
    <row r="647" spans="1:7" x14ac:dyDescent="0.3">
      <c r="A647" s="6">
        <v>45092</v>
      </c>
      <c r="B647" s="8">
        <v>3.839</v>
      </c>
      <c r="C647" s="8">
        <v>4.4973000000000001</v>
      </c>
      <c r="D647" s="8">
        <v>2.8</v>
      </c>
      <c r="E647" s="8">
        <v>3.3620000000000001</v>
      </c>
      <c r="F647" s="8">
        <v>2.5760000000000001</v>
      </c>
      <c r="G647" s="8">
        <v>1.232</v>
      </c>
    </row>
    <row r="648" spans="1:7" x14ac:dyDescent="0.3">
      <c r="A648" s="6">
        <v>45093</v>
      </c>
      <c r="B648" s="8">
        <v>3.8530000000000002</v>
      </c>
      <c r="C648" s="8">
        <v>4.5213999999999999</v>
      </c>
      <c r="D648" s="8">
        <v>2.7320000000000002</v>
      </c>
      <c r="E648" s="8">
        <v>3.2930000000000001</v>
      </c>
      <c r="F648" s="8">
        <v>2.5409999999999999</v>
      </c>
      <c r="G648" s="8">
        <v>1.228</v>
      </c>
    </row>
    <row r="649" spans="1:7" x14ac:dyDescent="0.3">
      <c r="A649" s="6">
        <v>45096</v>
      </c>
      <c r="B649" s="8">
        <v>3.8530000000000002</v>
      </c>
      <c r="C649" s="8">
        <v>4.5523999999999996</v>
      </c>
      <c r="D649" s="8">
        <v>2.7930000000000001</v>
      </c>
      <c r="E649" s="8">
        <v>3.3610000000000002</v>
      </c>
      <c r="F649" s="8">
        <v>2.597</v>
      </c>
      <c r="G649" s="8">
        <v>1.218</v>
      </c>
    </row>
    <row r="650" spans="1:7" x14ac:dyDescent="0.3">
      <c r="A650" s="6">
        <v>45097</v>
      </c>
      <c r="B650" s="8">
        <v>3.8119999999999998</v>
      </c>
      <c r="C650" s="8">
        <v>4.4492000000000003</v>
      </c>
      <c r="D650" s="8">
        <v>2.7090000000000001</v>
      </c>
      <c r="E650" s="8">
        <v>3.2530000000000001</v>
      </c>
      <c r="F650" s="8">
        <v>2.484</v>
      </c>
      <c r="G650" s="8">
        <v>1.202</v>
      </c>
    </row>
    <row r="651" spans="1:7" x14ac:dyDescent="0.3">
      <c r="A651" s="6">
        <v>45098</v>
      </c>
      <c r="B651" s="8">
        <v>3.8079999999999998</v>
      </c>
      <c r="C651" s="8">
        <v>4.5087999999999999</v>
      </c>
      <c r="D651" s="8">
        <v>2.7069999999999999</v>
      </c>
      <c r="E651" s="8">
        <v>3.254</v>
      </c>
      <c r="F651" s="8">
        <v>2.4790000000000001</v>
      </c>
      <c r="G651" s="8">
        <v>1.2030000000000001</v>
      </c>
    </row>
    <row r="652" spans="1:7" x14ac:dyDescent="0.3">
      <c r="A652" s="6">
        <v>45099</v>
      </c>
      <c r="B652" s="8">
        <v>3.871</v>
      </c>
      <c r="C652" s="8">
        <v>4.4805000000000001</v>
      </c>
      <c r="D652" s="8">
        <v>2.7330000000000001</v>
      </c>
      <c r="E652" s="8">
        <v>3.2869999999999999</v>
      </c>
      <c r="F652" s="8">
        <v>2.504</v>
      </c>
      <c r="G652" s="8">
        <v>1.212</v>
      </c>
    </row>
    <row r="653" spans="1:7" x14ac:dyDescent="0.3">
      <c r="A653" s="6">
        <v>45100</v>
      </c>
      <c r="B653" s="8">
        <v>3.8140000000000001</v>
      </c>
      <c r="C653" s="8">
        <v>4.4451999999999998</v>
      </c>
      <c r="D653" s="8">
        <v>2.633</v>
      </c>
      <c r="E653" s="8">
        <v>3.1909999999999998</v>
      </c>
      <c r="F653" s="8">
        <v>2.4</v>
      </c>
      <c r="G653" s="8">
        <v>1.206</v>
      </c>
    </row>
    <row r="654" spans="1:7" x14ac:dyDescent="0.3">
      <c r="A654" s="6">
        <v>45103</v>
      </c>
      <c r="B654" s="8">
        <v>3.8159999999999998</v>
      </c>
      <c r="C654" s="8">
        <v>4.38</v>
      </c>
      <c r="D654" s="8">
        <v>2.6070000000000002</v>
      </c>
      <c r="E654" s="8">
        <v>3.1739999999999999</v>
      </c>
      <c r="F654" s="8">
        <v>2.3690000000000002</v>
      </c>
      <c r="G654" s="8">
        <v>1.1879999999999999</v>
      </c>
    </row>
    <row r="655" spans="1:7" x14ac:dyDescent="0.3">
      <c r="A655" s="6">
        <v>45104</v>
      </c>
      <c r="B655" s="8">
        <v>3.843</v>
      </c>
      <c r="C655" s="8">
        <v>4.3714000000000004</v>
      </c>
      <c r="D655" s="8">
        <v>2.621</v>
      </c>
      <c r="E655" s="8">
        <v>3.1869999999999998</v>
      </c>
      <c r="F655" s="8">
        <v>2.387</v>
      </c>
      <c r="G655" s="8">
        <v>1.1830000000000001</v>
      </c>
    </row>
    <row r="656" spans="1:7" x14ac:dyDescent="0.3">
      <c r="A656" s="6">
        <v>45105</v>
      </c>
      <c r="B656" s="8">
        <v>3.8090000000000002</v>
      </c>
      <c r="C656" s="8">
        <v>4.3730000000000002</v>
      </c>
      <c r="D656" s="8">
        <v>2.5880000000000001</v>
      </c>
      <c r="E656" s="8">
        <v>3.1549999999999998</v>
      </c>
      <c r="F656" s="8">
        <v>2.3559999999999999</v>
      </c>
      <c r="G656" s="8">
        <v>1.196</v>
      </c>
    </row>
    <row r="657" spans="1:7" x14ac:dyDescent="0.3">
      <c r="A657" s="6">
        <v>45106</v>
      </c>
      <c r="B657" s="8">
        <v>3.9009999999999998</v>
      </c>
      <c r="C657" s="8">
        <v>4.4272999999999998</v>
      </c>
      <c r="D657" s="8">
        <v>2.66</v>
      </c>
      <c r="E657" s="8">
        <v>3.2290000000000001</v>
      </c>
      <c r="F657" s="8">
        <v>2.4249999999999998</v>
      </c>
      <c r="G657" s="8">
        <v>1.206</v>
      </c>
    </row>
    <row r="658" spans="1:7" x14ac:dyDescent="0.3">
      <c r="A658" s="6">
        <v>45107</v>
      </c>
      <c r="B658" s="8">
        <v>3.8620000000000001</v>
      </c>
      <c r="C658" s="8">
        <v>4.4177999999999997</v>
      </c>
      <c r="D658" s="8">
        <v>2.6269999999999998</v>
      </c>
      <c r="E658" s="8">
        <v>3.1960000000000002</v>
      </c>
      <c r="F658" s="8">
        <v>2.3839999999999999</v>
      </c>
      <c r="G658" s="8">
        <v>1.2350000000000001</v>
      </c>
    </row>
    <row r="659" spans="1:7" x14ac:dyDescent="0.3">
      <c r="A659" s="6">
        <v>45110</v>
      </c>
      <c r="B659" s="8">
        <v>3.8650000000000002</v>
      </c>
      <c r="C659" s="8">
        <v>4.4391999999999996</v>
      </c>
      <c r="D659" s="8">
        <v>2.6309999999999998</v>
      </c>
      <c r="E659" s="8">
        <v>3.2090000000000001</v>
      </c>
      <c r="F659" s="8">
        <v>2.3889999999999998</v>
      </c>
      <c r="G659" s="8">
        <v>1.2390000000000001</v>
      </c>
    </row>
    <row r="660" spans="1:7" x14ac:dyDescent="0.3">
      <c r="A660" s="6">
        <v>45111</v>
      </c>
      <c r="B660" s="8">
        <v>3.8650000000000002</v>
      </c>
      <c r="C660" s="8">
        <v>4.4181999999999997</v>
      </c>
      <c r="D660" s="8">
        <v>2.6880000000000002</v>
      </c>
      <c r="E660" s="8">
        <v>3.2549999999999999</v>
      </c>
      <c r="F660" s="8">
        <v>2.444</v>
      </c>
      <c r="G660" s="8">
        <v>1.2330000000000001</v>
      </c>
    </row>
    <row r="661" spans="1:7" x14ac:dyDescent="0.3">
      <c r="A661" s="6">
        <v>45112</v>
      </c>
      <c r="B661" s="8">
        <v>3.9289999999999998</v>
      </c>
      <c r="C661" s="8">
        <v>4.4843999999999999</v>
      </c>
      <c r="D661" s="8">
        <v>2.7280000000000002</v>
      </c>
      <c r="E661" s="8">
        <v>3.2909999999999999</v>
      </c>
      <c r="F661" s="8">
        <v>2.4870000000000001</v>
      </c>
      <c r="G661" s="8">
        <v>1.2050000000000001</v>
      </c>
    </row>
    <row r="662" spans="1:7" x14ac:dyDescent="0.3">
      <c r="A662" s="6">
        <v>45113</v>
      </c>
      <c r="B662" s="8">
        <v>4.0030000000000001</v>
      </c>
      <c r="C662" s="8">
        <v>4.6544999999999996</v>
      </c>
      <c r="D662" s="8">
        <v>2.8380000000000001</v>
      </c>
      <c r="E662" s="8">
        <v>3.403</v>
      </c>
      <c r="F662" s="8">
        <v>2.5880000000000001</v>
      </c>
      <c r="G662" s="8">
        <v>1.2070000000000001</v>
      </c>
    </row>
    <row r="663" spans="1:7" x14ac:dyDescent="0.3">
      <c r="A663" s="6">
        <v>45114</v>
      </c>
      <c r="B663" s="8">
        <v>4.0469999999999997</v>
      </c>
      <c r="C663" s="8">
        <v>4.6832000000000003</v>
      </c>
      <c r="D663" s="8">
        <v>2.8889999999999998</v>
      </c>
      <c r="E663" s="8">
        <v>3.4460000000000002</v>
      </c>
      <c r="F663" s="8">
        <v>2.6419999999999999</v>
      </c>
      <c r="G663" s="8">
        <v>1.268</v>
      </c>
    </row>
    <row r="664" spans="1:7" x14ac:dyDescent="0.3">
      <c r="A664" s="6">
        <v>45117</v>
      </c>
      <c r="B664" s="8">
        <v>4.0330000000000004</v>
      </c>
      <c r="C664" s="8">
        <v>4.6726000000000001</v>
      </c>
      <c r="D664" s="8">
        <v>2.887</v>
      </c>
      <c r="E664" s="8">
        <v>3.5230000000000001</v>
      </c>
      <c r="F664" s="8">
        <v>2.641</v>
      </c>
      <c r="G664" s="8">
        <v>1.3089999999999999</v>
      </c>
    </row>
    <row r="665" spans="1:7" x14ac:dyDescent="0.3">
      <c r="A665" s="6">
        <v>45118</v>
      </c>
      <c r="B665" s="8">
        <v>4.01</v>
      </c>
      <c r="C665" s="8">
        <v>4.6923000000000004</v>
      </c>
      <c r="D665" s="8">
        <v>2.8959999999999999</v>
      </c>
      <c r="E665" s="8">
        <v>3.5379999999999998</v>
      </c>
      <c r="F665" s="8">
        <v>2.6539999999999999</v>
      </c>
      <c r="G665" s="8">
        <v>1.3080000000000001</v>
      </c>
    </row>
    <row r="666" spans="1:7" x14ac:dyDescent="0.3">
      <c r="A666" s="6">
        <v>45119</v>
      </c>
      <c r="B666" s="8">
        <v>3.95</v>
      </c>
      <c r="C666" s="8">
        <v>4.6013000000000002</v>
      </c>
      <c r="D666" s="8">
        <v>2.8239999999999998</v>
      </c>
      <c r="E666" s="8">
        <v>3.46</v>
      </c>
      <c r="F666" s="8">
        <v>2.5859999999999999</v>
      </c>
      <c r="G666" s="8">
        <v>1.331</v>
      </c>
    </row>
    <row r="667" spans="1:7" x14ac:dyDescent="0.3">
      <c r="A667" s="6">
        <v>45120</v>
      </c>
      <c r="B667" s="8">
        <v>3.9020000000000001</v>
      </c>
      <c r="C667" s="8">
        <v>4.5340999999999996</v>
      </c>
      <c r="D667" s="8">
        <v>2.7650000000000001</v>
      </c>
      <c r="E667" s="8">
        <v>3.3889999999999998</v>
      </c>
      <c r="F667" s="8">
        <v>2.5249999999999999</v>
      </c>
      <c r="G667" s="8">
        <v>1.3480000000000001</v>
      </c>
    </row>
    <row r="668" spans="1:7" x14ac:dyDescent="0.3">
      <c r="A668" s="6">
        <v>45121</v>
      </c>
      <c r="B668" s="8">
        <v>3.9289999999999998</v>
      </c>
      <c r="C668" s="8">
        <v>4.5526</v>
      </c>
      <c r="D668" s="8">
        <v>2.7669999999999999</v>
      </c>
      <c r="E668" s="8">
        <v>3.4079999999999999</v>
      </c>
      <c r="F668" s="8">
        <v>2.5310000000000001</v>
      </c>
      <c r="G668" s="8">
        <v>1.3819999999999999</v>
      </c>
    </row>
    <row r="669" spans="1:7" x14ac:dyDescent="0.3">
      <c r="A669" s="6">
        <v>45124</v>
      </c>
      <c r="B669" s="8">
        <v>3.93</v>
      </c>
      <c r="C669" s="8">
        <v>4.5530999999999997</v>
      </c>
      <c r="D669" s="8">
        <v>2.75</v>
      </c>
      <c r="E669" s="8">
        <v>3.3809999999999998</v>
      </c>
      <c r="F669" s="8">
        <v>2.5019999999999998</v>
      </c>
      <c r="G669" s="8">
        <v>1.3819999999999999</v>
      </c>
    </row>
    <row r="670" spans="1:7" x14ac:dyDescent="0.3">
      <c r="A670" s="6">
        <v>45125</v>
      </c>
      <c r="B670" s="8">
        <v>3.8959999999999999</v>
      </c>
      <c r="C670" s="8">
        <v>4.4739000000000004</v>
      </c>
      <c r="D670" s="8">
        <v>2.6629999999999998</v>
      </c>
      <c r="E670" s="8">
        <v>3.298</v>
      </c>
      <c r="F670" s="8">
        <v>2.4209999999999998</v>
      </c>
      <c r="G670" s="8">
        <v>1.4119999999999999</v>
      </c>
    </row>
    <row r="671" spans="1:7" x14ac:dyDescent="0.3">
      <c r="A671" s="6">
        <v>45126</v>
      </c>
      <c r="B671" s="8">
        <v>3.8420000000000001</v>
      </c>
      <c r="C671" s="8">
        <v>4.3708999999999998</v>
      </c>
      <c r="D671" s="8">
        <v>2.7050000000000001</v>
      </c>
      <c r="E671" s="8">
        <v>3.355</v>
      </c>
      <c r="F671" s="8">
        <v>2.4649999999999999</v>
      </c>
      <c r="G671" s="8">
        <v>1.3919999999999999</v>
      </c>
    </row>
    <row r="672" spans="1:7" x14ac:dyDescent="0.3">
      <c r="A672" s="6">
        <v>45127</v>
      </c>
      <c r="B672" s="8">
        <v>3.91</v>
      </c>
      <c r="C672" s="8">
        <v>4.4107000000000003</v>
      </c>
      <c r="D672" s="8">
        <v>2.7450000000000001</v>
      </c>
      <c r="E672" s="8">
        <v>3.3839999999999999</v>
      </c>
      <c r="F672" s="8">
        <v>2.4990000000000001</v>
      </c>
      <c r="G672" s="8">
        <v>1.3720000000000001</v>
      </c>
    </row>
    <row r="673" spans="1:7" x14ac:dyDescent="0.3">
      <c r="A673" s="6">
        <v>45128</v>
      </c>
      <c r="B673" s="8">
        <v>3.9009999999999998</v>
      </c>
      <c r="C673" s="8">
        <v>4.4208999999999996</v>
      </c>
      <c r="D673" s="8">
        <v>2.7269999999999999</v>
      </c>
      <c r="E673" s="8">
        <v>3.367</v>
      </c>
      <c r="F673" s="8">
        <v>2.4849999999999999</v>
      </c>
      <c r="G673" s="8">
        <v>1.325</v>
      </c>
    </row>
    <row r="674" spans="1:7" x14ac:dyDescent="0.3">
      <c r="A674" s="6">
        <v>45131</v>
      </c>
      <c r="B674" s="8">
        <v>3.9249999999999998</v>
      </c>
      <c r="C674" s="8">
        <v>4.4188999999999998</v>
      </c>
      <c r="D674" s="8">
        <v>2.7189999999999999</v>
      </c>
      <c r="E674" s="8">
        <v>3.3519999999999999</v>
      </c>
      <c r="F674" s="8">
        <v>2.472</v>
      </c>
      <c r="G674" s="8">
        <v>1.3140000000000001</v>
      </c>
    </row>
    <row r="675" spans="1:7" x14ac:dyDescent="0.3">
      <c r="A675" s="6">
        <v>45132</v>
      </c>
      <c r="B675" s="8">
        <v>3.93</v>
      </c>
      <c r="C675" s="8">
        <v>4.4272</v>
      </c>
      <c r="D675" s="8">
        <v>2.7109999999999999</v>
      </c>
      <c r="E675" s="8">
        <v>3.3450000000000002</v>
      </c>
      <c r="F675" s="8">
        <v>2.46</v>
      </c>
      <c r="G675" s="8">
        <v>1.3360000000000001</v>
      </c>
    </row>
    <row r="676" spans="1:7" x14ac:dyDescent="0.3">
      <c r="A676" s="6">
        <v>45133</v>
      </c>
      <c r="B676" s="8">
        <v>3.9369999999999998</v>
      </c>
      <c r="C676" s="8">
        <v>4.4084000000000003</v>
      </c>
      <c r="D676" s="8">
        <v>2.76</v>
      </c>
      <c r="E676" s="8">
        <v>3.4039999999999999</v>
      </c>
      <c r="F676" s="8">
        <v>2.5150000000000001</v>
      </c>
      <c r="G676" s="8">
        <v>1.3220000000000001</v>
      </c>
    </row>
    <row r="677" spans="1:7" x14ac:dyDescent="0.3">
      <c r="A677" s="6">
        <v>45134</v>
      </c>
      <c r="B677" s="8">
        <v>4.04</v>
      </c>
      <c r="C677" s="8">
        <v>4.4508999999999999</v>
      </c>
      <c r="D677" s="8">
        <v>2.7770000000000001</v>
      </c>
      <c r="E677" s="8">
        <v>3.415</v>
      </c>
      <c r="F677" s="8">
        <v>2.5299999999999998</v>
      </c>
      <c r="G677" s="8">
        <v>1.3120000000000001</v>
      </c>
    </row>
    <row r="678" spans="1:7" x14ac:dyDescent="0.3">
      <c r="A678" s="6">
        <v>45135</v>
      </c>
      <c r="B678" s="8">
        <v>4.0110000000000001</v>
      </c>
      <c r="C678" s="8">
        <v>4.4795999999999996</v>
      </c>
      <c r="D678" s="8">
        <v>2.8119999999999998</v>
      </c>
      <c r="E678" s="8">
        <v>3.4580000000000002</v>
      </c>
      <c r="F678" s="8">
        <v>2.5649999999999999</v>
      </c>
      <c r="G678" s="8">
        <v>1.385</v>
      </c>
    </row>
    <row r="679" spans="1:7" x14ac:dyDescent="0.3">
      <c r="A679" s="6">
        <v>45138</v>
      </c>
      <c r="B679" s="8">
        <v>4.01</v>
      </c>
      <c r="C679" s="8">
        <v>4.4606000000000003</v>
      </c>
      <c r="D679" s="8">
        <v>2.8140000000000001</v>
      </c>
      <c r="E679" s="8">
        <v>3.4489999999999998</v>
      </c>
      <c r="F679" s="8">
        <v>2.5659999999999998</v>
      </c>
      <c r="G679" s="8">
        <v>1.4990000000000001</v>
      </c>
    </row>
    <row r="680" spans="1:7" x14ac:dyDescent="0.3">
      <c r="A680" s="6">
        <v>45139</v>
      </c>
      <c r="B680" s="8">
        <v>4.0949999999999998</v>
      </c>
      <c r="C680" s="8">
        <v>4.5271999999999997</v>
      </c>
      <c r="D680" s="8">
        <v>2.883</v>
      </c>
      <c r="E680" s="8">
        <v>3.5259999999999998</v>
      </c>
      <c r="F680" s="8">
        <v>2.6360000000000001</v>
      </c>
      <c r="G680" s="8">
        <v>1.538</v>
      </c>
    </row>
    <row r="681" spans="1:7" x14ac:dyDescent="0.3">
      <c r="A681" s="6">
        <v>45140</v>
      </c>
      <c r="B681" s="8">
        <v>4.1760000000000002</v>
      </c>
      <c r="C681" s="8">
        <v>4.5472000000000001</v>
      </c>
      <c r="D681" s="8">
        <v>2.871</v>
      </c>
      <c r="E681" s="8">
        <v>3.5209999999999999</v>
      </c>
      <c r="F681" s="8">
        <v>2.6179999999999999</v>
      </c>
      <c r="G681" s="8">
        <v>1.5549999999999999</v>
      </c>
    </row>
    <row r="682" spans="1:7" x14ac:dyDescent="0.3">
      <c r="A682" s="6">
        <v>45141</v>
      </c>
      <c r="B682" s="8">
        <v>4.2919999999999998</v>
      </c>
      <c r="C682" s="8">
        <v>4.6532999999999998</v>
      </c>
      <c r="D682" s="8">
        <v>2.9329999999999998</v>
      </c>
      <c r="E682" s="8">
        <v>3.5720000000000001</v>
      </c>
      <c r="F682" s="8">
        <v>2.6840000000000002</v>
      </c>
      <c r="G682" s="8">
        <v>1.583</v>
      </c>
    </row>
    <row r="683" spans="1:7" x14ac:dyDescent="0.3">
      <c r="A683" s="6">
        <v>45142</v>
      </c>
      <c r="B683" s="8">
        <v>4.202</v>
      </c>
      <c r="C683" s="8">
        <v>4.5670999999999999</v>
      </c>
      <c r="D683" s="8">
        <v>2.8639999999999999</v>
      </c>
      <c r="E683" s="8">
        <v>3.5129999999999999</v>
      </c>
      <c r="F683" s="8">
        <v>2.62</v>
      </c>
      <c r="G683" s="8">
        <v>1.609</v>
      </c>
    </row>
    <row r="684" spans="1:7" x14ac:dyDescent="0.3">
      <c r="A684" s="6">
        <v>45145</v>
      </c>
      <c r="B684" s="8">
        <v>4.2709999999999999</v>
      </c>
      <c r="C684" s="8">
        <v>4.6542000000000003</v>
      </c>
      <c r="D684" s="8">
        <v>2.931</v>
      </c>
      <c r="E684" s="8">
        <v>3.5779999999999998</v>
      </c>
      <c r="F684" s="8">
        <v>2.69</v>
      </c>
      <c r="G684" s="8">
        <v>1.6040000000000001</v>
      </c>
    </row>
    <row r="685" spans="1:7" x14ac:dyDescent="0.3">
      <c r="A685" s="6">
        <v>45146</v>
      </c>
      <c r="B685" s="8">
        <v>4.2089999999999996</v>
      </c>
      <c r="C685" s="8">
        <v>4.5739000000000001</v>
      </c>
      <c r="D685" s="8">
        <v>2.7949999999999999</v>
      </c>
      <c r="E685" s="8">
        <v>3.4340000000000002</v>
      </c>
      <c r="F685" s="8">
        <v>2.5459999999999998</v>
      </c>
      <c r="G685" s="8">
        <v>1.5469999999999999</v>
      </c>
    </row>
    <row r="686" spans="1:7" x14ac:dyDescent="0.3">
      <c r="A686" s="6">
        <v>45147</v>
      </c>
      <c r="B686" s="8">
        <v>4.173</v>
      </c>
      <c r="C686" s="8">
        <v>4.5613000000000001</v>
      </c>
      <c r="D686" s="8">
        <v>2.8359999999999999</v>
      </c>
      <c r="E686" s="8">
        <v>3.4609999999999999</v>
      </c>
      <c r="F686" s="8">
        <v>2.585</v>
      </c>
      <c r="G686" s="8">
        <v>1.5189999999999999</v>
      </c>
    </row>
    <row r="687" spans="1:7" x14ac:dyDescent="0.3">
      <c r="A687" s="6">
        <v>45148</v>
      </c>
      <c r="B687" s="8">
        <v>4.2530000000000001</v>
      </c>
      <c r="C687" s="8">
        <v>4.5739999999999998</v>
      </c>
      <c r="D687" s="8">
        <v>2.8690000000000002</v>
      </c>
      <c r="E687" s="8">
        <v>3.4950000000000001</v>
      </c>
      <c r="F687" s="8">
        <v>2.62</v>
      </c>
      <c r="G687" s="8">
        <v>1.5429999999999999</v>
      </c>
    </row>
    <row r="688" spans="1:7" x14ac:dyDescent="0.3">
      <c r="A688" s="6">
        <v>45149</v>
      </c>
      <c r="B688" s="8">
        <v>4.2629999999999999</v>
      </c>
      <c r="C688" s="8">
        <v>4.7252999999999998</v>
      </c>
      <c r="D688" s="8">
        <v>2.952</v>
      </c>
      <c r="E688" s="8">
        <v>3.5750000000000002</v>
      </c>
      <c r="F688" s="8">
        <v>2.7010000000000001</v>
      </c>
      <c r="G688" s="8">
        <v>1.5429999999999999</v>
      </c>
    </row>
    <row r="689" spans="1:7" x14ac:dyDescent="0.3">
      <c r="A689" s="6">
        <v>45152</v>
      </c>
      <c r="B689" s="8">
        <v>4.29</v>
      </c>
      <c r="C689" s="8">
        <v>4.7512999999999996</v>
      </c>
      <c r="D689" s="8">
        <v>2.9550000000000001</v>
      </c>
      <c r="E689" s="8">
        <v>3.5840000000000001</v>
      </c>
      <c r="F689" s="8">
        <v>2.7040000000000002</v>
      </c>
      <c r="G689" s="8">
        <v>1.5880000000000001</v>
      </c>
    </row>
    <row r="690" spans="1:7" x14ac:dyDescent="0.3">
      <c r="A690" s="6">
        <v>45153</v>
      </c>
      <c r="B690" s="8">
        <v>4.3170000000000002</v>
      </c>
      <c r="C690" s="8">
        <v>4.7742000000000004</v>
      </c>
      <c r="D690" s="8">
        <v>2.9910000000000001</v>
      </c>
      <c r="E690" s="8">
        <v>3.6179999999999999</v>
      </c>
      <c r="F690" s="8">
        <v>2.742</v>
      </c>
      <c r="G690" s="8">
        <v>1.5980000000000001</v>
      </c>
    </row>
    <row r="691" spans="1:7" x14ac:dyDescent="0.3">
      <c r="A691" s="6">
        <v>45154</v>
      </c>
      <c r="B691" s="8">
        <v>4.3529999999999998</v>
      </c>
      <c r="C691" s="8">
        <v>4.8327</v>
      </c>
      <c r="D691" s="8">
        <v>2.9740000000000002</v>
      </c>
      <c r="E691" s="8">
        <v>3.6019999999999999</v>
      </c>
      <c r="F691" s="8">
        <v>2.7240000000000002</v>
      </c>
      <c r="G691" s="8">
        <v>1.5780000000000001</v>
      </c>
    </row>
    <row r="692" spans="1:7" x14ac:dyDescent="0.3">
      <c r="A692" s="6">
        <v>45155</v>
      </c>
      <c r="B692" s="8">
        <v>4.3879999999999999</v>
      </c>
      <c r="C692" s="8">
        <v>4.9310999999999998</v>
      </c>
      <c r="D692" s="8">
        <v>3.036</v>
      </c>
      <c r="E692" s="8">
        <v>3.661</v>
      </c>
      <c r="F692" s="8">
        <v>2.7869999999999999</v>
      </c>
      <c r="G692" s="8">
        <v>1.6439999999999999</v>
      </c>
    </row>
    <row r="693" spans="1:7" x14ac:dyDescent="0.3">
      <c r="A693" s="6">
        <v>45156</v>
      </c>
      <c r="B693" s="8">
        <v>4.3769999999999998</v>
      </c>
      <c r="C693" s="8">
        <v>4.8701999999999996</v>
      </c>
      <c r="D693" s="8">
        <v>2.9750000000000001</v>
      </c>
      <c r="E693" s="8">
        <v>3.5979999999999999</v>
      </c>
      <c r="F693" s="8">
        <v>2.7240000000000002</v>
      </c>
      <c r="G693" s="8">
        <v>1.63</v>
      </c>
    </row>
    <row r="694" spans="1:7" x14ac:dyDescent="0.3">
      <c r="A694" s="6">
        <v>45159</v>
      </c>
      <c r="B694" s="8">
        <v>4.4470000000000001</v>
      </c>
      <c r="C694" s="8">
        <v>4.9221000000000004</v>
      </c>
      <c r="D694" s="8">
        <v>3.0470000000000002</v>
      </c>
      <c r="E694" s="8">
        <v>3.6760000000000002</v>
      </c>
      <c r="F694" s="8">
        <v>2.794</v>
      </c>
      <c r="G694" s="8">
        <v>1.65</v>
      </c>
    </row>
    <row r="695" spans="1:7" x14ac:dyDescent="0.3">
      <c r="A695" s="6">
        <v>45160</v>
      </c>
      <c r="B695" s="8">
        <v>4.4009999999999998</v>
      </c>
      <c r="C695" s="8">
        <v>4.8335999999999997</v>
      </c>
      <c r="D695" s="8">
        <v>2.97</v>
      </c>
      <c r="E695" s="8">
        <v>3.593</v>
      </c>
      <c r="F695" s="8">
        <v>2.7189999999999999</v>
      </c>
      <c r="G695" s="8">
        <v>1.6639999999999999</v>
      </c>
    </row>
    <row r="696" spans="1:7" x14ac:dyDescent="0.3">
      <c r="A696" s="6">
        <v>45161</v>
      </c>
      <c r="B696" s="8">
        <v>4.2699999999999996</v>
      </c>
      <c r="C696" s="8">
        <v>4.6950000000000003</v>
      </c>
      <c r="D696" s="8">
        <v>2.8730000000000002</v>
      </c>
      <c r="E696" s="8">
        <v>3.49</v>
      </c>
      <c r="F696" s="8">
        <v>2.6240000000000001</v>
      </c>
      <c r="G696" s="8">
        <v>1.6779999999999999</v>
      </c>
    </row>
    <row r="697" spans="1:7" x14ac:dyDescent="0.3">
      <c r="A697" s="6">
        <v>45162</v>
      </c>
      <c r="B697" s="8">
        <v>4.3029999999999999</v>
      </c>
      <c r="C697" s="8">
        <v>4.6436999999999999</v>
      </c>
      <c r="D697" s="8">
        <v>2.8620000000000001</v>
      </c>
      <c r="E697" s="8">
        <v>3.4809999999999999</v>
      </c>
      <c r="F697" s="8">
        <v>2.613</v>
      </c>
      <c r="G697" s="8">
        <v>1.659</v>
      </c>
    </row>
    <row r="698" spans="1:7" x14ac:dyDescent="0.3">
      <c r="A698" s="6">
        <v>45163</v>
      </c>
      <c r="B698" s="8">
        <v>4.2859999999999996</v>
      </c>
      <c r="C698" s="8">
        <v>4.6360000000000001</v>
      </c>
      <c r="D698" s="8">
        <v>2.9049999999999998</v>
      </c>
      <c r="E698" s="8">
        <v>3.516</v>
      </c>
      <c r="F698" s="8">
        <v>2.6560000000000001</v>
      </c>
      <c r="G698" s="8">
        <v>1.659</v>
      </c>
    </row>
    <row r="699" spans="1:7" x14ac:dyDescent="0.3">
      <c r="A699" s="6">
        <v>45166</v>
      </c>
      <c r="B699" s="8">
        <v>4.2779999999999996</v>
      </c>
      <c r="C699" s="8">
        <v>4.6360000000000001</v>
      </c>
      <c r="D699" s="8">
        <v>2.911</v>
      </c>
      <c r="E699" s="8">
        <v>3.5339999999999998</v>
      </c>
      <c r="F699" s="8">
        <v>2.6659999999999999</v>
      </c>
      <c r="G699" s="8">
        <v>1.6639999999999999</v>
      </c>
    </row>
    <row r="700" spans="1:7" x14ac:dyDescent="0.3">
      <c r="A700" s="6">
        <v>45167</v>
      </c>
      <c r="B700" s="8">
        <v>4.2309999999999999</v>
      </c>
      <c r="C700" s="8">
        <v>4.6353999999999997</v>
      </c>
      <c r="D700" s="8">
        <v>2.8620000000000001</v>
      </c>
      <c r="E700" s="8">
        <v>3.4860000000000002</v>
      </c>
      <c r="F700" s="8">
        <v>2.6179999999999999</v>
      </c>
      <c r="G700" s="8">
        <v>1.657</v>
      </c>
    </row>
    <row r="701" spans="1:7" x14ac:dyDescent="0.3">
      <c r="A701" s="6">
        <v>45168</v>
      </c>
      <c r="B701" s="8">
        <v>4.2270000000000003</v>
      </c>
      <c r="C701" s="8">
        <v>4.6542000000000003</v>
      </c>
      <c r="D701" s="8">
        <v>2.8919999999999999</v>
      </c>
      <c r="E701" s="8">
        <v>3.5169999999999999</v>
      </c>
      <c r="F701" s="8">
        <v>2.645</v>
      </c>
      <c r="G701" s="8">
        <v>1.659</v>
      </c>
    </row>
    <row r="702" spans="1:7" x14ac:dyDescent="0.3">
      <c r="A702" s="6">
        <v>45169</v>
      </c>
      <c r="B702" s="8">
        <v>4.2130000000000001</v>
      </c>
      <c r="C702" s="8">
        <v>4.6055999999999999</v>
      </c>
      <c r="D702" s="8">
        <v>2.83</v>
      </c>
      <c r="E702" s="8">
        <v>3.456</v>
      </c>
      <c r="F702" s="8">
        <v>2.5870000000000002</v>
      </c>
      <c r="G702" s="8">
        <v>1.6679999999999999</v>
      </c>
    </row>
    <row r="703" spans="1:7" x14ac:dyDescent="0.3">
      <c r="A703" s="6">
        <v>45170</v>
      </c>
      <c r="B703" s="8">
        <v>4.2949999999999999</v>
      </c>
      <c r="C703" s="8">
        <v>4.6958000000000002</v>
      </c>
      <c r="D703" s="8">
        <v>2.9279999999999999</v>
      </c>
      <c r="E703" s="8">
        <v>3.5579999999999998</v>
      </c>
      <c r="F703" s="8">
        <v>2.6789999999999998</v>
      </c>
      <c r="G703" s="8">
        <v>1.6379999999999999</v>
      </c>
    </row>
    <row r="704" spans="1:7" x14ac:dyDescent="0.3">
      <c r="A704" s="6">
        <v>45173</v>
      </c>
      <c r="B704" s="8">
        <v>4.2949999999999999</v>
      </c>
      <c r="C704" s="8">
        <v>4.7515000000000001</v>
      </c>
      <c r="D704" s="8">
        <v>2.9449999999999998</v>
      </c>
      <c r="E704" s="8">
        <v>3.573</v>
      </c>
      <c r="F704" s="8">
        <v>2.698</v>
      </c>
      <c r="G704" s="8">
        <v>1.6479999999999999</v>
      </c>
    </row>
    <row r="705" spans="1:7" x14ac:dyDescent="0.3">
      <c r="A705" s="6">
        <v>45174</v>
      </c>
      <c r="B705" s="8">
        <v>4.3710000000000004</v>
      </c>
      <c r="C705" s="8">
        <v>4.7899000000000003</v>
      </c>
      <c r="D705" s="8">
        <v>2.9990000000000001</v>
      </c>
      <c r="E705" s="8">
        <v>3.6280000000000001</v>
      </c>
      <c r="F705" s="8">
        <v>2.7530000000000001</v>
      </c>
      <c r="G705" s="8">
        <v>1.655</v>
      </c>
    </row>
    <row r="706" spans="1:7" x14ac:dyDescent="0.3">
      <c r="A706" s="6">
        <v>45175</v>
      </c>
      <c r="B706" s="8">
        <v>4.3540000000000001</v>
      </c>
      <c r="C706" s="8">
        <v>4.7826000000000004</v>
      </c>
      <c r="D706" s="8">
        <v>3.004</v>
      </c>
      <c r="E706" s="8">
        <v>3.6360000000000001</v>
      </c>
      <c r="F706" s="8">
        <v>2.7709999999999999</v>
      </c>
      <c r="G706" s="8">
        <v>1.647</v>
      </c>
    </row>
    <row r="707" spans="1:7" x14ac:dyDescent="0.3">
      <c r="A707" s="6">
        <v>45176</v>
      </c>
      <c r="B707" s="8">
        <v>4.3419999999999996</v>
      </c>
      <c r="C707" s="8">
        <v>4.7045000000000003</v>
      </c>
      <c r="D707" s="8">
        <v>2.9769999999999999</v>
      </c>
      <c r="E707" s="8">
        <v>3.6059999999999999</v>
      </c>
      <c r="F707" s="8">
        <v>2.74</v>
      </c>
      <c r="G707" s="8">
        <v>1.6479999999999999</v>
      </c>
    </row>
    <row r="708" spans="1:7" x14ac:dyDescent="0.3">
      <c r="A708" s="6">
        <v>45177</v>
      </c>
      <c r="B708" s="8">
        <v>4.3390000000000004</v>
      </c>
      <c r="C708" s="8">
        <v>4.7001999999999997</v>
      </c>
      <c r="D708" s="8">
        <v>2.9729999999999999</v>
      </c>
      <c r="E708" s="8">
        <v>3.6019999999999999</v>
      </c>
      <c r="F708" s="8">
        <v>2.7309999999999999</v>
      </c>
      <c r="G708" s="8">
        <v>1.6639999999999999</v>
      </c>
    </row>
    <row r="709" spans="1:7" x14ac:dyDescent="0.3">
      <c r="A709" s="6">
        <v>45180</v>
      </c>
      <c r="B709" s="8">
        <v>4.3730000000000002</v>
      </c>
      <c r="C709" s="8">
        <v>4.7725</v>
      </c>
      <c r="D709" s="8">
        <v>3.0089999999999999</v>
      </c>
      <c r="E709" s="8">
        <v>3.641</v>
      </c>
      <c r="F709" s="8">
        <v>2.7679999999999998</v>
      </c>
      <c r="G709" s="8">
        <v>1.7070000000000001</v>
      </c>
    </row>
    <row r="710" spans="1:7" x14ac:dyDescent="0.3">
      <c r="A710" s="6">
        <v>45181</v>
      </c>
      <c r="B710" s="8">
        <v>4.3520000000000003</v>
      </c>
      <c r="C710" s="8">
        <v>4.7290999999999999</v>
      </c>
      <c r="D710" s="8">
        <v>3.004</v>
      </c>
      <c r="E710" s="8">
        <v>3.6429999999999998</v>
      </c>
      <c r="F710" s="8">
        <v>2.7639999999999998</v>
      </c>
      <c r="G710" s="8">
        <v>1.7170000000000001</v>
      </c>
    </row>
    <row r="711" spans="1:7" x14ac:dyDescent="0.3">
      <c r="A711" s="6">
        <v>45182</v>
      </c>
      <c r="B711" s="8">
        <v>4.3440000000000003</v>
      </c>
      <c r="C711" s="8">
        <v>4.6607000000000003</v>
      </c>
      <c r="D711" s="8">
        <v>2.9860000000000002</v>
      </c>
      <c r="E711" s="8">
        <v>3.6190000000000002</v>
      </c>
      <c r="F711" s="8">
        <v>2.75</v>
      </c>
      <c r="G711" s="8">
        <v>1.6910000000000001</v>
      </c>
    </row>
    <row r="712" spans="1:7" x14ac:dyDescent="0.3">
      <c r="A712" s="6">
        <v>45183</v>
      </c>
      <c r="B712" s="8">
        <v>4.3819999999999997</v>
      </c>
      <c r="C712" s="8">
        <v>4.6052999999999997</v>
      </c>
      <c r="D712" s="8">
        <v>2.9609999999999999</v>
      </c>
      <c r="E712" s="8">
        <v>3.5830000000000002</v>
      </c>
      <c r="F712" s="8">
        <v>2.7229999999999999</v>
      </c>
      <c r="G712" s="8">
        <v>1.679</v>
      </c>
    </row>
    <row r="713" spans="1:7" x14ac:dyDescent="0.3">
      <c r="A713" s="6">
        <v>45184</v>
      </c>
      <c r="B713" s="8">
        <v>4.4180000000000001</v>
      </c>
      <c r="C713" s="8">
        <v>4.6978999999999997</v>
      </c>
      <c r="D713" s="8">
        <v>3.0489999999999999</v>
      </c>
      <c r="E713" s="8">
        <v>3.6850000000000001</v>
      </c>
      <c r="F713" s="8">
        <v>2.8130000000000002</v>
      </c>
      <c r="G713" s="8">
        <v>1.6739999999999999</v>
      </c>
    </row>
    <row r="714" spans="1:7" x14ac:dyDescent="0.3">
      <c r="A714" s="6">
        <v>45187</v>
      </c>
      <c r="B714" s="8">
        <v>4.3849999999999998</v>
      </c>
      <c r="C714" s="8">
        <v>4.7290999999999999</v>
      </c>
      <c r="D714" s="8">
        <v>3.077</v>
      </c>
      <c r="E714" s="8">
        <v>3.7080000000000002</v>
      </c>
      <c r="F714" s="8">
        <v>2.8410000000000002</v>
      </c>
      <c r="G714" s="8">
        <v>1.6739999999999999</v>
      </c>
    </row>
    <row r="715" spans="1:7" x14ac:dyDescent="0.3">
      <c r="A715" s="6">
        <v>45188</v>
      </c>
      <c r="B715" s="8">
        <v>4.4249999999999998</v>
      </c>
      <c r="C715" s="8">
        <v>4.7123999999999997</v>
      </c>
      <c r="D715" s="8">
        <v>3.0960000000000001</v>
      </c>
      <c r="E715" s="8">
        <v>3.726</v>
      </c>
      <c r="F715" s="8">
        <v>2.863</v>
      </c>
      <c r="G715" s="8">
        <v>1.69</v>
      </c>
    </row>
    <row r="716" spans="1:7" x14ac:dyDescent="0.3">
      <c r="A716" s="6">
        <v>45189</v>
      </c>
      <c r="B716" s="8">
        <v>4.4459999999999997</v>
      </c>
      <c r="C716" s="8">
        <v>4.6304999999999996</v>
      </c>
      <c r="D716" s="8">
        <v>3.0680000000000001</v>
      </c>
      <c r="E716" s="8">
        <v>3.6949999999999998</v>
      </c>
      <c r="F716" s="8">
        <v>2.8380000000000001</v>
      </c>
      <c r="G716" s="8">
        <v>1.6990000000000001</v>
      </c>
    </row>
    <row r="717" spans="1:7" x14ac:dyDescent="0.3">
      <c r="A717" s="6">
        <v>45190</v>
      </c>
      <c r="B717" s="8">
        <v>4.5750000000000002</v>
      </c>
      <c r="C717" s="8">
        <v>4.7022000000000004</v>
      </c>
      <c r="D717" s="8">
        <v>3.0990000000000002</v>
      </c>
      <c r="E717" s="8">
        <v>3.7269999999999999</v>
      </c>
      <c r="F717" s="8">
        <v>2.867</v>
      </c>
      <c r="G717" s="8">
        <v>1.6839999999999999</v>
      </c>
    </row>
    <row r="718" spans="1:7" x14ac:dyDescent="0.3">
      <c r="A718" s="6">
        <v>45191</v>
      </c>
      <c r="B718" s="8">
        <v>4.5259999999999998</v>
      </c>
      <c r="C718" s="8">
        <v>4.6814999999999998</v>
      </c>
      <c r="D718" s="8">
        <v>3.11</v>
      </c>
      <c r="E718" s="8">
        <v>3.76</v>
      </c>
      <c r="F718" s="8">
        <v>2.8879999999999999</v>
      </c>
      <c r="G718" s="8">
        <v>1.6819999999999999</v>
      </c>
    </row>
    <row r="719" spans="1:7" x14ac:dyDescent="0.3">
      <c r="A719" s="6">
        <v>45194</v>
      </c>
      <c r="B719" s="8">
        <v>4.6529999999999996</v>
      </c>
      <c r="C719" s="8">
        <v>4.7941000000000003</v>
      </c>
      <c r="D719" s="8">
        <v>3.2130000000000001</v>
      </c>
      <c r="E719" s="8">
        <v>3.8679999999999999</v>
      </c>
      <c r="F719" s="8">
        <v>2.9940000000000002</v>
      </c>
      <c r="G719" s="8">
        <v>1.6910000000000001</v>
      </c>
    </row>
    <row r="720" spans="1:7" x14ac:dyDescent="0.3">
      <c r="A720" s="6">
        <v>45195</v>
      </c>
      <c r="B720" s="8">
        <v>4.6760000000000002</v>
      </c>
      <c r="C720" s="8">
        <v>4.8036000000000003</v>
      </c>
      <c r="D720" s="8">
        <v>3.2229999999999999</v>
      </c>
      <c r="E720" s="8">
        <v>3.8820000000000001</v>
      </c>
      <c r="F720" s="8">
        <v>3</v>
      </c>
      <c r="G720" s="8">
        <v>1.698</v>
      </c>
    </row>
    <row r="721" spans="1:7" x14ac:dyDescent="0.3">
      <c r="A721" s="6">
        <v>45196</v>
      </c>
      <c r="B721" s="8">
        <v>4.72</v>
      </c>
      <c r="C721" s="8">
        <v>4.7906000000000004</v>
      </c>
      <c r="D721" s="8">
        <v>3.2570000000000001</v>
      </c>
      <c r="E721" s="8">
        <v>3.9169999999999998</v>
      </c>
      <c r="F721" s="8">
        <v>3.0289999999999999</v>
      </c>
      <c r="G721" s="8">
        <v>1.7030000000000001</v>
      </c>
    </row>
    <row r="722" spans="1:7" x14ac:dyDescent="0.3">
      <c r="A722" s="6">
        <v>45197</v>
      </c>
      <c r="B722" s="8">
        <v>4.7050000000000001</v>
      </c>
      <c r="C722" s="8">
        <v>4.9010999999999996</v>
      </c>
      <c r="D722" s="8">
        <v>3.3210000000000002</v>
      </c>
      <c r="E722" s="8">
        <v>3.9750000000000001</v>
      </c>
      <c r="F722" s="8">
        <v>3.0840000000000001</v>
      </c>
      <c r="G722" s="8">
        <v>1.72</v>
      </c>
    </row>
    <row r="723" spans="1:7" x14ac:dyDescent="0.3">
      <c r="A723" s="6">
        <v>45198</v>
      </c>
      <c r="B723" s="8">
        <v>4.7009999999999996</v>
      </c>
      <c r="C723" s="8">
        <v>4.8975999999999997</v>
      </c>
      <c r="D723" s="8">
        <v>3.2629999999999999</v>
      </c>
      <c r="E723" s="8">
        <v>3.9180000000000001</v>
      </c>
      <c r="F723" s="8">
        <v>3.032</v>
      </c>
      <c r="G723" s="8">
        <v>1.728</v>
      </c>
    </row>
    <row r="724" spans="1:7" x14ac:dyDescent="0.3">
      <c r="A724" s="6">
        <v>45201</v>
      </c>
      <c r="B724" s="8">
        <v>4.7889999999999997</v>
      </c>
      <c r="C724" s="8">
        <v>5.0114000000000001</v>
      </c>
      <c r="D724" s="8">
        <v>3.367</v>
      </c>
      <c r="E724" s="8">
        <v>4.0110000000000001</v>
      </c>
      <c r="F724" s="8">
        <v>3.13</v>
      </c>
      <c r="G724" s="8">
        <v>1.7589999999999999</v>
      </c>
    </row>
    <row r="725" spans="1:7" x14ac:dyDescent="0.3">
      <c r="A725" s="6">
        <v>45202</v>
      </c>
      <c r="B725" s="8">
        <v>4.9240000000000004</v>
      </c>
      <c r="C725" s="8">
        <v>5.0492999999999997</v>
      </c>
      <c r="D725" s="8">
        <v>3.4460000000000002</v>
      </c>
      <c r="E725" s="8">
        <v>4.0960000000000001</v>
      </c>
      <c r="F725" s="8">
        <v>3.206</v>
      </c>
      <c r="G725" s="8">
        <v>1.7729999999999999</v>
      </c>
    </row>
    <row r="726" spans="1:7" x14ac:dyDescent="0.3">
      <c r="A726" s="6">
        <v>45203</v>
      </c>
      <c r="B726" s="8">
        <v>4.859</v>
      </c>
      <c r="C726" s="8">
        <v>4.9927000000000001</v>
      </c>
      <c r="D726" s="8">
        <v>3.3690000000000002</v>
      </c>
      <c r="E726" s="8">
        <v>4.0199999999999996</v>
      </c>
      <c r="F726" s="8">
        <v>3.1219999999999999</v>
      </c>
      <c r="G726" s="8">
        <v>1.8120000000000001</v>
      </c>
    </row>
    <row r="727" spans="1:7" x14ac:dyDescent="0.3">
      <c r="A727" s="6">
        <v>45204</v>
      </c>
      <c r="B727" s="8">
        <v>4.8920000000000003</v>
      </c>
      <c r="C727" s="8">
        <v>4.9926000000000004</v>
      </c>
      <c r="D727" s="8">
        <v>3.36</v>
      </c>
      <c r="E727" s="8">
        <v>4.0270000000000001</v>
      </c>
      <c r="F727" s="8">
        <v>3.1040000000000001</v>
      </c>
      <c r="G727" s="8">
        <v>1.831</v>
      </c>
    </row>
    <row r="728" spans="1:7" x14ac:dyDescent="0.3">
      <c r="A728" s="6">
        <v>45205</v>
      </c>
      <c r="B728" s="8">
        <v>4.97</v>
      </c>
      <c r="C728" s="8">
        <v>5.0335999999999999</v>
      </c>
      <c r="D728" s="8">
        <v>3.3690000000000002</v>
      </c>
      <c r="E728" s="8">
        <v>4.0250000000000004</v>
      </c>
      <c r="F728" s="8">
        <v>3.1040000000000001</v>
      </c>
      <c r="G728" s="8">
        <v>1.742</v>
      </c>
    </row>
    <row r="729" spans="1:7" x14ac:dyDescent="0.3">
      <c r="A729" s="6">
        <v>45208</v>
      </c>
      <c r="B729" s="8">
        <v>4.97</v>
      </c>
      <c r="C729" s="8">
        <v>4.9730999999999996</v>
      </c>
      <c r="D729" s="8">
        <v>3.2719999999999998</v>
      </c>
      <c r="E729" s="8">
        <v>3.9369999999999998</v>
      </c>
      <c r="F729" s="8">
        <v>3.012</v>
      </c>
      <c r="G729" s="8">
        <v>1.742</v>
      </c>
    </row>
    <row r="730" spans="1:7" x14ac:dyDescent="0.3">
      <c r="A730" s="6">
        <v>45209</v>
      </c>
      <c r="B730" s="8">
        <v>4.8330000000000002</v>
      </c>
      <c r="C730" s="8">
        <v>4.9177</v>
      </c>
      <c r="D730" s="8">
        <v>3.2389999999999999</v>
      </c>
      <c r="E730" s="8">
        <v>3.9</v>
      </c>
      <c r="F730" s="8">
        <v>3.0019999999999998</v>
      </c>
      <c r="G730" s="8">
        <v>1.7290000000000001</v>
      </c>
    </row>
    <row r="731" spans="1:7" x14ac:dyDescent="0.3">
      <c r="A731" s="6">
        <v>45210</v>
      </c>
      <c r="B731" s="8">
        <v>4.6950000000000003</v>
      </c>
      <c r="C731" s="8">
        <v>4.7644000000000002</v>
      </c>
      <c r="D731" s="8">
        <v>3.1320000000000001</v>
      </c>
      <c r="E731" s="8">
        <v>3.79</v>
      </c>
      <c r="F731" s="8">
        <v>2.895</v>
      </c>
      <c r="G731" s="8">
        <v>1.6970000000000001</v>
      </c>
    </row>
    <row r="732" spans="1:7" x14ac:dyDescent="0.3">
      <c r="A732" s="6">
        <v>45211</v>
      </c>
      <c r="B732" s="8">
        <v>4.8550000000000004</v>
      </c>
      <c r="C732" s="8">
        <v>4.8624999999999998</v>
      </c>
      <c r="D732" s="8">
        <v>3.2130000000000001</v>
      </c>
      <c r="E732" s="8">
        <v>3.8639999999999999</v>
      </c>
      <c r="F732" s="8">
        <v>2.97</v>
      </c>
      <c r="G732" s="8">
        <v>1.659</v>
      </c>
    </row>
    <row r="733" spans="1:7" x14ac:dyDescent="0.3">
      <c r="A733" s="6">
        <v>45212</v>
      </c>
      <c r="B733" s="8">
        <v>4.7539999999999996</v>
      </c>
      <c r="C733" s="8">
        <v>4.8273999999999999</v>
      </c>
      <c r="D733" s="8">
        <v>3.1779999999999999</v>
      </c>
      <c r="E733" s="8">
        <v>3.8359999999999999</v>
      </c>
      <c r="F733" s="8">
        <v>2.9289999999999998</v>
      </c>
      <c r="G733" s="8">
        <v>1.675</v>
      </c>
    </row>
    <row r="734" spans="1:7" x14ac:dyDescent="0.3">
      <c r="A734" s="6">
        <v>45215</v>
      </c>
      <c r="B734" s="8">
        <v>4.8520000000000003</v>
      </c>
      <c r="C734" s="8">
        <v>4.9267000000000003</v>
      </c>
      <c r="D734" s="8">
        <v>3.2410000000000001</v>
      </c>
      <c r="E734" s="8">
        <v>3.8959999999999999</v>
      </c>
      <c r="F734" s="8">
        <v>2.9940000000000002</v>
      </c>
      <c r="G734" s="8">
        <v>1.7010000000000001</v>
      </c>
    </row>
    <row r="735" spans="1:7" x14ac:dyDescent="0.3">
      <c r="A735" s="6">
        <v>45216</v>
      </c>
      <c r="B735" s="8">
        <v>4.9260000000000002</v>
      </c>
      <c r="C735" s="8">
        <v>4.9340000000000002</v>
      </c>
      <c r="D735" s="8">
        <v>3.2970000000000002</v>
      </c>
      <c r="E735" s="8">
        <v>3.9569999999999999</v>
      </c>
      <c r="F735" s="8">
        <v>3.048</v>
      </c>
      <c r="G735" s="8">
        <v>1.738</v>
      </c>
    </row>
    <row r="736" spans="1:7" x14ac:dyDescent="0.3">
      <c r="A736" s="6">
        <v>45217</v>
      </c>
      <c r="B736" s="8">
        <v>4.9960000000000004</v>
      </c>
      <c r="C736" s="8">
        <v>5.0373000000000001</v>
      </c>
      <c r="D736" s="8">
        <v>3.343</v>
      </c>
      <c r="E736" s="8">
        <v>4.0090000000000003</v>
      </c>
      <c r="F736" s="8">
        <v>3.0920000000000001</v>
      </c>
      <c r="G736" s="8">
        <v>1.7589999999999999</v>
      </c>
    </row>
    <row r="737" spans="1:7" x14ac:dyDescent="0.3">
      <c r="A737" s="6">
        <v>45218</v>
      </c>
      <c r="B737" s="8">
        <v>5.1120000000000001</v>
      </c>
      <c r="C737" s="8">
        <v>5.0719000000000003</v>
      </c>
      <c r="D737" s="8">
        <v>3.3490000000000002</v>
      </c>
      <c r="E737" s="8">
        <v>3.9940000000000002</v>
      </c>
      <c r="F737" s="8">
        <v>3.1</v>
      </c>
      <c r="G737" s="8">
        <v>1.7909999999999999</v>
      </c>
    </row>
    <row r="738" spans="1:7" x14ac:dyDescent="0.3">
      <c r="A738" s="6">
        <v>45219</v>
      </c>
      <c r="B738" s="8">
        <v>5.0780000000000003</v>
      </c>
      <c r="C738" s="8">
        <v>5.1094999999999997</v>
      </c>
      <c r="D738" s="8">
        <v>3.34</v>
      </c>
      <c r="E738" s="8">
        <v>4.0039999999999996</v>
      </c>
      <c r="F738" s="8">
        <v>3.09</v>
      </c>
      <c r="G738" s="8">
        <v>1.8140000000000001</v>
      </c>
    </row>
    <row r="739" spans="1:7" x14ac:dyDescent="0.3">
      <c r="A739" s="6">
        <v>45222</v>
      </c>
      <c r="B739" s="8">
        <v>5.0010000000000003</v>
      </c>
      <c r="C739" s="8">
        <v>5.0468999999999999</v>
      </c>
      <c r="D739" s="8">
        <v>3.3119999999999998</v>
      </c>
      <c r="E739" s="8">
        <v>3.9609999999999999</v>
      </c>
      <c r="F739" s="8">
        <v>3.0640000000000001</v>
      </c>
      <c r="G739" s="8">
        <v>1.8819999999999999</v>
      </c>
    </row>
    <row r="740" spans="1:7" x14ac:dyDescent="0.3">
      <c r="A740" s="6">
        <v>45223</v>
      </c>
      <c r="B740" s="8">
        <v>4.9390000000000001</v>
      </c>
      <c r="C740" s="8">
        <v>4.9984000000000002</v>
      </c>
      <c r="D740" s="8">
        <v>3.2930000000000001</v>
      </c>
      <c r="E740" s="8">
        <v>3.9580000000000002</v>
      </c>
      <c r="F740" s="8">
        <v>3.0470000000000002</v>
      </c>
      <c r="G740" s="8">
        <v>1.8580000000000001</v>
      </c>
    </row>
    <row r="741" spans="1:7" x14ac:dyDescent="0.3">
      <c r="A741" s="6">
        <v>45224</v>
      </c>
      <c r="B741" s="8">
        <v>5.0869999999999997</v>
      </c>
      <c r="C741" s="8">
        <v>5.0587999999999997</v>
      </c>
      <c r="D741" s="8">
        <v>3.37</v>
      </c>
      <c r="E741" s="8">
        <v>4.0449999999999999</v>
      </c>
      <c r="F741" s="8">
        <v>3.12</v>
      </c>
      <c r="G741" s="8">
        <v>1.84</v>
      </c>
    </row>
    <row r="742" spans="1:7" x14ac:dyDescent="0.3">
      <c r="A742" s="6">
        <v>45225</v>
      </c>
      <c r="B742" s="8">
        <v>4.9880000000000004</v>
      </c>
      <c r="C742" s="8">
        <v>5.0667</v>
      </c>
      <c r="D742" s="8">
        <v>3.375</v>
      </c>
      <c r="E742" s="8">
        <v>4.0350000000000001</v>
      </c>
      <c r="F742" s="8">
        <v>3.121</v>
      </c>
      <c r="G742" s="8">
        <v>1.843</v>
      </c>
    </row>
    <row r="743" spans="1:7" x14ac:dyDescent="0.3">
      <c r="A743" s="6">
        <v>45226</v>
      </c>
      <c r="B743" s="8">
        <v>5.016</v>
      </c>
      <c r="C743" s="8">
        <v>5.0237999999999996</v>
      </c>
      <c r="D743" s="8">
        <v>3.367</v>
      </c>
      <c r="E743" s="8">
        <v>4.0270000000000001</v>
      </c>
      <c r="F743" s="8">
        <v>3.1190000000000002</v>
      </c>
      <c r="G743" s="8">
        <v>1.841</v>
      </c>
    </row>
    <row r="744" spans="1:7" x14ac:dyDescent="0.3">
      <c r="A744" s="6">
        <v>45229</v>
      </c>
      <c r="B744" s="8">
        <v>5.05</v>
      </c>
      <c r="C744" s="8">
        <v>5.0298999999999996</v>
      </c>
      <c r="D744" s="8">
        <v>3.3490000000000002</v>
      </c>
      <c r="E744" s="8">
        <v>4.0039999999999996</v>
      </c>
      <c r="F744" s="8">
        <v>3.0990000000000002</v>
      </c>
      <c r="G744" s="8">
        <v>1.851</v>
      </c>
    </row>
    <row r="745" spans="1:7" x14ac:dyDescent="0.3">
      <c r="A745" s="6">
        <v>45230</v>
      </c>
      <c r="B745" s="8">
        <v>5.0949999999999998</v>
      </c>
      <c r="C745" s="8">
        <v>4.9743000000000004</v>
      </c>
      <c r="D745" s="8">
        <v>3.327</v>
      </c>
      <c r="E745" s="8">
        <v>4.0060000000000002</v>
      </c>
      <c r="F745" s="8">
        <v>3.09</v>
      </c>
      <c r="G745" s="8">
        <v>1.863</v>
      </c>
    </row>
    <row r="746" spans="1:7" x14ac:dyDescent="0.3">
      <c r="A746" s="6">
        <v>45231</v>
      </c>
      <c r="B746" s="8">
        <v>4.9290000000000003</v>
      </c>
      <c r="C746" s="8">
        <v>4.96</v>
      </c>
      <c r="D746" s="8">
        <v>3.3149999999999999</v>
      </c>
      <c r="E746" s="8">
        <v>3.98</v>
      </c>
      <c r="F746" s="8">
        <v>3.07</v>
      </c>
      <c r="G746" s="8">
        <v>1.891</v>
      </c>
    </row>
    <row r="747" spans="1:7" x14ac:dyDescent="0.3">
      <c r="A747" s="6">
        <v>45232</v>
      </c>
      <c r="B747" s="8">
        <v>4.8019999999999996</v>
      </c>
      <c r="C747" s="8">
        <v>4.8662999999999998</v>
      </c>
      <c r="D747" s="8">
        <v>3.2480000000000002</v>
      </c>
      <c r="E747" s="8">
        <v>3.895</v>
      </c>
      <c r="F747" s="8">
        <v>3</v>
      </c>
      <c r="G747" s="8">
        <v>1.8720000000000001</v>
      </c>
    </row>
    <row r="748" spans="1:7" x14ac:dyDescent="0.3">
      <c r="A748" s="6">
        <v>45233</v>
      </c>
      <c r="B748" s="8">
        <v>4.7679999999999998</v>
      </c>
      <c r="C748" s="8">
        <v>4.7702999999999998</v>
      </c>
      <c r="D748" s="8">
        <v>3.161</v>
      </c>
      <c r="E748" s="8">
        <v>3.79</v>
      </c>
      <c r="F748" s="8">
        <v>2.915</v>
      </c>
      <c r="G748" s="8">
        <v>1.8720000000000001</v>
      </c>
    </row>
    <row r="749" spans="1:7" x14ac:dyDescent="0.3">
      <c r="A749" s="6">
        <v>45236</v>
      </c>
      <c r="B749" s="8">
        <v>4.8099999999999996</v>
      </c>
      <c r="C749" s="8">
        <v>4.8502999999999998</v>
      </c>
      <c r="D749" s="8">
        <v>3.2450000000000001</v>
      </c>
      <c r="E749" s="8">
        <v>3.8860000000000001</v>
      </c>
      <c r="F749" s="8">
        <v>3.0019999999999998</v>
      </c>
      <c r="G749" s="8">
        <v>1.825</v>
      </c>
    </row>
    <row r="750" spans="1:7" x14ac:dyDescent="0.3">
      <c r="A750" s="6">
        <v>45237</v>
      </c>
      <c r="B750" s="8">
        <v>4.726</v>
      </c>
      <c r="C750" s="8">
        <v>4.7351999999999999</v>
      </c>
      <c r="D750" s="8">
        <v>3.137</v>
      </c>
      <c r="E750" s="8">
        <v>3.7709999999999999</v>
      </c>
      <c r="F750" s="8">
        <v>2.891</v>
      </c>
      <c r="G750" s="8">
        <v>1.8149999999999999</v>
      </c>
    </row>
    <row r="751" spans="1:7" x14ac:dyDescent="0.3">
      <c r="A751" s="6">
        <v>45238</v>
      </c>
      <c r="B751" s="8">
        <v>4.6159999999999997</v>
      </c>
      <c r="C751" s="8">
        <v>4.6894999999999998</v>
      </c>
      <c r="D751" s="8">
        <v>3.0339999999999998</v>
      </c>
      <c r="E751" s="8">
        <v>3.6909999999999998</v>
      </c>
      <c r="F751" s="8">
        <v>2.8079999999999998</v>
      </c>
      <c r="G751" s="8">
        <v>1.768</v>
      </c>
    </row>
    <row r="752" spans="1:7" x14ac:dyDescent="0.3">
      <c r="A752" s="6">
        <v>45239</v>
      </c>
      <c r="B752" s="8">
        <v>4.7670000000000003</v>
      </c>
      <c r="C752" s="8">
        <v>4.7302</v>
      </c>
      <c r="D752" s="8">
        <v>3.1070000000000002</v>
      </c>
      <c r="E752" s="8">
        <v>3.7589999999999999</v>
      </c>
      <c r="F752" s="8">
        <v>2.88</v>
      </c>
      <c r="G752" s="8">
        <v>1.7050000000000001</v>
      </c>
    </row>
    <row r="753" spans="1:7" x14ac:dyDescent="0.3">
      <c r="A753" s="6">
        <v>45240</v>
      </c>
      <c r="B753" s="8">
        <v>4.7640000000000002</v>
      </c>
      <c r="C753" s="8">
        <v>4.7794999999999996</v>
      </c>
      <c r="D753" s="8">
        <v>3.1579999999999999</v>
      </c>
      <c r="E753" s="8">
        <v>3.8039999999999998</v>
      </c>
      <c r="F753" s="8">
        <v>2.9260000000000002</v>
      </c>
      <c r="G753" s="8">
        <v>1.7210000000000001</v>
      </c>
    </row>
    <row r="754" spans="1:7" x14ac:dyDescent="0.3">
      <c r="A754" s="6">
        <v>45243</v>
      </c>
      <c r="B754" s="8">
        <v>4.7560000000000002</v>
      </c>
      <c r="C754" s="8">
        <v>4.7328000000000001</v>
      </c>
      <c r="D754" s="8">
        <v>3.141</v>
      </c>
      <c r="E754" s="8">
        <v>3.778</v>
      </c>
      <c r="F754" s="8">
        <v>2.9079999999999999</v>
      </c>
      <c r="G754" s="8">
        <v>1.7549999999999999</v>
      </c>
    </row>
    <row r="755" spans="1:7" x14ac:dyDescent="0.3">
      <c r="A755" s="6">
        <v>45244</v>
      </c>
      <c r="B755" s="8">
        <v>4.6219999999999999</v>
      </c>
      <c r="C755" s="8">
        <v>4.5743</v>
      </c>
      <c r="D755" s="8">
        <v>3.0369999999999999</v>
      </c>
      <c r="E755" s="8">
        <v>3.6579999999999999</v>
      </c>
      <c r="F755" s="8">
        <v>2.8140000000000001</v>
      </c>
      <c r="G755" s="8">
        <v>1.754</v>
      </c>
    </row>
    <row r="756" spans="1:7" x14ac:dyDescent="0.3">
      <c r="A756" s="6">
        <v>45245</v>
      </c>
      <c r="B756" s="8">
        <v>4.6970000000000001</v>
      </c>
      <c r="C756" s="8">
        <v>4.6492000000000004</v>
      </c>
      <c r="D756" s="8">
        <v>3.089</v>
      </c>
      <c r="E756" s="8">
        <v>3.7170000000000001</v>
      </c>
      <c r="F756" s="8">
        <v>2.8690000000000002</v>
      </c>
      <c r="G756" s="8">
        <v>1.7030000000000001</v>
      </c>
    </row>
    <row r="757" spans="1:7" x14ac:dyDescent="0.3">
      <c r="A757" s="6">
        <v>45246</v>
      </c>
      <c r="B757" s="8">
        <v>4.6159999999999997</v>
      </c>
      <c r="C757" s="8">
        <v>4.5858999999999996</v>
      </c>
      <c r="D757" s="8">
        <v>3.048</v>
      </c>
      <c r="E757" s="8">
        <v>3.6789999999999998</v>
      </c>
      <c r="F757" s="8">
        <v>2.8260000000000001</v>
      </c>
      <c r="G757" s="8">
        <v>1.71</v>
      </c>
    </row>
    <row r="758" spans="1:7" x14ac:dyDescent="0.3">
      <c r="A758" s="6">
        <v>45247</v>
      </c>
      <c r="B758" s="8">
        <v>4.59</v>
      </c>
      <c r="C758" s="8">
        <v>4.5391000000000004</v>
      </c>
      <c r="D758" s="8">
        <v>3.0209999999999999</v>
      </c>
      <c r="E758" s="8">
        <v>3.661</v>
      </c>
      <c r="F758" s="8">
        <v>2.798</v>
      </c>
      <c r="G758" s="8">
        <v>1.6779999999999999</v>
      </c>
    </row>
    <row r="759" spans="1:7" x14ac:dyDescent="0.3">
      <c r="A759" s="6">
        <v>45250</v>
      </c>
      <c r="B759" s="8">
        <v>4.5720000000000001</v>
      </c>
      <c r="C759" s="8">
        <v>4.5507</v>
      </c>
      <c r="D759" s="8">
        <v>3.0209999999999999</v>
      </c>
      <c r="E759" s="8">
        <v>3.6560000000000001</v>
      </c>
      <c r="F759" s="8">
        <v>2.8</v>
      </c>
      <c r="G759" s="8">
        <v>1.667</v>
      </c>
    </row>
    <row r="760" spans="1:7" x14ac:dyDescent="0.3">
      <c r="A760" s="6">
        <v>45251</v>
      </c>
      <c r="B760" s="8">
        <v>4.5490000000000004</v>
      </c>
      <c r="C760" s="8">
        <v>4.5355999999999996</v>
      </c>
      <c r="D760" s="8">
        <v>2.988</v>
      </c>
      <c r="E760" s="8">
        <v>3.6190000000000002</v>
      </c>
      <c r="F760" s="8">
        <v>2.7679999999999998</v>
      </c>
      <c r="G760" s="8">
        <v>1.5860000000000001</v>
      </c>
    </row>
    <row r="761" spans="1:7" x14ac:dyDescent="0.3">
      <c r="A761" s="6">
        <v>45252</v>
      </c>
      <c r="B761" s="8">
        <v>4.5389999999999997</v>
      </c>
      <c r="C761" s="8">
        <v>4.6228999999999996</v>
      </c>
      <c r="D761" s="8">
        <v>2.9569999999999999</v>
      </c>
      <c r="E761" s="8">
        <v>3.59</v>
      </c>
      <c r="F761" s="8">
        <v>2.7360000000000002</v>
      </c>
      <c r="G761" s="8">
        <v>1.635</v>
      </c>
    </row>
    <row r="762" spans="1:7" x14ac:dyDescent="0.3">
      <c r="A762" s="6">
        <v>45253</v>
      </c>
      <c r="B762" s="8">
        <v>4.5389999999999997</v>
      </c>
      <c r="C762" s="8">
        <v>4.7207999999999997</v>
      </c>
      <c r="D762" s="8">
        <v>3.0169999999999999</v>
      </c>
      <c r="E762" s="8">
        <v>3.645</v>
      </c>
      <c r="F762" s="8">
        <v>2.7850000000000001</v>
      </c>
      <c r="G762" s="8">
        <v>1.635</v>
      </c>
    </row>
    <row r="763" spans="1:7" x14ac:dyDescent="0.3">
      <c r="A763" s="6">
        <v>45254</v>
      </c>
      <c r="B763" s="8">
        <v>4.5990000000000002</v>
      </c>
      <c r="C763" s="8">
        <v>4.7436999999999996</v>
      </c>
      <c r="D763" s="8">
        <v>3.0470000000000002</v>
      </c>
      <c r="E763" s="8">
        <v>3.661</v>
      </c>
      <c r="F763" s="8">
        <v>2.8180000000000001</v>
      </c>
      <c r="G763" s="8">
        <v>1.6759999999999999</v>
      </c>
    </row>
    <row r="764" spans="1:7" x14ac:dyDescent="0.3">
      <c r="A764" s="6">
        <v>45257</v>
      </c>
      <c r="B764" s="8">
        <v>4.5380000000000003</v>
      </c>
      <c r="C764" s="8">
        <v>4.6635</v>
      </c>
      <c r="D764" s="8">
        <v>2.9790000000000001</v>
      </c>
      <c r="E764" s="8">
        <v>3.597</v>
      </c>
      <c r="F764" s="8">
        <v>2.75</v>
      </c>
      <c r="G764" s="8">
        <v>1.6970000000000001</v>
      </c>
    </row>
    <row r="765" spans="1:7" x14ac:dyDescent="0.3">
      <c r="A765" s="6">
        <v>45258</v>
      </c>
      <c r="B765" s="8">
        <v>4.5060000000000002</v>
      </c>
      <c r="C765" s="8">
        <v>4.6425000000000001</v>
      </c>
      <c r="D765" s="8">
        <v>2.9569999999999999</v>
      </c>
      <c r="E765" s="8">
        <v>3.581</v>
      </c>
      <c r="F765" s="8">
        <v>2.7250000000000001</v>
      </c>
      <c r="G765" s="8">
        <v>1.7050000000000001</v>
      </c>
    </row>
    <row r="766" spans="1:7" x14ac:dyDescent="0.3">
      <c r="A766" s="6">
        <v>45259</v>
      </c>
      <c r="B766" s="8">
        <v>4.4379999999999997</v>
      </c>
      <c r="C766" s="8">
        <v>4.5960999999999999</v>
      </c>
      <c r="D766" s="8">
        <v>2.9089999999999998</v>
      </c>
      <c r="E766" s="8">
        <v>3.5390000000000001</v>
      </c>
      <c r="F766" s="8">
        <v>2.6789999999999998</v>
      </c>
      <c r="G766" s="8">
        <v>1.603</v>
      </c>
    </row>
    <row r="767" spans="1:7" x14ac:dyDescent="0.3">
      <c r="A767" s="6">
        <v>45260</v>
      </c>
      <c r="B767" s="8">
        <v>4.4950000000000001</v>
      </c>
      <c r="C767" s="8">
        <v>4.6894</v>
      </c>
      <c r="D767" s="8">
        <v>2.9140000000000001</v>
      </c>
      <c r="E767" s="8">
        <v>3.556</v>
      </c>
      <c r="F767" s="8">
        <v>2.6850000000000001</v>
      </c>
      <c r="G767" s="8">
        <v>1.6539999999999999</v>
      </c>
    </row>
    <row r="768" spans="1:7" x14ac:dyDescent="0.3">
      <c r="A768" s="6">
        <v>45261</v>
      </c>
      <c r="B768" s="8">
        <v>4.3890000000000002</v>
      </c>
      <c r="C768" s="8">
        <v>4.6718999999999999</v>
      </c>
      <c r="D768" s="8">
        <v>2.8570000000000002</v>
      </c>
      <c r="E768" s="8">
        <v>3.4870000000000001</v>
      </c>
      <c r="F768" s="8">
        <v>2.63</v>
      </c>
      <c r="G768" s="8">
        <v>1.661</v>
      </c>
    </row>
    <row r="769" spans="1:7" x14ac:dyDescent="0.3">
      <c r="A769" s="6">
        <v>45264</v>
      </c>
      <c r="B769" s="8">
        <v>4.41</v>
      </c>
      <c r="C769" s="8">
        <v>4.7222</v>
      </c>
      <c r="D769" s="8">
        <v>2.8170000000000002</v>
      </c>
      <c r="E769" s="8">
        <v>3.4470000000000001</v>
      </c>
      <c r="F769" s="8">
        <v>2.5880000000000001</v>
      </c>
      <c r="G769" s="8">
        <v>1.6659999999999999</v>
      </c>
    </row>
    <row r="770" spans="1:7" x14ac:dyDescent="0.3">
      <c r="A770" s="6">
        <v>45265</v>
      </c>
      <c r="B770" s="8">
        <v>4.298</v>
      </c>
      <c r="C770" s="8">
        <v>4.5651000000000002</v>
      </c>
      <c r="D770" s="8">
        <v>2.669</v>
      </c>
      <c r="E770" s="8">
        <v>3.2749999999999999</v>
      </c>
      <c r="F770" s="8">
        <v>2.444</v>
      </c>
      <c r="G770" s="8">
        <v>1.6559999999999999</v>
      </c>
    </row>
    <row r="771" spans="1:7" x14ac:dyDescent="0.3">
      <c r="A771" s="6">
        <v>45266</v>
      </c>
      <c r="B771" s="8">
        <v>4.2149999999999999</v>
      </c>
      <c r="C771" s="8">
        <v>4.4469000000000003</v>
      </c>
      <c r="D771" s="8">
        <v>2.5920000000000001</v>
      </c>
      <c r="E771" s="8">
        <v>3.1920000000000002</v>
      </c>
      <c r="F771" s="8">
        <v>2.37</v>
      </c>
      <c r="G771" s="8">
        <v>1.58</v>
      </c>
    </row>
    <row r="772" spans="1:7" x14ac:dyDescent="0.3">
      <c r="A772" s="6">
        <v>45267</v>
      </c>
      <c r="B772" s="8">
        <v>4.2569999999999997</v>
      </c>
      <c r="C772" s="8">
        <v>4.4577</v>
      </c>
      <c r="D772" s="8">
        <v>2.613</v>
      </c>
      <c r="E772" s="8">
        <v>3.2120000000000002</v>
      </c>
      <c r="F772" s="8">
        <v>2.3980000000000001</v>
      </c>
      <c r="G772" s="8">
        <v>1.6910000000000001</v>
      </c>
    </row>
    <row r="773" spans="1:7" x14ac:dyDescent="0.3">
      <c r="A773" s="6">
        <v>45268</v>
      </c>
      <c r="B773" s="8">
        <v>4.3049999999999997</v>
      </c>
      <c r="C773" s="8">
        <v>4.5240999999999998</v>
      </c>
      <c r="D773" s="8">
        <v>2.6890000000000001</v>
      </c>
      <c r="E773" s="8">
        <v>3.2919999999999998</v>
      </c>
      <c r="F773" s="8">
        <v>2.4649999999999999</v>
      </c>
      <c r="G773" s="8">
        <v>1.732</v>
      </c>
    </row>
    <row r="774" spans="1:7" x14ac:dyDescent="0.3">
      <c r="A774" s="6">
        <v>45271</v>
      </c>
      <c r="B774" s="8">
        <v>4.3280000000000003</v>
      </c>
      <c r="C774" s="8">
        <v>4.5457999999999998</v>
      </c>
      <c r="D774" s="8">
        <v>2.6779999999999999</v>
      </c>
      <c r="E774" s="8">
        <v>3.2930000000000001</v>
      </c>
      <c r="F774" s="8">
        <v>2.456</v>
      </c>
      <c r="G774" s="8">
        <v>1.742</v>
      </c>
    </row>
    <row r="775" spans="1:7" x14ac:dyDescent="0.3">
      <c r="A775" s="6">
        <v>45272</v>
      </c>
      <c r="B775" s="8">
        <v>4.3079999999999998</v>
      </c>
      <c r="C775" s="8">
        <v>4.4718999999999998</v>
      </c>
      <c r="D775" s="8">
        <v>2.61</v>
      </c>
      <c r="E775" s="8">
        <v>3.2330000000000001</v>
      </c>
      <c r="F775" s="8">
        <v>2.3980000000000001</v>
      </c>
      <c r="G775" s="8">
        <v>1.7170000000000001</v>
      </c>
    </row>
    <row r="776" spans="1:7" x14ac:dyDescent="0.3">
      <c r="A776" s="6">
        <v>45273</v>
      </c>
      <c r="B776" s="8">
        <v>4.1760000000000002</v>
      </c>
      <c r="C776" s="8">
        <v>4.3314000000000004</v>
      </c>
      <c r="D776" s="8">
        <v>2.556</v>
      </c>
      <c r="E776" s="8">
        <v>3.1760000000000002</v>
      </c>
      <c r="F776" s="8">
        <v>2.3439999999999999</v>
      </c>
      <c r="G776" s="8">
        <v>1.65</v>
      </c>
    </row>
    <row r="777" spans="1:7" x14ac:dyDescent="0.3">
      <c r="A777" s="6">
        <v>45274</v>
      </c>
      <c r="B777" s="8">
        <v>4.0369999999999999</v>
      </c>
      <c r="C777" s="8">
        <v>4.2912999999999997</v>
      </c>
      <c r="D777" s="8">
        <v>2.5379999999999998</v>
      </c>
      <c r="E777" s="8">
        <v>3.1429999999999998</v>
      </c>
      <c r="F777" s="8">
        <v>2.323</v>
      </c>
      <c r="G777" s="8">
        <v>1.6180000000000001</v>
      </c>
    </row>
    <row r="778" spans="1:7" x14ac:dyDescent="0.3">
      <c r="A778" s="6">
        <v>45275</v>
      </c>
      <c r="B778" s="8">
        <v>4.01</v>
      </c>
      <c r="C778" s="8">
        <v>4.157</v>
      </c>
      <c r="D778" s="8">
        <v>2.431</v>
      </c>
      <c r="E778" s="8">
        <v>3.036</v>
      </c>
      <c r="F778" s="8">
        <v>2.2120000000000002</v>
      </c>
      <c r="G778" s="8">
        <v>1.619</v>
      </c>
    </row>
    <row r="779" spans="1:7" x14ac:dyDescent="0.3">
      <c r="A779" s="6">
        <v>45278</v>
      </c>
      <c r="B779" s="8">
        <v>4.0449999999999999</v>
      </c>
      <c r="C779" s="8">
        <v>4.1741000000000001</v>
      </c>
      <c r="D779" s="8">
        <v>2.496</v>
      </c>
      <c r="E779" s="8">
        <v>3.0990000000000002</v>
      </c>
      <c r="F779" s="8">
        <v>2.2749999999999999</v>
      </c>
      <c r="G779" s="8">
        <v>1.605</v>
      </c>
    </row>
    <row r="780" spans="1:7" x14ac:dyDescent="0.3">
      <c r="A780" s="6">
        <v>45279</v>
      </c>
      <c r="B780" s="8">
        <v>4.0389999999999997</v>
      </c>
      <c r="C780" s="8">
        <v>4.1501000000000001</v>
      </c>
      <c r="D780" s="8">
        <v>2.427</v>
      </c>
      <c r="E780" s="8">
        <v>3.012</v>
      </c>
      <c r="F780" s="8">
        <v>2.202</v>
      </c>
      <c r="G780" s="8">
        <v>1.5529999999999999</v>
      </c>
    </row>
    <row r="781" spans="1:7" x14ac:dyDescent="0.3">
      <c r="A781" s="6">
        <v>45280</v>
      </c>
      <c r="B781" s="8">
        <v>3.9860000000000002</v>
      </c>
      <c r="C781" s="8">
        <v>4.0669000000000004</v>
      </c>
      <c r="D781" s="8">
        <v>2.371</v>
      </c>
      <c r="E781" s="8">
        <v>2.9580000000000002</v>
      </c>
      <c r="F781" s="8">
        <v>2.149</v>
      </c>
      <c r="G781" s="8">
        <v>1.488</v>
      </c>
    </row>
    <row r="782" spans="1:7" x14ac:dyDescent="0.3">
      <c r="A782" s="6">
        <v>45281</v>
      </c>
      <c r="B782" s="8">
        <v>4.032</v>
      </c>
      <c r="C782" s="8">
        <v>4.0830000000000002</v>
      </c>
      <c r="D782" s="8">
        <v>2.379</v>
      </c>
      <c r="E782" s="8">
        <v>2.9710000000000001</v>
      </c>
      <c r="F782" s="8">
        <v>2.1669999999999998</v>
      </c>
      <c r="G782" s="8">
        <v>1.5149999999999999</v>
      </c>
    </row>
    <row r="783" spans="1:7" x14ac:dyDescent="0.3">
      <c r="A783" s="6">
        <v>45282</v>
      </c>
      <c r="B783" s="8">
        <v>4.0510000000000002</v>
      </c>
      <c r="C783" s="8">
        <v>4.0667999999999997</v>
      </c>
      <c r="D783" s="8">
        <v>2.4140000000000001</v>
      </c>
      <c r="E783" s="8">
        <v>3.0070000000000001</v>
      </c>
      <c r="F783" s="8">
        <v>2.202</v>
      </c>
      <c r="G783" s="8">
        <v>1.5640000000000001</v>
      </c>
    </row>
    <row r="784" spans="1:7" x14ac:dyDescent="0.3">
      <c r="A784" s="6">
        <v>45285</v>
      </c>
      <c r="B784" s="8">
        <v>4.0510000000000002</v>
      </c>
      <c r="C784" s="8">
        <v>4.0667999999999997</v>
      </c>
      <c r="D784" s="8">
        <v>2.4140000000000001</v>
      </c>
      <c r="E784" s="8">
        <v>3.0070000000000001</v>
      </c>
      <c r="F784" s="8">
        <v>2.202</v>
      </c>
      <c r="G784" s="8">
        <v>1.5840000000000001</v>
      </c>
    </row>
    <row r="785" spans="1:7" x14ac:dyDescent="0.3">
      <c r="A785" s="6">
        <v>45286</v>
      </c>
      <c r="B785" s="8">
        <v>4.0460000000000003</v>
      </c>
      <c r="C785" s="8">
        <v>4.0667999999999997</v>
      </c>
      <c r="D785" s="8">
        <v>2.4140000000000001</v>
      </c>
      <c r="E785" s="8">
        <v>3.0070000000000001</v>
      </c>
      <c r="F785" s="8">
        <v>2.202</v>
      </c>
      <c r="G785" s="8">
        <v>1.593</v>
      </c>
    </row>
    <row r="786" spans="1:7" x14ac:dyDescent="0.3">
      <c r="A786" s="6">
        <v>45287</v>
      </c>
      <c r="B786" s="8">
        <v>3.9540000000000002</v>
      </c>
      <c r="C786" s="8">
        <v>4.0232999999999999</v>
      </c>
      <c r="D786" s="8">
        <v>2.323</v>
      </c>
      <c r="E786" s="8">
        <v>2.927</v>
      </c>
      <c r="F786" s="8">
        <v>2.1150000000000002</v>
      </c>
      <c r="G786" s="8">
        <v>1.5580000000000001</v>
      </c>
    </row>
    <row r="787" spans="1:7" x14ac:dyDescent="0.3">
      <c r="A787" s="6">
        <v>45288</v>
      </c>
      <c r="B787" s="8">
        <v>3.9950000000000001</v>
      </c>
      <c r="C787" s="8">
        <v>4.1125999999999996</v>
      </c>
      <c r="D787" s="8">
        <v>2.383</v>
      </c>
      <c r="E787" s="8">
        <v>3.004</v>
      </c>
      <c r="F787" s="8">
        <v>2.1760000000000002</v>
      </c>
      <c r="G787" s="8">
        <v>1.5780000000000001</v>
      </c>
    </row>
    <row r="788" spans="1:7" x14ac:dyDescent="0.3">
      <c r="A788" s="6">
        <v>45289</v>
      </c>
      <c r="B788" s="8">
        <v>4.0289999999999999</v>
      </c>
      <c r="C788" s="8">
        <v>4.1382000000000003</v>
      </c>
      <c r="D788" s="8">
        <v>2.4670000000000001</v>
      </c>
      <c r="E788" s="8">
        <v>3.0920000000000001</v>
      </c>
      <c r="F788" s="8">
        <v>2.2599999999999998</v>
      </c>
      <c r="G788" s="8">
        <v>1.627</v>
      </c>
    </row>
    <row r="789" spans="1:7" x14ac:dyDescent="0.3">
      <c r="A789" s="6">
        <v>45292</v>
      </c>
      <c r="B789" s="8">
        <v>4.0289999999999999</v>
      </c>
      <c r="C789" s="8">
        <v>4.1382000000000003</v>
      </c>
      <c r="D789" s="8">
        <v>2.4670000000000001</v>
      </c>
      <c r="E789" s="8">
        <v>3.0920000000000001</v>
      </c>
      <c r="F789" s="8">
        <v>2.2599999999999998</v>
      </c>
      <c r="G789" s="8">
        <v>1.627</v>
      </c>
    </row>
    <row r="790" spans="1:7" x14ac:dyDescent="0.3">
      <c r="A790" s="6">
        <v>45293</v>
      </c>
      <c r="B790" s="8">
        <v>4.0720000000000001</v>
      </c>
      <c r="C790" s="8">
        <v>4.2675000000000001</v>
      </c>
      <c r="D790" s="8">
        <v>2.5179999999999998</v>
      </c>
      <c r="E790" s="8">
        <v>3.1459999999999999</v>
      </c>
      <c r="F790" s="8">
        <v>2.3079999999999998</v>
      </c>
      <c r="G790" s="8">
        <v>1.627</v>
      </c>
    </row>
    <row r="791" spans="1:7" x14ac:dyDescent="0.3">
      <c r="A791" s="6">
        <v>45294</v>
      </c>
      <c r="B791" s="8">
        <v>4.0730000000000004</v>
      </c>
      <c r="C791" s="8">
        <v>4.2923</v>
      </c>
      <c r="D791" s="8">
        <v>2.4790000000000001</v>
      </c>
      <c r="E791" s="8">
        <v>3.1150000000000002</v>
      </c>
      <c r="F791" s="8">
        <v>2.274</v>
      </c>
      <c r="G791" s="8">
        <v>1.627</v>
      </c>
    </row>
    <row r="792" spans="1:7" x14ac:dyDescent="0.3">
      <c r="A792" s="6">
        <v>45295</v>
      </c>
      <c r="B792" s="8">
        <v>4.1529999999999996</v>
      </c>
      <c r="C792" s="8">
        <v>4.3602999999999996</v>
      </c>
      <c r="D792" s="8">
        <v>2.5569999999999999</v>
      </c>
      <c r="E792" s="8">
        <v>3.19</v>
      </c>
      <c r="F792" s="8">
        <v>2.3460000000000001</v>
      </c>
      <c r="G792" s="8">
        <v>1.6319999999999999</v>
      </c>
    </row>
    <row r="793" spans="1:7" x14ac:dyDescent="0.3">
      <c r="A793" s="6">
        <v>45296</v>
      </c>
      <c r="B793" s="8">
        <v>4.2030000000000003</v>
      </c>
      <c r="C793" s="8">
        <v>4.3944999999999999</v>
      </c>
      <c r="D793" s="8">
        <v>2.5910000000000002</v>
      </c>
      <c r="E793" s="8">
        <v>3.2120000000000002</v>
      </c>
      <c r="F793" s="8">
        <v>2.3730000000000002</v>
      </c>
      <c r="G793" s="8">
        <v>1.619</v>
      </c>
    </row>
    <row r="794" spans="1:7" x14ac:dyDescent="0.3">
      <c r="A794" s="6">
        <v>45299</v>
      </c>
      <c r="B794" s="8">
        <v>4.1950000000000003</v>
      </c>
      <c r="C794" s="8">
        <v>4.3848000000000003</v>
      </c>
      <c r="D794" s="8">
        <v>2.5859999999999999</v>
      </c>
      <c r="E794" s="8">
        <v>3.1960000000000002</v>
      </c>
      <c r="F794" s="8">
        <v>2.363</v>
      </c>
      <c r="G794" s="8">
        <v>1.619</v>
      </c>
    </row>
    <row r="795" spans="1:7" x14ac:dyDescent="0.3">
      <c r="A795" s="6">
        <v>45300</v>
      </c>
      <c r="B795" s="8">
        <v>4.1870000000000003</v>
      </c>
      <c r="C795" s="8">
        <v>4.3895</v>
      </c>
      <c r="D795" s="8">
        <v>2.6349999999999998</v>
      </c>
      <c r="E795" s="8">
        <v>3.2429999999999999</v>
      </c>
      <c r="F795" s="8">
        <v>2.4129999999999998</v>
      </c>
      <c r="G795" s="8">
        <v>1.6</v>
      </c>
    </row>
    <row r="796" spans="1:7" x14ac:dyDescent="0.3">
      <c r="A796" s="6">
        <v>45301</v>
      </c>
      <c r="B796" s="8">
        <v>4.2050000000000001</v>
      </c>
      <c r="C796" s="8">
        <v>4.4131999999999998</v>
      </c>
      <c r="D796" s="8">
        <v>2.64</v>
      </c>
      <c r="E796" s="8">
        <v>3.2519999999999998</v>
      </c>
      <c r="F796" s="8">
        <v>2.4159999999999999</v>
      </c>
      <c r="G796" s="8">
        <v>1.5840000000000001</v>
      </c>
    </row>
    <row r="797" spans="1:7" x14ac:dyDescent="0.3">
      <c r="A797" s="6">
        <v>45302</v>
      </c>
      <c r="B797" s="8">
        <v>4.173</v>
      </c>
      <c r="C797" s="8">
        <v>4.4378000000000002</v>
      </c>
      <c r="D797" s="8">
        <v>2.6429999999999998</v>
      </c>
      <c r="E797" s="8">
        <v>3.254</v>
      </c>
      <c r="F797" s="8">
        <v>2.4239999999999999</v>
      </c>
      <c r="G797" s="8">
        <v>1.5720000000000001</v>
      </c>
    </row>
    <row r="798" spans="1:7" x14ac:dyDescent="0.3">
      <c r="A798" s="6">
        <v>45303</v>
      </c>
      <c r="B798" s="8">
        <v>4.1769999999999996</v>
      </c>
      <c r="C798" s="8">
        <v>4.4214000000000002</v>
      </c>
      <c r="D798" s="8">
        <v>2.6059999999999999</v>
      </c>
      <c r="E798" s="8">
        <v>3.2240000000000002</v>
      </c>
      <c r="F798" s="8">
        <v>2.3919999999999999</v>
      </c>
      <c r="G798" s="8">
        <v>1.569</v>
      </c>
    </row>
    <row r="799" spans="1:7" x14ac:dyDescent="0.3">
      <c r="A799" s="6">
        <v>45306</v>
      </c>
      <c r="B799" s="8">
        <v>4.1769999999999996</v>
      </c>
      <c r="C799" s="8">
        <v>4.4493</v>
      </c>
      <c r="D799" s="8">
        <v>2.6459999999999999</v>
      </c>
      <c r="E799" s="8">
        <v>3.2690000000000001</v>
      </c>
      <c r="F799" s="8">
        <v>2.431</v>
      </c>
      <c r="G799" s="8">
        <v>1.587</v>
      </c>
    </row>
    <row r="800" spans="1:7" x14ac:dyDescent="0.3">
      <c r="A800" s="6">
        <v>45307</v>
      </c>
      <c r="B800" s="8">
        <v>4.2969999999999997</v>
      </c>
      <c r="C800" s="8">
        <v>4.4839000000000002</v>
      </c>
      <c r="D800" s="8">
        <v>2.6739999999999999</v>
      </c>
      <c r="E800" s="8">
        <v>3.2879999999999998</v>
      </c>
      <c r="F800" s="8">
        <v>2.4620000000000002</v>
      </c>
      <c r="G800" s="8">
        <v>1.589</v>
      </c>
    </row>
    <row r="801" spans="1:7" x14ac:dyDescent="0.3">
      <c r="A801" s="6">
        <v>45308</v>
      </c>
      <c r="B801" s="8">
        <v>4.3129999999999997</v>
      </c>
      <c r="C801" s="8">
        <v>4.6379000000000001</v>
      </c>
      <c r="D801" s="8">
        <v>2.6819999999999999</v>
      </c>
      <c r="E801" s="8">
        <v>3.3</v>
      </c>
      <c r="F801" s="8">
        <v>2.4660000000000002</v>
      </c>
      <c r="G801" s="8">
        <v>1.6160000000000001</v>
      </c>
    </row>
    <row r="802" spans="1:7" x14ac:dyDescent="0.3">
      <c r="A802" s="6">
        <v>45309</v>
      </c>
      <c r="B802" s="8">
        <v>4.3659999999999997</v>
      </c>
      <c r="C802" s="8">
        <v>4.5911</v>
      </c>
      <c r="D802" s="8">
        <v>2.7280000000000002</v>
      </c>
      <c r="E802" s="8">
        <v>3.3479999999999999</v>
      </c>
      <c r="F802" s="8">
        <v>2.5150000000000001</v>
      </c>
      <c r="G802" s="8">
        <v>1.7110000000000001</v>
      </c>
    </row>
    <row r="803" spans="1:7" x14ac:dyDescent="0.3">
      <c r="A803" s="6">
        <v>45310</v>
      </c>
      <c r="B803" s="8">
        <v>4.33</v>
      </c>
      <c r="C803" s="8">
        <v>4.5633999999999997</v>
      </c>
      <c r="D803" s="8">
        <v>2.702</v>
      </c>
      <c r="E803" s="8">
        <v>3.3130000000000002</v>
      </c>
      <c r="F803" s="8">
        <v>2.4889999999999999</v>
      </c>
      <c r="G803" s="8">
        <v>1.7490000000000001</v>
      </c>
    </row>
    <row r="804" spans="1:7" x14ac:dyDescent="0.3">
      <c r="A804" s="6">
        <v>45313</v>
      </c>
      <c r="B804" s="8">
        <v>4.32</v>
      </c>
      <c r="C804" s="8">
        <v>4.5282</v>
      </c>
      <c r="D804" s="8">
        <v>2.67</v>
      </c>
      <c r="E804" s="8">
        <v>3.2810000000000001</v>
      </c>
      <c r="F804" s="8">
        <v>2.456</v>
      </c>
      <c r="G804" s="8">
        <v>1.768</v>
      </c>
    </row>
    <row r="805" spans="1:7" x14ac:dyDescent="0.3">
      <c r="A805" s="6">
        <v>45314</v>
      </c>
      <c r="B805" s="8">
        <v>4.3639999999999999</v>
      </c>
      <c r="C805" s="8">
        <v>4.5810000000000004</v>
      </c>
      <c r="D805" s="8">
        <v>2.7519999999999998</v>
      </c>
      <c r="E805" s="8">
        <v>3.3639999999999999</v>
      </c>
      <c r="F805" s="8">
        <v>2.5350000000000001</v>
      </c>
      <c r="G805" s="8">
        <v>1.7549999999999999</v>
      </c>
    </row>
    <row r="806" spans="1:7" x14ac:dyDescent="0.3">
      <c r="A806" s="6">
        <v>45315</v>
      </c>
      <c r="B806" s="8">
        <v>4.4089999999999998</v>
      </c>
      <c r="C806" s="8">
        <v>4.6052999999999997</v>
      </c>
      <c r="D806" s="8">
        <v>2.7370000000000001</v>
      </c>
      <c r="E806" s="8">
        <v>3.3559999999999999</v>
      </c>
      <c r="F806" s="8">
        <v>2.52</v>
      </c>
      <c r="G806" s="8">
        <v>1.784</v>
      </c>
    </row>
    <row r="807" spans="1:7" x14ac:dyDescent="0.3">
      <c r="A807" s="6">
        <v>45316</v>
      </c>
      <c r="B807" s="8">
        <v>4.3710000000000004</v>
      </c>
      <c r="C807" s="8">
        <v>4.5922000000000001</v>
      </c>
      <c r="D807" s="8">
        <v>2.7069999999999999</v>
      </c>
      <c r="E807" s="8">
        <v>3.319</v>
      </c>
      <c r="F807" s="8">
        <v>2.496</v>
      </c>
      <c r="G807" s="8">
        <v>1.825</v>
      </c>
    </row>
    <row r="808" spans="1:7" x14ac:dyDescent="0.3">
      <c r="A808" s="6">
        <v>45317</v>
      </c>
      <c r="B808" s="8">
        <v>4.37</v>
      </c>
      <c r="C808" s="8">
        <v>4.5865</v>
      </c>
      <c r="D808" s="8">
        <v>2.714</v>
      </c>
      <c r="E808" s="8">
        <v>3.335</v>
      </c>
      <c r="F808" s="8">
        <v>2.5110000000000001</v>
      </c>
      <c r="G808" s="8">
        <v>1.8120000000000001</v>
      </c>
    </row>
    <row r="809" spans="1:7" x14ac:dyDescent="0.3">
      <c r="A809" s="6">
        <v>45320</v>
      </c>
      <c r="B809" s="8">
        <v>4.3140000000000001</v>
      </c>
      <c r="C809" s="8">
        <v>4.5044000000000004</v>
      </c>
      <c r="D809" s="8">
        <v>2.6749999999999998</v>
      </c>
      <c r="E809" s="8">
        <v>3.29</v>
      </c>
      <c r="F809" s="8">
        <v>2.4689999999999999</v>
      </c>
      <c r="G809" s="8">
        <v>1.8280000000000001</v>
      </c>
    </row>
    <row r="810" spans="1:7" x14ac:dyDescent="0.3">
      <c r="A810" s="6">
        <v>45321</v>
      </c>
      <c r="B810" s="8">
        <v>4.2510000000000003</v>
      </c>
      <c r="C810" s="8">
        <v>4.5288000000000004</v>
      </c>
      <c r="D810" s="8">
        <v>2.702</v>
      </c>
      <c r="E810" s="8">
        <v>3.3220000000000001</v>
      </c>
      <c r="F810" s="8">
        <v>2.4940000000000002</v>
      </c>
      <c r="G810" s="8">
        <v>1.8120000000000001</v>
      </c>
    </row>
    <row r="811" spans="1:7" x14ac:dyDescent="0.3">
      <c r="A811" s="6">
        <v>45322</v>
      </c>
      <c r="B811" s="8">
        <v>4.1680000000000001</v>
      </c>
      <c r="C811" s="8">
        <v>4.4543999999999997</v>
      </c>
      <c r="D811" s="8">
        <v>2.6110000000000002</v>
      </c>
      <c r="E811" s="8">
        <v>3.2389999999999999</v>
      </c>
      <c r="F811" s="8">
        <v>2.4020000000000001</v>
      </c>
      <c r="G811" s="8">
        <v>1.8220000000000001</v>
      </c>
    </row>
    <row r="812" spans="1:7" x14ac:dyDescent="0.3">
      <c r="A812" s="6">
        <v>45323</v>
      </c>
      <c r="B812" s="8">
        <v>4.1189999999999998</v>
      </c>
      <c r="C812" s="8">
        <v>4.4126000000000003</v>
      </c>
      <c r="D812" s="8">
        <v>2.5779999999999998</v>
      </c>
      <c r="E812" s="8">
        <v>3.2229999999999999</v>
      </c>
      <c r="F812" s="8">
        <v>2.3690000000000002</v>
      </c>
      <c r="G812" s="8">
        <v>1.788</v>
      </c>
    </row>
    <row r="813" spans="1:7" x14ac:dyDescent="0.3">
      <c r="A813" s="6">
        <v>45324</v>
      </c>
      <c r="B813" s="8">
        <v>4.2220000000000004</v>
      </c>
      <c r="C813" s="8">
        <v>4.5494000000000003</v>
      </c>
      <c r="D813" s="8">
        <v>2.6469999999999998</v>
      </c>
      <c r="E813" s="8">
        <v>3.2879999999999998</v>
      </c>
      <c r="F813" s="8">
        <v>2.4369999999999998</v>
      </c>
      <c r="G813" s="8">
        <v>1.75</v>
      </c>
    </row>
    <row r="814" spans="1:7" x14ac:dyDescent="0.3">
      <c r="A814" s="6">
        <v>45327</v>
      </c>
      <c r="B814" s="8">
        <v>4.3380000000000001</v>
      </c>
      <c r="C814" s="8">
        <v>4.6150000000000002</v>
      </c>
      <c r="D814" s="8">
        <v>2.7309999999999999</v>
      </c>
      <c r="E814" s="8">
        <v>3.3580000000000001</v>
      </c>
      <c r="F814" s="8">
        <v>2.5179999999999998</v>
      </c>
      <c r="G814" s="8">
        <v>1.7829999999999999</v>
      </c>
    </row>
    <row r="815" spans="1:7" x14ac:dyDescent="0.3">
      <c r="A815" s="6">
        <v>45328</v>
      </c>
      <c r="B815" s="8">
        <v>4.3010000000000002</v>
      </c>
      <c r="C815" s="8">
        <v>4.5492999999999997</v>
      </c>
      <c r="D815" s="8">
        <v>2.7170000000000001</v>
      </c>
      <c r="E815" s="8">
        <v>3.3570000000000002</v>
      </c>
      <c r="F815" s="8">
        <v>2.508</v>
      </c>
      <c r="G815" s="8">
        <v>1.7849999999999999</v>
      </c>
    </row>
    <row r="816" spans="1:7" x14ac:dyDescent="0.3">
      <c r="A816" s="6">
        <v>45329</v>
      </c>
      <c r="B816" s="8">
        <v>4.3259999999999996</v>
      </c>
      <c r="C816" s="8">
        <v>4.5682</v>
      </c>
      <c r="D816" s="8">
        <v>2.7519999999999998</v>
      </c>
      <c r="E816" s="8">
        <v>3.3940000000000001</v>
      </c>
      <c r="F816" s="8">
        <v>2.5379999999999998</v>
      </c>
      <c r="G816" s="8">
        <v>1.772</v>
      </c>
    </row>
    <row r="817" spans="1:7" x14ac:dyDescent="0.3">
      <c r="A817" s="6">
        <v>45330</v>
      </c>
      <c r="B817" s="8">
        <v>4.3540000000000001</v>
      </c>
      <c r="C817" s="8">
        <v>4.6067</v>
      </c>
      <c r="D817" s="8">
        <v>2.7850000000000001</v>
      </c>
      <c r="E817" s="8">
        <v>3.4180000000000001</v>
      </c>
      <c r="F817" s="8">
        <v>2.5649999999999999</v>
      </c>
      <c r="G817" s="8">
        <v>1.768</v>
      </c>
    </row>
    <row r="818" spans="1:7" x14ac:dyDescent="0.3">
      <c r="A818" s="6">
        <v>45331</v>
      </c>
      <c r="B818" s="8">
        <v>4.3730000000000002</v>
      </c>
      <c r="C818" s="8">
        <v>4.6104000000000003</v>
      </c>
      <c r="D818" s="8">
        <v>2.7869999999999999</v>
      </c>
      <c r="E818" s="8">
        <v>3.4159999999999999</v>
      </c>
      <c r="F818" s="8">
        <v>2.5659999999999998</v>
      </c>
      <c r="G818" s="8">
        <v>1.788</v>
      </c>
    </row>
    <row r="819" spans="1:7" x14ac:dyDescent="0.3">
      <c r="A819" s="6">
        <v>45334</v>
      </c>
      <c r="B819" s="8">
        <v>4.3810000000000002</v>
      </c>
      <c r="C819" s="8">
        <v>4.5830000000000002</v>
      </c>
      <c r="D819" s="8">
        <v>2.7749999999999999</v>
      </c>
      <c r="E819" s="8">
        <v>3.3860000000000001</v>
      </c>
      <c r="F819" s="8">
        <v>2.556</v>
      </c>
      <c r="G819" s="8">
        <v>1.788</v>
      </c>
    </row>
    <row r="820" spans="1:7" x14ac:dyDescent="0.3">
      <c r="A820" s="6">
        <v>45335</v>
      </c>
      <c r="B820" s="8">
        <v>4.4630000000000001</v>
      </c>
      <c r="C820" s="8">
        <v>4.6497000000000002</v>
      </c>
      <c r="D820" s="8">
        <v>2.7690000000000001</v>
      </c>
      <c r="E820" s="8">
        <v>3.375</v>
      </c>
      <c r="F820" s="8">
        <v>2.556</v>
      </c>
      <c r="G820" s="8">
        <v>1.786</v>
      </c>
    </row>
    <row r="821" spans="1:7" x14ac:dyDescent="0.3">
      <c r="A821" s="6">
        <v>45336</v>
      </c>
      <c r="B821" s="8">
        <v>4.4359999999999999</v>
      </c>
      <c r="C821" s="8">
        <v>4.5774999999999997</v>
      </c>
      <c r="D821" s="8">
        <v>2.7109999999999999</v>
      </c>
      <c r="E821" s="8">
        <v>3.3130000000000002</v>
      </c>
      <c r="F821" s="8">
        <v>2.5070000000000001</v>
      </c>
      <c r="G821" s="8">
        <v>1.802</v>
      </c>
    </row>
    <row r="822" spans="1:7" x14ac:dyDescent="0.3">
      <c r="A822" s="6">
        <v>45337</v>
      </c>
      <c r="B822" s="8">
        <v>4.4109999999999996</v>
      </c>
      <c r="C822" s="8">
        <v>4.6020000000000003</v>
      </c>
      <c r="D822" s="8">
        <v>2.7309999999999999</v>
      </c>
      <c r="E822" s="8">
        <v>3.3279999999999998</v>
      </c>
      <c r="F822" s="8">
        <v>2.5289999999999999</v>
      </c>
      <c r="G822" s="8">
        <v>1.798</v>
      </c>
    </row>
    <row r="823" spans="1:7" x14ac:dyDescent="0.3">
      <c r="A823" s="6">
        <v>45338</v>
      </c>
      <c r="B823" s="8">
        <v>4.4370000000000003</v>
      </c>
      <c r="C823" s="8">
        <v>4.6478000000000002</v>
      </c>
      <c r="D823" s="8">
        <v>2.7330000000000001</v>
      </c>
      <c r="E823" s="8">
        <v>3.331</v>
      </c>
      <c r="F823" s="8">
        <v>2.5419999999999998</v>
      </c>
      <c r="G823" s="8">
        <v>1.7869999999999999</v>
      </c>
    </row>
    <row r="824" spans="1:7" x14ac:dyDescent="0.3">
      <c r="A824" s="6">
        <v>45341</v>
      </c>
      <c r="B824" s="8">
        <v>4.4370000000000003</v>
      </c>
      <c r="C824" s="8">
        <v>4.6421999999999999</v>
      </c>
      <c r="D824" s="8">
        <v>2.7549999999999999</v>
      </c>
      <c r="E824" s="8">
        <v>3.3660000000000001</v>
      </c>
      <c r="F824" s="8">
        <v>2.5659999999999998</v>
      </c>
      <c r="G824" s="8">
        <v>1.776</v>
      </c>
    </row>
    <row r="825" spans="1:7" x14ac:dyDescent="0.3">
      <c r="A825" s="6">
        <v>45342</v>
      </c>
      <c r="B825" s="8">
        <v>4.45</v>
      </c>
      <c r="C825" s="8">
        <v>4.5900999999999996</v>
      </c>
      <c r="D825" s="8">
        <v>2.7229999999999999</v>
      </c>
      <c r="E825" s="8">
        <v>3.33</v>
      </c>
      <c r="F825" s="8">
        <v>2.5329999999999999</v>
      </c>
      <c r="G825" s="8">
        <v>1.744</v>
      </c>
    </row>
    <row r="826" spans="1:7" x14ac:dyDescent="0.3">
      <c r="A826" s="6">
        <v>45343</v>
      </c>
      <c r="B826" s="8">
        <v>4.4790000000000001</v>
      </c>
      <c r="C826" s="8">
        <v>4.6337000000000002</v>
      </c>
      <c r="D826" s="8">
        <v>2.786</v>
      </c>
      <c r="E826" s="8">
        <v>3.395</v>
      </c>
      <c r="F826" s="8">
        <v>2.589</v>
      </c>
      <c r="G826" s="8">
        <v>1.7250000000000001</v>
      </c>
    </row>
    <row r="827" spans="1:7" x14ac:dyDescent="0.3">
      <c r="A827" s="6">
        <v>45344</v>
      </c>
      <c r="B827" s="8">
        <v>4.4569999999999999</v>
      </c>
      <c r="C827" s="8">
        <v>4.6280000000000001</v>
      </c>
      <c r="D827" s="8">
        <v>2.7559999999999998</v>
      </c>
      <c r="E827" s="8">
        <v>3.347</v>
      </c>
      <c r="F827" s="8">
        <v>2.5550000000000002</v>
      </c>
      <c r="G827" s="8">
        <v>1.7150000000000001</v>
      </c>
    </row>
    <row r="828" spans="1:7" x14ac:dyDescent="0.3">
      <c r="A828" s="6">
        <v>45345</v>
      </c>
      <c r="B828" s="8">
        <v>4.3710000000000004</v>
      </c>
      <c r="C828" s="8">
        <v>4.5837000000000003</v>
      </c>
      <c r="D828" s="8">
        <v>2.694</v>
      </c>
      <c r="E828" s="8">
        <v>3.2789999999999999</v>
      </c>
      <c r="F828" s="8">
        <v>2.492</v>
      </c>
      <c r="G828" s="8">
        <v>1.7150000000000001</v>
      </c>
    </row>
    <row r="829" spans="1:7" x14ac:dyDescent="0.3">
      <c r="A829" s="6">
        <v>45348</v>
      </c>
      <c r="B829" s="8">
        <v>4.3959999999999999</v>
      </c>
      <c r="C829" s="8">
        <v>4.6346999999999996</v>
      </c>
      <c r="D829" s="8">
        <v>2.77</v>
      </c>
      <c r="E829" s="8">
        <v>3.3610000000000002</v>
      </c>
      <c r="F829" s="8">
        <v>2.573</v>
      </c>
      <c r="G829" s="8">
        <v>1.6819999999999999</v>
      </c>
    </row>
    <row r="830" spans="1:7" x14ac:dyDescent="0.3">
      <c r="A830" s="6">
        <v>45349</v>
      </c>
      <c r="B830" s="8">
        <v>4.4269999999999996</v>
      </c>
      <c r="C830" s="8">
        <v>4.6563999999999997</v>
      </c>
      <c r="D830" s="8">
        <v>2.806</v>
      </c>
      <c r="E830" s="8">
        <v>3.4009999999999998</v>
      </c>
      <c r="F830" s="8">
        <v>2.6059999999999999</v>
      </c>
      <c r="G830" s="8">
        <v>1.6879999999999999</v>
      </c>
    </row>
    <row r="831" spans="1:7" x14ac:dyDescent="0.3">
      <c r="A831" s="6">
        <v>45350</v>
      </c>
      <c r="B831" s="8">
        <v>4.4059999999999997</v>
      </c>
      <c r="C831" s="8">
        <v>4.6440999999999999</v>
      </c>
      <c r="D831" s="8">
        <v>2.798</v>
      </c>
      <c r="E831" s="8">
        <v>3.3809999999999998</v>
      </c>
      <c r="F831" s="8">
        <v>2.5880000000000001</v>
      </c>
      <c r="G831" s="8">
        <v>1.7150000000000001</v>
      </c>
    </row>
    <row r="832" spans="1:7" x14ac:dyDescent="0.3">
      <c r="A832" s="6">
        <v>45351</v>
      </c>
      <c r="B832" s="8">
        <v>4.38</v>
      </c>
      <c r="C832" s="8">
        <v>4.5637999999999996</v>
      </c>
      <c r="D832" s="8">
        <v>2.7410000000000001</v>
      </c>
      <c r="E832" s="8">
        <v>3.3330000000000002</v>
      </c>
      <c r="F832" s="8">
        <v>2.5369999999999999</v>
      </c>
      <c r="G832" s="8">
        <v>1.7410000000000001</v>
      </c>
    </row>
    <row r="833" spans="1:7" x14ac:dyDescent="0.3">
      <c r="A833" s="6">
        <v>45352</v>
      </c>
      <c r="B833" s="8">
        <v>4.3280000000000003</v>
      </c>
      <c r="C833" s="8">
        <v>4.5442</v>
      </c>
      <c r="D833" s="8">
        <v>2.7519999999999998</v>
      </c>
      <c r="E833" s="8">
        <v>3.355</v>
      </c>
      <c r="F833" s="8">
        <v>2.548</v>
      </c>
      <c r="G833" s="8">
        <v>1.738</v>
      </c>
    </row>
    <row r="834" spans="1:7" x14ac:dyDescent="0.3">
      <c r="A834" s="6">
        <v>45355</v>
      </c>
      <c r="B834" s="8">
        <v>4.3540000000000001</v>
      </c>
      <c r="C834" s="8">
        <v>4.5389999999999997</v>
      </c>
      <c r="D834" s="8">
        <v>2.734</v>
      </c>
      <c r="E834" s="8">
        <v>3.319</v>
      </c>
      <c r="F834" s="8">
        <v>2.5369999999999999</v>
      </c>
      <c r="G834" s="8">
        <v>1.752</v>
      </c>
    </row>
    <row r="835" spans="1:7" x14ac:dyDescent="0.3">
      <c r="A835" s="6">
        <v>45356</v>
      </c>
      <c r="B835" s="8">
        <v>4.2930000000000001</v>
      </c>
      <c r="C835" s="8">
        <v>4.4474999999999998</v>
      </c>
      <c r="D835" s="8">
        <v>2.6560000000000001</v>
      </c>
      <c r="E835" s="8">
        <v>3.2410000000000001</v>
      </c>
      <c r="F835" s="8">
        <v>2.4590000000000001</v>
      </c>
      <c r="G835" s="8">
        <v>1.7589999999999999</v>
      </c>
    </row>
    <row r="836" spans="1:7" x14ac:dyDescent="0.3">
      <c r="A836" s="6">
        <v>45357</v>
      </c>
      <c r="B836" s="8">
        <v>4.2409999999999997</v>
      </c>
      <c r="C836" s="8">
        <v>4.4249999999999998</v>
      </c>
      <c r="D836" s="8">
        <v>2.6560000000000001</v>
      </c>
      <c r="E836" s="8">
        <v>3.2290000000000001</v>
      </c>
      <c r="F836" s="8">
        <v>2.4609999999999999</v>
      </c>
      <c r="G836" s="8">
        <v>1.756</v>
      </c>
    </row>
    <row r="837" spans="1:7" x14ac:dyDescent="0.3">
      <c r="A837" s="6">
        <v>45358</v>
      </c>
      <c r="B837" s="8">
        <v>4.2439999999999998</v>
      </c>
      <c r="C837" s="8">
        <v>4.3994</v>
      </c>
      <c r="D837" s="8">
        <v>2.6379999999999999</v>
      </c>
      <c r="E837" s="8">
        <v>3.2130000000000001</v>
      </c>
      <c r="F837" s="8">
        <v>2.4489999999999998</v>
      </c>
      <c r="G837" s="8">
        <v>1.7589999999999999</v>
      </c>
    </row>
    <row r="838" spans="1:7" x14ac:dyDescent="0.3">
      <c r="A838" s="6">
        <v>45359</v>
      </c>
      <c r="B838" s="8">
        <v>4.2539999999999996</v>
      </c>
      <c r="C838" s="8">
        <v>4.4027000000000003</v>
      </c>
      <c r="D838" s="8">
        <v>2.62</v>
      </c>
      <c r="E838" s="8">
        <v>3.2029999999999998</v>
      </c>
      <c r="F838" s="8">
        <v>2.4300000000000002</v>
      </c>
      <c r="G838" s="8">
        <v>1.78</v>
      </c>
    </row>
    <row r="839" spans="1:7" x14ac:dyDescent="0.3">
      <c r="A839" s="6">
        <v>45362</v>
      </c>
      <c r="B839" s="8">
        <v>4.2610000000000001</v>
      </c>
      <c r="C839" s="8">
        <v>4.4081999999999999</v>
      </c>
      <c r="D839" s="8">
        <v>2.649</v>
      </c>
      <c r="E839" s="8">
        <v>3.2320000000000002</v>
      </c>
      <c r="F839" s="8">
        <v>2.456</v>
      </c>
      <c r="G839" s="8">
        <v>1.81</v>
      </c>
    </row>
    <row r="840" spans="1:7" x14ac:dyDescent="0.3">
      <c r="A840" s="6">
        <v>45363</v>
      </c>
      <c r="B840" s="8">
        <v>4.3129999999999997</v>
      </c>
      <c r="C840" s="8">
        <v>4.4008000000000003</v>
      </c>
      <c r="D840" s="8">
        <v>2.6549999999999998</v>
      </c>
      <c r="E840" s="8">
        <v>3.2349999999999999</v>
      </c>
      <c r="F840" s="8">
        <v>2.4710000000000001</v>
      </c>
      <c r="G840" s="8">
        <v>1.8169999999999999</v>
      </c>
    </row>
    <row r="841" spans="1:7" x14ac:dyDescent="0.3">
      <c r="A841" s="6">
        <v>45364</v>
      </c>
      <c r="B841" s="8">
        <v>4.3410000000000002</v>
      </c>
      <c r="C841" s="8">
        <v>4.4660000000000002</v>
      </c>
      <c r="D841" s="8">
        <v>2.6960000000000002</v>
      </c>
      <c r="E841" s="8">
        <v>3.266</v>
      </c>
      <c r="F841" s="8">
        <v>2.5209999999999999</v>
      </c>
      <c r="G841" s="8">
        <v>1.8120000000000001</v>
      </c>
    </row>
    <row r="842" spans="1:7" x14ac:dyDescent="0.3">
      <c r="A842" s="6">
        <v>45365</v>
      </c>
      <c r="B842" s="8">
        <v>4.4340000000000002</v>
      </c>
      <c r="C842" s="8">
        <v>4.5259999999999998</v>
      </c>
      <c r="D842" s="8">
        <v>2.7469999999999999</v>
      </c>
      <c r="E842" s="8">
        <v>3.3279999999999998</v>
      </c>
      <c r="F842" s="8">
        <v>2.573</v>
      </c>
      <c r="G842" s="8">
        <v>1.829</v>
      </c>
    </row>
    <row r="843" spans="1:7" x14ac:dyDescent="0.3">
      <c r="A843" s="6">
        <v>45366</v>
      </c>
      <c r="B843" s="8">
        <v>4.43</v>
      </c>
      <c r="C843" s="8">
        <v>4.5284000000000004</v>
      </c>
      <c r="D843" s="8">
        <v>2.7469999999999999</v>
      </c>
      <c r="E843" s="8">
        <v>3.3210000000000002</v>
      </c>
      <c r="F843" s="8">
        <v>2.5779999999999998</v>
      </c>
      <c r="G843" s="8">
        <v>1.84</v>
      </c>
    </row>
    <row r="844" spans="1:7" x14ac:dyDescent="0.3">
      <c r="A844" s="6">
        <v>45369</v>
      </c>
      <c r="B844" s="8">
        <v>4.4489999999999998</v>
      </c>
      <c r="C844" s="8">
        <v>4.5157999999999996</v>
      </c>
      <c r="D844" s="8">
        <v>2.7639999999999998</v>
      </c>
      <c r="E844" s="8">
        <v>3.3359999999999999</v>
      </c>
      <c r="F844" s="8">
        <v>2.5990000000000002</v>
      </c>
      <c r="G844" s="8">
        <v>1.8109999999999999</v>
      </c>
    </row>
    <row r="845" spans="1:7" x14ac:dyDescent="0.3">
      <c r="A845" s="6">
        <v>45370</v>
      </c>
      <c r="B845" s="8">
        <v>4.4420000000000002</v>
      </c>
      <c r="C845" s="8">
        <v>4.5114999999999998</v>
      </c>
      <c r="D845" s="8">
        <v>2.7759999999999998</v>
      </c>
      <c r="E845" s="8">
        <v>3.347</v>
      </c>
      <c r="F845" s="8">
        <v>2.609</v>
      </c>
      <c r="G845" s="8">
        <v>1.804</v>
      </c>
    </row>
    <row r="846" spans="1:7" x14ac:dyDescent="0.3">
      <c r="A846" s="6">
        <v>45371</v>
      </c>
      <c r="B846" s="8">
        <v>4.4539999999999997</v>
      </c>
      <c r="C846" s="8">
        <v>4.4760999999999997</v>
      </c>
      <c r="D846" s="8">
        <v>2.762</v>
      </c>
      <c r="E846" s="8">
        <v>3.331</v>
      </c>
      <c r="F846" s="8">
        <v>2.5859999999999999</v>
      </c>
      <c r="G846" s="8">
        <v>1.804</v>
      </c>
    </row>
    <row r="847" spans="1:7" x14ac:dyDescent="0.3">
      <c r="A847" s="6">
        <v>45372</v>
      </c>
      <c r="B847" s="8">
        <v>4.4359999999999999</v>
      </c>
      <c r="C847" s="8">
        <v>4.4916</v>
      </c>
      <c r="D847" s="8">
        <v>2.7559999999999998</v>
      </c>
      <c r="E847" s="8">
        <v>3.3250000000000002</v>
      </c>
      <c r="F847" s="8">
        <v>2.577</v>
      </c>
      <c r="G847" s="8">
        <v>1.8009999999999999</v>
      </c>
    </row>
    <row r="848" spans="1:7" x14ac:dyDescent="0.3">
      <c r="A848" s="6">
        <v>45373</v>
      </c>
      <c r="B848" s="8">
        <v>4.3789999999999996</v>
      </c>
      <c r="C848" s="8">
        <v>4.4448999999999996</v>
      </c>
      <c r="D848" s="8">
        <v>2.6859999999999999</v>
      </c>
      <c r="E848" s="8">
        <v>3.27</v>
      </c>
      <c r="F848" s="8">
        <v>2.492</v>
      </c>
      <c r="G848" s="8">
        <v>1.7989999999999999</v>
      </c>
    </row>
    <row r="849" spans="1:7" x14ac:dyDescent="0.3">
      <c r="A849" s="6">
        <v>45376</v>
      </c>
      <c r="B849" s="8">
        <v>4.4160000000000004</v>
      </c>
      <c r="C849" s="8">
        <v>4.4831000000000003</v>
      </c>
      <c r="D849" s="8">
        <v>2.7210000000000001</v>
      </c>
      <c r="E849" s="8">
        <v>3.3079999999999998</v>
      </c>
      <c r="F849" s="8">
        <v>2.524</v>
      </c>
      <c r="G849" s="8">
        <v>1.81</v>
      </c>
    </row>
    <row r="850" spans="1:7" x14ac:dyDescent="0.3">
      <c r="A850" s="6">
        <v>45377</v>
      </c>
      <c r="B850" s="8">
        <v>4.399</v>
      </c>
      <c r="C850" s="8">
        <v>4.4549000000000003</v>
      </c>
      <c r="D850" s="8">
        <v>2.7</v>
      </c>
      <c r="E850" s="8">
        <v>3.2959999999999998</v>
      </c>
      <c r="F850" s="8">
        <v>2.5059999999999998</v>
      </c>
      <c r="G850" s="8">
        <v>1.8120000000000001</v>
      </c>
    </row>
    <row r="851" spans="1:7" x14ac:dyDescent="0.3">
      <c r="A851" s="6">
        <v>45378</v>
      </c>
      <c r="B851" s="8">
        <v>4.351</v>
      </c>
      <c r="C851" s="8">
        <v>4.4211</v>
      </c>
      <c r="D851" s="8">
        <v>2.6480000000000001</v>
      </c>
      <c r="E851" s="8">
        <v>3.2639999999999998</v>
      </c>
      <c r="F851" s="8">
        <v>2.4540000000000002</v>
      </c>
      <c r="G851" s="8">
        <v>1.788</v>
      </c>
    </row>
    <row r="852" spans="1:7" x14ac:dyDescent="0.3">
      <c r="A852" s="6">
        <v>45379</v>
      </c>
      <c r="B852" s="8">
        <v>4.3440000000000003</v>
      </c>
      <c r="C852" s="8">
        <v>4.4223999999999997</v>
      </c>
      <c r="D852" s="8">
        <v>2.645</v>
      </c>
      <c r="E852" s="8">
        <v>3.282</v>
      </c>
      <c r="F852" s="8">
        <v>2.4550000000000001</v>
      </c>
      <c r="G852" s="8">
        <v>1.768</v>
      </c>
    </row>
    <row r="853" spans="1:7" x14ac:dyDescent="0.3">
      <c r="A853" s="6">
        <v>45380</v>
      </c>
      <c r="B853" s="8">
        <v>4.3440000000000003</v>
      </c>
      <c r="C853" s="8">
        <v>4.4223999999999997</v>
      </c>
      <c r="D853" s="8">
        <v>2.645</v>
      </c>
      <c r="E853" s="8">
        <v>3.282</v>
      </c>
      <c r="F853" s="8">
        <v>2.4550000000000001</v>
      </c>
      <c r="G853" s="8">
        <v>1.8129999999999999</v>
      </c>
    </row>
    <row r="854" spans="1:7" x14ac:dyDescent="0.3">
      <c r="A854" s="6">
        <v>45383</v>
      </c>
      <c r="B854" s="8">
        <v>4.4489999999999998</v>
      </c>
      <c r="C854" s="8">
        <v>4.4223999999999997</v>
      </c>
      <c r="D854" s="8">
        <v>2.645</v>
      </c>
      <c r="E854" s="8">
        <v>3.282</v>
      </c>
      <c r="F854" s="8">
        <v>2.4550000000000001</v>
      </c>
      <c r="G854" s="8">
        <v>1.823</v>
      </c>
    </row>
    <row r="855" spans="1:7" x14ac:dyDescent="0.3">
      <c r="A855" s="6">
        <v>45384</v>
      </c>
      <c r="B855" s="8">
        <v>4.4960000000000004</v>
      </c>
      <c r="C855" s="8">
        <v>4.5731000000000002</v>
      </c>
      <c r="D855" s="8">
        <v>2.7679999999999998</v>
      </c>
      <c r="E855" s="8">
        <v>3.4209999999999998</v>
      </c>
      <c r="F855" s="8">
        <v>2.5779999999999998</v>
      </c>
      <c r="G855" s="8">
        <v>1.8480000000000001</v>
      </c>
    </row>
    <row r="856" spans="1:7" x14ac:dyDescent="0.3">
      <c r="A856" s="6">
        <v>45385</v>
      </c>
      <c r="B856" s="8">
        <v>4.508</v>
      </c>
      <c r="C856" s="8">
        <v>4.5590999999999999</v>
      </c>
      <c r="D856" s="8">
        <v>2.7669999999999999</v>
      </c>
      <c r="E856" s="8">
        <v>3.3969999999999998</v>
      </c>
      <c r="F856" s="8">
        <v>2.5680000000000001</v>
      </c>
      <c r="G856" s="8">
        <v>1.8440000000000001</v>
      </c>
    </row>
    <row r="857" spans="1:7" x14ac:dyDescent="0.3">
      <c r="A857" s="6">
        <v>45386</v>
      </c>
      <c r="B857" s="8">
        <v>4.4770000000000003</v>
      </c>
      <c r="C857" s="8">
        <v>4.5308000000000002</v>
      </c>
      <c r="D857" s="8">
        <v>2.726</v>
      </c>
      <c r="E857" s="8">
        <v>3.3530000000000002</v>
      </c>
      <c r="F857" s="8">
        <v>2.5289999999999999</v>
      </c>
      <c r="G857" s="8">
        <v>1.84</v>
      </c>
    </row>
    <row r="858" spans="1:7" x14ac:dyDescent="0.3">
      <c r="A858" s="6">
        <v>45387</v>
      </c>
      <c r="B858" s="8">
        <v>4.5540000000000003</v>
      </c>
      <c r="C858" s="8">
        <v>4.5762999999999998</v>
      </c>
      <c r="D858" s="8">
        <v>2.76</v>
      </c>
      <c r="E858" s="8">
        <v>3.399</v>
      </c>
      <c r="F858" s="8">
        <v>2.5670000000000002</v>
      </c>
      <c r="G858" s="8">
        <v>1.8089999999999999</v>
      </c>
    </row>
    <row r="859" spans="1:7" x14ac:dyDescent="0.3">
      <c r="A859" s="6">
        <v>45390</v>
      </c>
      <c r="B859" s="8">
        <v>4.55</v>
      </c>
      <c r="C859" s="8">
        <v>4.5892999999999997</v>
      </c>
      <c r="D859" s="8">
        <v>2.7639999999999998</v>
      </c>
      <c r="E859" s="8">
        <v>3.391</v>
      </c>
      <c r="F859" s="8">
        <v>2.5840000000000001</v>
      </c>
      <c r="G859" s="8">
        <v>1.8169999999999999</v>
      </c>
    </row>
    <row r="860" spans="1:7" x14ac:dyDescent="0.3">
      <c r="A860" s="6">
        <v>45391</v>
      </c>
      <c r="B860" s="8">
        <v>4.4969999999999999</v>
      </c>
      <c r="C860" s="8">
        <v>4.5270000000000001</v>
      </c>
      <c r="D860" s="8">
        <v>2.694</v>
      </c>
      <c r="E860" s="8">
        <v>3.319</v>
      </c>
      <c r="F860" s="8">
        <v>2.5139999999999998</v>
      </c>
      <c r="G860" s="8">
        <v>1.831</v>
      </c>
    </row>
    <row r="861" spans="1:7" x14ac:dyDescent="0.3">
      <c r="A861" s="6">
        <v>45392</v>
      </c>
      <c r="B861" s="8">
        <v>4.6239999999999997</v>
      </c>
      <c r="C861" s="8">
        <v>4.6166999999999998</v>
      </c>
      <c r="D861" s="8">
        <v>2.7370000000000001</v>
      </c>
      <c r="E861" s="8">
        <v>3.359</v>
      </c>
      <c r="F861" s="8">
        <v>2.5529999999999999</v>
      </c>
      <c r="G861" s="8">
        <v>1.853</v>
      </c>
    </row>
    <row r="862" spans="1:7" x14ac:dyDescent="0.3">
      <c r="A862" s="6">
        <v>45393</v>
      </c>
      <c r="B862" s="8">
        <v>4.6790000000000003</v>
      </c>
      <c r="C862" s="8">
        <v>4.6753</v>
      </c>
      <c r="D862" s="8">
        <v>2.7639999999999998</v>
      </c>
      <c r="E862" s="8">
        <v>3.391</v>
      </c>
      <c r="F862" s="8">
        <v>2.5830000000000002</v>
      </c>
      <c r="G862" s="8">
        <v>1.94</v>
      </c>
    </row>
    <row r="863" spans="1:7" x14ac:dyDescent="0.3">
      <c r="A863" s="6">
        <v>45394</v>
      </c>
      <c r="B863" s="8">
        <v>4.63</v>
      </c>
      <c r="C863" s="8">
        <v>4.62</v>
      </c>
      <c r="D863" s="8">
        <v>2.6880000000000002</v>
      </c>
      <c r="E863" s="8">
        <v>3.3460000000000001</v>
      </c>
      <c r="F863" s="8">
        <v>2.504</v>
      </c>
      <c r="G863" s="8">
        <v>1.913</v>
      </c>
    </row>
    <row r="864" spans="1:7" x14ac:dyDescent="0.3">
      <c r="A864" s="6">
        <v>45397</v>
      </c>
      <c r="B864" s="8">
        <v>4.718</v>
      </c>
      <c r="C864" s="8">
        <v>4.7180999999999997</v>
      </c>
      <c r="D864" s="8">
        <v>2.7709999999999999</v>
      </c>
      <c r="E864" s="8">
        <v>3.44</v>
      </c>
      <c r="F864" s="8">
        <v>2.5870000000000002</v>
      </c>
      <c r="G864" s="8">
        <v>1.91</v>
      </c>
    </row>
    <row r="865" spans="1:7" x14ac:dyDescent="0.3">
      <c r="A865" s="6">
        <v>45398</v>
      </c>
      <c r="B865" s="8">
        <v>4.7629999999999999</v>
      </c>
      <c r="C865" s="8">
        <v>4.7474999999999996</v>
      </c>
      <c r="D865" s="8">
        <v>2.8090000000000002</v>
      </c>
      <c r="E865" s="8">
        <v>3.4809999999999999</v>
      </c>
      <c r="F865" s="8">
        <v>2.6259999999999999</v>
      </c>
      <c r="G865" s="8">
        <v>1.9219999999999999</v>
      </c>
    </row>
    <row r="866" spans="1:7" x14ac:dyDescent="0.3">
      <c r="A866" s="6">
        <v>45399</v>
      </c>
      <c r="B866" s="8">
        <v>4.7009999999999996</v>
      </c>
      <c r="C866" s="8">
        <v>4.6931000000000003</v>
      </c>
      <c r="D866" s="8">
        <v>2.7839999999999998</v>
      </c>
      <c r="E866" s="8">
        <v>3.4449999999999998</v>
      </c>
      <c r="F866" s="8">
        <v>2.597</v>
      </c>
      <c r="G866" s="8">
        <v>1.9379999999999999</v>
      </c>
    </row>
    <row r="867" spans="1:7" x14ac:dyDescent="0.3">
      <c r="A867" s="6">
        <v>45400</v>
      </c>
      <c r="B867" s="8">
        <v>4.7309999999999999</v>
      </c>
      <c r="C867" s="8">
        <v>4.7196999999999996</v>
      </c>
      <c r="D867" s="8">
        <v>2.81</v>
      </c>
      <c r="E867" s="8">
        <v>3.468</v>
      </c>
      <c r="F867" s="8">
        <v>2.6259999999999999</v>
      </c>
      <c r="G867" s="8">
        <v>1.917</v>
      </c>
    </row>
    <row r="868" spans="1:7" x14ac:dyDescent="0.3">
      <c r="A868" s="6">
        <v>45401</v>
      </c>
      <c r="B868" s="8">
        <v>4.7119999999999997</v>
      </c>
      <c r="C868" s="8">
        <v>4.6989999999999998</v>
      </c>
      <c r="D868" s="8">
        <v>2.8109999999999999</v>
      </c>
      <c r="E868" s="8">
        <v>3.4670000000000001</v>
      </c>
      <c r="F868" s="8">
        <v>2.6219999999999999</v>
      </c>
      <c r="G868" s="8">
        <v>1.8959999999999999</v>
      </c>
    </row>
    <row r="869" spans="1:7" x14ac:dyDescent="0.3">
      <c r="A869" s="6">
        <v>45404</v>
      </c>
      <c r="B869" s="8">
        <v>4.7140000000000004</v>
      </c>
      <c r="C869" s="8">
        <v>4.6817000000000002</v>
      </c>
      <c r="D869" s="8">
        <v>2.8069999999999999</v>
      </c>
      <c r="E869" s="8">
        <v>3.4569999999999999</v>
      </c>
      <c r="F869" s="8">
        <v>2.625</v>
      </c>
      <c r="G869" s="8">
        <v>1.9179999999999999</v>
      </c>
    </row>
    <row r="870" spans="1:7" x14ac:dyDescent="0.3">
      <c r="A870" s="6">
        <v>45405</v>
      </c>
      <c r="B870" s="8">
        <v>4.7279999999999998</v>
      </c>
      <c r="C870" s="8">
        <v>4.7153</v>
      </c>
      <c r="D870" s="8">
        <v>2.83</v>
      </c>
      <c r="E870" s="8">
        <v>3.4820000000000002</v>
      </c>
      <c r="F870" s="8">
        <v>2.649</v>
      </c>
      <c r="G870" s="8">
        <v>1.9470000000000001</v>
      </c>
    </row>
    <row r="871" spans="1:7" x14ac:dyDescent="0.3">
      <c r="A871" s="6">
        <v>45406</v>
      </c>
      <c r="B871" s="8">
        <v>4.7720000000000002</v>
      </c>
      <c r="C871" s="8">
        <v>4.7973999999999997</v>
      </c>
      <c r="D871" s="8">
        <v>2.91</v>
      </c>
      <c r="E871" s="8">
        <v>3.5680000000000001</v>
      </c>
      <c r="F871" s="8">
        <v>2.73</v>
      </c>
      <c r="G871" s="8">
        <v>1.9510000000000001</v>
      </c>
    </row>
    <row r="872" spans="1:7" x14ac:dyDescent="0.3">
      <c r="A872" s="6">
        <v>45407</v>
      </c>
      <c r="B872" s="8">
        <v>4.8129999999999997</v>
      </c>
      <c r="C872" s="8">
        <v>4.8193000000000001</v>
      </c>
      <c r="D872" s="8">
        <v>2.94</v>
      </c>
      <c r="E872" s="8">
        <v>3.5939999999999999</v>
      </c>
      <c r="F872" s="8">
        <v>2.758</v>
      </c>
      <c r="G872" s="8">
        <v>1.95</v>
      </c>
    </row>
    <row r="873" spans="1:7" x14ac:dyDescent="0.3">
      <c r="A873" s="6">
        <v>45408</v>
      </c>
      <c r="B873" s="8">
        <v>4.7759999999999998</v>
      </c>
      <c r="C873" s="8">
        <v>4.7737999999999996</v>
      </c>
      <c r="D873" s="8">
        <v>2.891</v>
      </c>
      <c r="E873" s="8">
        <v>3.5390000000000001</v>
      </c>
      <c r="F873" s="8">
        <v>2.7080000000000002</v>
      </c>
      <c r="G873" s="8">
        <v>1.9330000000000001</v>
      </c>
    </row>
    <row r="874" spans="1:7" x14ac:dyDescent="0.3">
      <c r="A874" s="6">
        <v>45411</v>
      </c>
      <c r="B874" s="8">
        <v>4.7320000000000002</v>
      </c>
      <c r="C874" s="8">
        <v>4.7447999999999997</v>
      </c>
      <c r="D874" s="8">
        <v>2.8439999999999999</v>
      </c>
      <c r="E874" s="8">
        <v>3.476</v>
      </c>
      <c r="F874" s="8">
        <v>2.6619999999999999</v>
      </c>
      <c r="G874" s="8">
        <v>1.9330000000000001</v>
      </c>
    </row>
    <row r="875" spans="1:7" x14ac:dyDescent="0.3">
      <c r="A875" s="6">
        <v>45412</v>
      </c>
      <c r="B875" s="8">
        <v>4.7850000000000001</v>
      </c>
      <c r="C875" s="8">
        <v>4.7858000000000001</v>
      </c>
      <c r="D875" s="8">
        <v>2.871</v>
      </c>
      <c r="E875" s="8">
        <v>3.5009999999999999</v>
      </c>
      <c r="F875" s="8">
        <v>2.6880000000000002</v>
      </c>
      <c r="G875" s="8">
        <v>1.9379999999999999</v>
      </c>
    </row>
    <row r="876" spans="1:7" x14ac:dyDescent="0.3">
      <c r="A876" s="6">
        <v>45413</v>
      </c>
      <c r="B876" s="8">
        <v>4.75</v>
      </c>
      <c r="C876" s="8">
        <v>4.8025000000000002</v>
      </c>
      <c r="D876" s="8">
        <v>2.871</v>
      </c>
      <c r="E876" s="8">
        <v>3.5009999999999999</v>
      </c>
      <c r="F876" s="8">
        <v>2.6880000000000002</v>
      </c>
      <c r="G876" s="8">
        <v>1.954</v>
      </c>
    </row>
    <row r="877" spans="1:7" x14ac:dyDescent="0.3">
      <c r="A877" s="6">
        <v>45414</v>
      </c>
      <c r="B877" s="8">
        <v>4.7290000000000001</v>
      </c>
      <c r="C877" s="8">
        <v>4.7491000000000003</v>
      </c>
      <c r="D877" s="8">
        <v>2.8279999999999998</v>
      </c>
      <c r="E877" s="8">
        <v>3.4660000000000002</v>
      </c>
      <c r="F877" s="8">
        <v>2.6440000000000001</v>
      </c>
      <c r="G877" s="8">
        <v>1.9790000000000001</v>
      </c>
    </row>
    <row r="878" spans="1:7" x14ac:dyDescent="0.3">
      <c r="A878" s="6">
        <v>45415</v>
      </c>
      <c r="B878" s="8">
        <v>4.6660000000000004</v>
      </c>
      <c r="C878" s="8">
        <v>4.6989000000000001</v>
      </c>
      <c r="D878" s="8">
        <v>2.8</v>
      </c>
      <c r="E878" s="8">
        <v>3.44</v>
      </c>
      <c r="F878" s="8">
        <v>2.617</v>
      </c>
      <c r="G878" s="8">
        <v>1.9790000000000001</v>
      </c>
    </row>
    <row r="879" spans="1:7" x14ac:dyDescent="0.3">
      <c r="A879" s="6">
        <v>45418</v>
      </c>
      <c r="B879" s="8">
        <v>4.6360000000000001</v>
      </c>
      <c r="C879" s="8">
        <v>4.6989000000000001</v>
      </c>
      <c r="D879" s="8">
        <v>2.7759999999999998</v>
      </c>
      <c r="E879" s="8">
        <v>3.423</v>
      </c>
      <c r="F879" s="8">
        <v>2.593</v>
      </c>
      <c r="G879" s="8">
        <v>1.9790000000000001</v>
      </c>
    </row>
    <row r="880" spans="1:7" x14ac:dyDescent="0.3">
      <c r="A880" s="6">
        <v>45419</v>
      </c>
      <c r="B880" s="8">
        <v>4.5979999999999999</v>
      </c>
      <c r="C880" s="8">
        <v>4.6001000000000003</v>
      </c>
      <c r="D880" s="8">
        <v>2.726</v>
      </c>
      <c r="E880" s="8">
        <v>3.3679999999999999</v>
      </c>
      <c r="F880" s="8">
        <v>2.5390000000000001</v>
      </c>
      <c r="G880" s="8">
        <v>1.9710000000000001</v>
      </c>
    </row>
    <row r="881" spans="1:7" x14ac:dyDescent="0.3">
      <c r="A881" s="6">
        <v>45420</v>
      </c>
      <c r="B881" s="8">
        <v>4.6399999999999997</v>
      </c>
      <c r="C881" s="8">
        <v>4.6086999999999998</v>
      </c>
      <c r="D881" s="8">
        <v>2.7650000000000001</v>
      </c>
      <c r="E881" s="8">
        <v>3.407</v>
      </c>
      <c r="F881" s="8">
        <v>2.577</v>
      </c>
      <c r="G881" s="8">
        <v>1.9630000000000001</v>
      </c>
    </row>
    <row r="882" spans="1:7" x14ac:dyDescent="0.3">
      <c r="A882" s="6">
        <v>45421</v>
      </c>
      <c r="B882" s="8">
        <v>4.609</v>
      </c>
      <c r="C882" s="8">
        <v>4.6228999999999996</v>
      </c>
      <c r="D882" s="8">
        <v>2.8170000000000002</v>
      </c>
      <c r="E882" s="8">
        <v>3.464</v>
      </c>
      <c r="F882" s="8">
        <v>2.6280000000000001</v>
      </c>
      <c r="G882" s="8">
        <v>1.972</v>
      </c>
    </row>
    <row r="883" spans="1:7" x14ac:dyDescent="0.3">
      <c r="A883" s="6">
        <v>45422</v>
      </c>
      <c r="B883" s="8">
        <v>4.6399999999999997</v>
      </c>
      <c r="C883" s="8">
        <v>4.6437999999999997</v>
      </c>
      <c r="D883" s="8">
        <v>2.8370000000000002</v>
      </c>
      <c r="E883" s="8">
        <v>3.4830000000000001</v>
      </c>
      <c r="F883" s="8">
        <v>2.649</v>
      </c>
      <c r="G883" s="8">
        <v>1.988</v>
      </c>
    </row>
    <row r="884" spans="1:7" x14ac:dyDescent="0.3">
      <c r="A884" s="6">
        <v>45425</v>
      </c>
      <c r="B884" s="8">
        <v>4.63</v>
      </c>
      <c r="C884" s="8">
        <v>4.6571999999999996</v>
      </c>
      <c r="D884" s="8">
        <v>2.8319999999999999</v>
      </c>
      <c r="E884" s="8">
        <v>3.48</v>
      </c>
      <c r="F884" s="8">
        <v>2.641</v>
      </c>
      <c r="G884" s="8">
        <v>2.016</v>
      </c>
    </row>
    <row r="885" spans="1:7" x14ac:dyDescent="0.3">
      <c r="A885" s="6">
        <v>45426</v>
      </c>
      <c r="B885" s="8">
        <v>4.5860000000000003</v>
      </c>
      <c r="C885" s="8">
        <v>4.6512000000000002</v>
      </c>
      <c r="D885" s="8">
        <v>2.8719999999999999</v>
      </c>
      <c r="E885" s="8">
        <v>3.5139999999999998</v>
      </c>
      <c r="F885" s="8">
        <v>2.6779999999999999</v>
      </c>
      <c r="G885" s="8">
        <v>2.0369999999999999</v>
      </c>
    </row>
    <row r="886" spans="1:7" x14ac:dyDescent="0.3">
      <c r="A886" s="6">
        <v>45427</v>
      </c>
      <c r="B886" s="8">
        <v>4.5010000000000003</v>
      </c>
      <c r="C886" s="8">
        <v>4.5423</v>
      </c>
      <c r="D886" s="8">
        <v>2.762</v>
      </c>
      <c r="E886" s="8">
        <v>3.3980000000000001</v>
      </c>
      <c r="F886" s="8">
        <v>2.57</v>
      </c>
      <c r="G886" s="8">
        <v>2.0499999999999998</v>
      </c>
    </row>
    <row r="887" spans="1:7" x14ac:dyDescent="0.3">
      <c r="A887" s="6">
        <v>45428</v>
      </c>
      <c r="B887" s="8">
        <v>4.5129999999999999</v>
      </c>
      <c r="C887" s="8">
        <v>4.5576999999999996</v>
      </c>
      <c r="D887" s="8">
        <v>2.794</v>
      </c>
      <c r="E887" s="8">
        <v>3.4279999999999999</v>
      </c>
      <c r="F887" s="8">
        <v>2.605</v>
      </c>
      <c r="G887" s="8">
        <v>2.0270000000000001</v>
      </c>
    </row>
    <row r="888" spans="1:7" x14ac:dyDescent="0.3">
      <c r="A888" s="6">
        <v>45429</v>
      </c>
      <c r="B888" s="8">
        <v>4.5599999999999996</v>
      </c>
      <c r="C888" s="8">
        <v>4.5991</v>
      </c>
      <c r="D888" s="8">
        <v>2.8380000000000001</v>
      </c>
      <c r="E888" s="8">
        <v>3.4729999999999999</v>
      </c>
      <c r="F888" s="8">
        <v>2.6520000000000001</v>
      </c>
      <c r="G888" s="8">
        <v>2.0499999999999998</v>
      </c>
    </row>
    <row r="889" spans="1:7" x14ac:dyDescent="0.3">
      <c r="A889" s="6">
        <v>45432</v>
      </c>
      <c r="B889" s="8">
        <v>4.585</v>
      </c>
      <c r="C889" s="8">
        <v>4.6482999999999999</v>
      </c>
      <c r="D889" s="8">
        <v>2.851</v>
      </c>
      <c r="E889" s="8">
        <v>3.48</v>
      </c>
      <c r="F889" s="8">
        <v>2.665</v>
      </c>
      <c r="G889" s="8">
        <v>2.073</v>
      </c>
    </row>
    <row r="890" spans="1:7" x14ac:dyDescent="0.3">
      <c r="A890" s="6">
        <v>45433</v>
      </c>
      <c r="B890" s="8">
        <v>4.55</v>
      </c>
      <c r="C890" s="8">
        <v>4.6094999999999997</v>
      </c>
      <c r="D890" s="8">
        <v>2.827</v>
      </c>
      <c r="E890" s="8">
        <v>3.4590000000000001</v>
      </c>
      <c r="F890" s="8">
        <v>2.64</v>
      </c>
      <c r="G890" s="8">
        <v>2.0840000000000001</v>
      </c>
    </row>
    <row r="891" spans="1:7" x14ac:dyDescent="0.3">
      <c r="A891" s="6">
        <v>45434</v>
      </c>
      <c r="B891" s="8">
        <v>4.5389999999999997</v>
      </c>
      <c r="C891" s="8">
        <v>4.6816000000000004</v>
      </c>
      <c r="D891" s="8">
        <v>2.8540000000000001</v>
      </c>
      <c r="E891" s="8">
        <v>3.488</v>
      </c>
      <c r="F891" s="8">
        <v>2.6680000000000001</v>
      </c>
      <c r="G891" s="8">
        <v>2.1539999999999999</v>
      </c>
    </row>
    <row r="892" spans="1:7" x14ac:dyDescent="0.3">
      <c r="A892" s="6">
        <v>45435</v>
      </c>
      <c r="B892" s="8">
        <v>4.5819999999999999</v>
      </c>
      <c r="C892" s="8">
        <v>4.6955</v>
      </c>
      <c r="D892" s="8">
        <v>2.895</v>
      </c>
      <c r="E892" s="8">
        <v>3.516</v>
      </c>
      <c r="F892" s="8">
        <v>2.71</v>
      </c>
      <c r="G892" s="8">
        <v>2.1539999999999999</v>
      </c>
    </row>
    <row r="893" spans="1:7" x14ac:dyDescent="0.3">
      <c r="A893" s="6">
        <v>45436</v>
      </c>
      <c r="B893" s="8">
        <v>4.5709999999999997</v>
      </c>
      <c r="C893" s="8">
        <v>4.7089999999999996</v>
      </c>
      <c r="D893" s="8">
        <v>2.879</v>
      </c>
      <c r="E893" s="8">
        <v>3.504</v>
      </c>
      <c r="F893" s="8">
        <v>2.6960000000000002</v>
      </c>
      <c r="G893" s="8">
        <v>2.1619999999999999</v>
      </c>
    </row>
    <row r="894" spans="1:7" x14ac:dyDescent="0.3">
      <c r="A894" s="6">
        <v>45439</v>
      </c>
      <c r="B894" s="8">
        <v>4.5709999999999997</v>
      </c>
      <c r="C894" s="8">
        <v>4.7089999999999996</v>
      </c>
      <c r="D894" s="8">
        <v>2.859</v>
      </c>
      <c r="E894" s="8">
        <v>3.4769999999999999</v>
      </c>
      <c r="F894" s="8">
        <v>2.673</v>
      </c>
      <c r="G894" s="8">
        <v>2.1709999999999998</v>
      </c>
    </row>
    <row r="895" spans="1:7" x14ac:dyDescent="0.3">
      <c r="A895" s="6">
        <v>45440</v>
      </c>
      <c r="B895" s="8">
        <v>4.6660000000000004</v>
      </c>
      <c r="C895" s="8">
        <v>4.7359999999999998</v>
      </c>
      <c r="D895" s="8">
        <v>2.8969999999999998</v>
      </c>
      <c r="E895" s="8">
        <v>3.5270000000000001</v>
      </c>
      <c r="F895" s="8">
        <v>2.7120000000000002</v>
      </c>
      <c r="G895" s="8">
        <v>2.1779999999999999</v>
      </c>
    </row>
    <row r="896" spans="1:7" x14ac:dyDescent="0.3">
      <c r="A896" s="6">
        <v>45441</v>
      </c>
      <c r="B896" s="8">
        <v>4.734</v>
      </c>
      <c r="C896" s="8">
        <v>4.8571</v>
      </c>
      <c r="D896" s="8">
        <v>3</v>
      </c>
      <c r="E896" s="8">
        <v>3.6309999999999998</v>
      </c>
      <c r="F896" s="8">
        <v>2.8140000000000001</v>
      </c>
      <c r="G896" s="8">
        <v>2.21</v>
      </c>
    </row>
    <row r="897" spans="1:7" x14ac:dyDescent="0.3">
      <c r="A897" s="6">
        <v>45442</v>
      </c>
      <c r="B897" s="8">
        <v>4.68</v>
      </c>
      <c r="C897" s="8">
        <v>4.8067000000000002</v>
      </c>
      <c r="D897" s="8">
        <v>2.9710000000000001</v>
      </c>
      <c r="E897" s="8">
        <v>3.6030000000000002</v>
      </c>
      <c r="F897" s="8">
        <v>2.7850000000000001</v>
      </c>
      <c r="G897" s="8">
        <v>2.2040000000000002</v>
      </c>
    </row>
    <row r="898" spans="1:7" x14ac:dyDescent="0.3">
      <c r="A898" s="6">
        <v>45443</v>
      </c>
      <c r="B898" s="8">
        <v>4.649</v>
      </c>
      <c r="C898" s="8">
        <v>4.7595999999999998</v>
      </c>
      <c r="D898" s="8">
        <v>2.9609999999999999</v>
      </c>
      <c r="E898" s="8">
        <v>3.5950000000000002</v>
      </c>
      <c r="F898" s="8">
        <v>2.7829999999999999</v>
      </c>
      <c r="G898" s="8">
        <v>2.2189999999999999</v>
      </c>
    </row>
    <row r="899" spans="1:7" x14ac:dyDescent="0.3">
      <c r="A899" s="6">
        <v>45446</v>
      </c>
      <c r="B899" s="8">
        <v>4.5380000000000003</v>
      </c>
      <c r="C899" s="8">
        <v>4.6662999999999997</v>
      </c>
      <c r="D899" s="8">
        <v>2.8860000000000001</v>
      </c>
      <c r="E899" s="8">
        <v>3.5190000000000001</v>
      </c>
      <c r="F899" s="8">
        <v>2.71</v>
      </c>
      <c r="G899" s="8">
        <v>2.242</v>
      </c>
    </row>
    <row r="900" spans="1:7" x14ac:dyDescent="0.3">
      <c r="A900" s="6">
        <v>45447</v>
      </c>
      <c r="B900" s="8">
        <v>4.4740000000000002</v>
      </c>
      <c r="C900" s="8">
        <v>4.6094999999999997</v>
      </c>
      <c r="D900" s="8">
        <v>2.8540000000000001</v>
      </c>
      <c r="E900" s="8">
        <v>3.4870000000000001</v>
      </c>
      <c r="F900" s="8">
        <v>2.6749999999999998</v>
      </c>
      <c r="G900" s="8">
        <v>2.1970000000000001</v>
      </c>
    </row>
    <row r="901" spans="1:7" x14ac:dyDescent="0.3">
      <c r="A901" s="6">
        <v>45448</v>
      </c>
      <c r="B901" s="8">
        <v>4.43</v>
      </c>
      <c r="C901" s="8">
        <v>4.6096000000000004</v>
      </c>
      <c r="D901" s="8">
        <v>2.831</v>
      </c>
      <c r="E901" s="8">
        <v>3.4569999999999999</v>
      </c>
      <c r="F901" s="8">
        <v>2.65</v>
      </c>
      <c r="G901" s="8">
        <v>2.1829999999999998</v>
      </c>
    </row>
    <row r="902" spans="1:7" x14ac:dyDescent="0.3">
      <c r="A902" s="6">
        <v>45449</v>
      </c>
      <c r="B902" s="8">
        <v>4.4359999999999999</v>
      </c>
      <c r="C902" s="8">
        <v>4.6098999999999997</v>
      </c>
      <c r="D902" s="8">
        <v>2.859</v>
      </c>
      <c r="E902" s="8">
        <v>3.48</v>
      </c>
      <c r="F902" s="8">
        <v>2.673</v>
      </c>
      <c r="G902" s="8">
        <v>2.0830000000000002</v>
      </c>
    </row>
    <row r="903" spans="1:7" x14ac:dyDescent="0.3">
      <c r="A903" s="6">
        <v>45450</v>
      </c>
      <c r="B903" s="8">
        <v>4.5549999999999997</v>
      </c>
      <c r="C903" s="8">
        <v>4.6872999999999996</v>
      </c>
      <c r="D903" s="8">
        <v>2.915</v>
      </c>
      <c r="E903" s="8">
        <v>3.5289999999999999</v>
      </c>
      <c r="F903" s="8">
        <v>2.7250000000000001</v>
      </c>
      <c r="G903" s="8">
        <v>2.089</v>
      </c>
    </row>
    <row r="904" spans="1:7" x14ac:dyDescent="0.3">
      <c r="A904" s="6">
        <v>45453</v>
      </c>
      <c r="B904" s="8">
        <v>4.5970000000000004</v>
      </c>
      <c r="C904" s="8">
        <v>4.7577999999999996</v>
      </c>
      <c r="D904" s="8">
        <v>2.988</v>
      </c>
      <c r="E904" s="8">
        <v>3.6640000000000001</v>
      </c>
      <c r="F904" s="8">
        <v>2.7930000000000001</v>
      </c>
      <c r="G904" s="8">
        <v>2.1829999999999998</v>
      </c>
    </row>
    <row r="905" spans="1:7" x14ac:dyDescent="0.3">
      <c r="A905" s="6">
        <v>45454</v>
      </c>
      <c r="B905" s="8">
        <v>4.5369999999999999</v>
      </c>
      <c r="C905" s="8">
        <v>4.7317</v>
      </c>
      <c r="D905" s="8">
        <v>2.9769999999999999</v>
      </c>
      <c r="E905" s="8">
        <v>3.6779999999999999</v>
      </c>
      <c r="F905" s="8">
        <v>2.7730000000000001</v>
      </c>
      <c r="G905" s="8">
        <v>2.173</v>
      </c>
    </row>
    <row r="906" spans="1:7" x14ac:dyDescent="0.3">
      <c r="A906" s="6">
        <v>45455</v>
      </c>
      <c r="B906" s="8">
        <v>4.476</v>
      </c>
      <c r="C906" s="8">
        <v>4.6150000000000002</v>
      </c>
      <c r="D906" s="8">
        <v>2.8959999999999999</v>
      </c>
      <c r="E906" s="8">
        <v>3.5979999999999999</v>
      </c>
      <c r="F906" s="8">
        <v>2.6880000000000002</v>
      </c>
      <c r="G906" s="8">
        <v>2.1440000000000001</v>
      </c>
    </row>
    <row r="907" spans="1:7" x14ac:dyDescent="0.3">
      <c r="A907" s="6">
        <v>45456</v>
      </c>
      <c r="B907" s="8">
        <v>4.3979999999999997</v>
      </c>
      <c r="C907" s="8">
        <v>4.6125999999999996</v>
      </c>
      <c r="D907" s="8">
        <v>2.855</v>
      </c>
      <c r="E907" s="8">
        <v>3.6259999999999999</v>
      </c>
      <c r="F907" s="8">
        <v>2.641</v>
      </c>
      <c r="G907" s="8">
        <v>2.1179999999999999</v>
      </c>
    </row>
    <row r="908" spans="1:7" x14ac:dyDescent="0.3">
      <c r="A908" s="6">
        <v>45457</v>
      </c>
      <c r="B908" s="8">
        <v>4.3490000000000002</v>
      </c>
      <c r="C908" s="8">
        <v>4.5381999999999998</v>
      </c>
      <c r="D908" s="8">
        <v>2.7469999999999999</v>
      </c>
      <c r="E908" s="8">
        <v>3.5760000000000001</v>
      </c>
      <c r="F908" s="8">
        <v>2.5099999999999998</v>
      </c>
      <c r="G908" s="8">
        <v>2.097</v>
      </c>
    </row>
    <row r="909" spans="1:7" x14ac:dyDescent="0.3">
      <c r="A909" s="6">
        <v>45460</v>
      </c>
      <c r="B909" s="8">
        <v>4.4059999999999997</v>
      </c>
      <c r="C909" s="8">
        <v>4.5989000000000004</v>
      </c>
      <c r="D909" s="8">
        <v>2.8</v>
      </c>
      <c r="E909" s="8">
        <v>3.601</v>
      </c>
      <c r="F909" s="8">
        <v>2.5680000000000001</v>
      </c>
      <c r="G909" s="8">
        <v>2.1190000000000002</v>
      </c>
    </row>
    <row r="910" spans="1:7" x14ac:dyDescent="0.3">
      <c r="A910" s="6">
        <v>45461</v>
      </c>
      <c r="B910" s="8">
        <v>4.3559999999999999</v>
      </c>
      <c r="C910" s="8">
        <v>4.5246000000000004</v>
      </c>
      <c r="D910" s="8">
        <v>2.778</v>
      </c>
      <c r="E910" s="8">
        <v>3.5710000000000002</v>
      </c>
      <c r="F910" s="8">
        <v>2.5459999999999998</v>
      </c>
      <c r="G910" s="8">
        <v>2.1560000000000001</v>
      </c>
    </row>
    <row r="911" spans="1:7" x14ac:dyDescent="0.3">
      <c r="A911" s="6">
        <v>45462</v>
      </c>
      <c r="B911" s="8">
        <v>4.3559999999999999</v>
      </c>
      <c r="C911" s="8">
        <v>4.5498000000000003</v>
      </c>
      <c r="D911" s="8">
        <v>2.7930000000000001</v>
      </c>
      <c r="E911" s="8">
        <v>3.6030000000000002</v>
      </c>
      <c r="F911" s="8">
        <v>2.5539999999999998</v>
      </c>
      <c r="G911" s="8">
        <v>2.117</v>
      </c>
    </row>
    <row r="912" spans="1:7" x14ac:dyDescent="0.3">
      <c r="A912" s="6">
        <v>45463</v>
      </c>
      <c r="B912" s="8">
        <v>4.3979999999999997</v>
      </c>
      <c r="C912" s="8">
        <v>4.5632999999999999</v>
      </c>
      <c r="D912" s="8">
        <v>2.823</v>
      </c>
      <c r="E912" s="8">
        <v>3.6190000000000002</v>
      </c>
      <c r="F912" s="8">
        <v>2.593</v>
      </c>
      <c r="G912" s="8">
        <v>2.125</v>
      </c>
    </row>
    <row r="913" spans="1:7" x14ac:dyDescent="0.3">
      <c r="A913" s="6">
        <v>45464</v>
      </c>
      <c r="B913" s="8">
        <v>4.3979999999999997</v>
      </c>
      <c r="C913" s="8">
        <v>4.5876000000000001</v>
      </c>
      <c r="D913" s="8">
        <v>2.8260000000000001</v>
      </c>
      <c r="E913" s="8">
        <v>3.6469999999999998</v>
      </c>
      <c r="F913" s="8">
        <v>2.5950000000000002</v>
      </c>
      <c r="G913" s="8">
        <v>2.1360000000000001</v>
      </c>
    </row>
    <row r="914" spans="1:7" x14ac:dyDescent="0.3">
      <c r="A914" s="6">
        <v>45467</v>
      </c>
      <c r="B914" s="8">
        <v>4.3659999999999997</v>
      </c>
      <c r="C914" s="8">
        <v>4.5831</v>
      </c>
      <c r="D914" s="8">
        <v>2.839</v>
      </c>
      <c r="E914" s="8">
        <v>3.6360000000000001</v>
      </c>
      <c r="F914" s="8">
        <v>2.6139999999999999</v>
      </c>
      <c r="G914" s="8">
        <v>2.1659999999999999</v>
      </c>
    </row>
    <row r="915" spans="1:7" x14ac:dyDescent="0.3">
      <c r="A915" s="6">
        <v>45468</v>
      </c>
      <c r="B915" s="8">
        <v>4.3780000000000001</v>
      </c>
      <c r="C915" s="8">
        <v>4.5744999999999996</v>
      </c>
      <c r="D915" s="8">
        <v>2.8170000000000002</v>
      </c>
      <c r="E915" s="8">
        <v>3.6080000000000001</v>
      </c>
      <c r="F915" s="8">
        <v>2.597</v>
      </c>
      <c r="G915" s="8">
        <v>2.1890000000000001</v>
      </c>
    </row>
    <row r="916" spans="1:7" x14ac:dyDescent="0.3">
      <c r="A916" s="6">
        <v>45469</v>
      </c>
      <c r="B916" s="8">
        <v>4.4630000000000001</v>
      </c>
      <c r="C916" s="8">
        <v>4.6159999999999997</v>
      </c>
      <c r="D916" s="8">
        <v>2.855</v>
      </c>
      <c r="E916" s="8">
        <v>3.673</v>
      </c>
      <c r="F916" s="8">
        <v>2.6379999999999999</v>
      </c>
      <c r="G916" s="8">
        <v>2.2400000000000002</v>
      </c>
    </row>
    <row r="917" spans="1:7" x14ac:dyDescent="0.3">
      <c r="A917" s="6">
        <v>45470</v>
      </c>
      <c r="B917" s="8">
        <v>4.4269999999999996</v>
      </c>
      <c r="C917" s="8">
        <v>4.6086</v>
      </c>
      <c r="D917" s="8">
        <v>2.851</v>
      </c>
      <c r="E917" s="8">
        <v>3.7029999999999998</v>
      </c>
      <c r="F917" s="8">
        <v>2.6339999999999999</v>
      </c>
      <c r="G917" s="8">
        <v>2.2690000000000001</v>
      </c>
    </row>
    <row r="918" spans="1:7" x14ac:dyDescent="0.3">
      <c r="A918" s="6">
        <v>45471</v>
      </c>
      <c r="B918" s="8">
        <v>4.5590000000000002</v>
      </c>
      <c r="C918" s="8">
        <v>4.6582999999999997</v>
      </c>
      <c r="D918" s="8">
        <v>2.9079999999999999</v>
      </c>
      <c r="E918" s="8">
        <v>3.7429999999999999</v>
      </c>
      <c r="F918" s="8">
        <v>2.6890000000000001</v>
      </c>
      <c r="G918" s="8">
        <v>2.2429999999999999</v>
      </c>
    </row>
    <row r="919" spans="1:7" x14ac:dyDescent="0.3">
      <c r="A919" s="6">
        <v>45474</v>
      </c>
      <c r="B919" s="8">
        <v>4.625</v>
      </c>
      <c r="C919" s="8">
        <v>4.7739000000000003</v>
      </c>
      <c r="D919" s="8">
        <v>2.9969999999999999</v>
      </c>
      <c r="E919" s="8">
        <v>3.7949999999999999</v>
      </c>
      <c r="F919" s="8">
        <v>2.7909999999999999</v>
      </c>
      <c r="G919" s="8">
        <v>2.246</v>
      </c>
    </row>
    <row r="920" spans="1:7" x14ac:dyDescent="0.3">
      <c r="A920" s="6">
        <v>45475</v>
      </c>
      <c r="B920" s="8">
        <v>4.6059999999999999</v>
      </c>
      <c r="C920" s="8">
        <v>4.7458999999999998</v>
      </c>
      <c r="D920" s="8">
        <v>3.0009999999999999</v>
      </c>
      <c r="E920" s="8">
        <v>3.7749999999999999</v>
      </c>
      <c r="F920" s="8">
        <v>2.798</v>
      </c>
      <c r="G920" s="8">
        <v>2.258</v>
      </c>
    </row>
    <row r="921" spans="1:7" x14ac:dyDescent="0.3">
      <c r="A921" s="6">
        <v>45476</v>
      </c>
      <c r="B921" s="8">
        <v>4.5279999999999996</v>
      </c>
      <c r="C921" s="8">
        <v>4.6638999999999999</v>
      </c>
      <c r="D921" s="8">
        <v>2.944</v>
      </c>
      <c r="E921" s="8">
        <v>3.6989999999999998</v>
      </c>
      <c r="F921" s="8">
        <v>2.742</v>
      </c>
      <c r="G921" s="8">
        <v>2.266</v>
      </c>
    </row>
    <row r="922" spans="1:7" x14ac:dyDescent="0.3">
      <c r="A922" s="6">
        <v>45477</v>
      </c>
      <c r="B922" s="8">
        <v>4.5279999999999996</v>
      </c>
      <c r="C922" s="8">
        <v>4.6828000000000003</v>
      </c>
      <c r="D922" s="8">
        <v>2.956</v>
      </c>
      <c r="E922" s="8">
        <v>3.7080000000000002</v>
      </c>
      <c r="F922" s="8">
        <v>2.7519999999999998</v>
      </c>
      <c r="G922" s="8">
        <v>2.2690000000000001</v>
      </c>
    </row>
    <row r="923" spans="1:7" x14ac:dyDescent="0.3">
      <c r="A923" s="6">
        <v>45478</v>
      </c>
      <c r="B923" s="8">
        <v>4.4779999999999998</v>
      </c>
      <c r="C923" s="8">
        <v>4.6249000000000002</v>
      </c>
      <c r="D923" s="8">
        <v>2.9180000000000001</v>
      </c>
      <c r="E923" s="8">
        <v>3.6509999999999998</v>
      </c>
      <c r="F923" s="8">
        <v>2.7149999999999999</v>
      </c>
      <c r="G923" s="8">
        <v>2.194</v>
      </c>
    </row>
    <row r="924" spans="1:7" x14ac:dyDescent="0.3">
      <c r="A924" s="6">
        <v>45481</v>
      </c>
      <c r="B924" s="8">
        <v>4.4660000000000002</v>
      </c>
      <c r="C924" s="8">
        <v>4.6163999999999996</v>
      </c>
      <c r="D924" s="8">
        <v>2.9</v>
      </c>
      <c r="E924" s="8">
        <v>3.6070000000000002</v>
      </c>
      <c r="F924" s="8">
        <v>2.6960000000000002</v>
      </c>
      <c r="G924" s="8">
        <v>2.2050000000000001</v>
      </c>
    </row>
    <row r="925" spans="1:7" x14ac:dyDescent="0.3">
      <c r="A925" s="6">
        <v>45482</v>
      </c>
      <c r="B925" s="8">
        <v>4.4889999999999999</v>
      </c>
      <c r="C925" s="8">
        <v>4.6624999999999996</v>
      </c>
      <c r="D925" s="8">
        <v>2.9409999999999998</v>
      </c>
      <c r="E925" s="8">
        <v>3.6869999999999998</v>
      </c>
      <c r="F925" s="8">
        <v>2.7389999999999999</v>
      </c>
      <c r="G925" s="8">
        <v>2.2109999999999999</v>
      </c>
    </row>
    <row r="926" spans="1:7" x14ac:dyDescent="0.3">
      <c r="A926" s="6">
        <v>45483</v>
      </c>
      <c r="B926" s="8">
        <v>4.4779999999999998</v>
      </c>
      <c r="C926" s="8">
        <v>4.6352000000000002</v>
      </c>
      <c r="D926" s="8">
        <v>2.895</v>
      </c>
      <c r="E926" s="8">
        <v>3.6349999999999998</v>
      </c>
      <c r="F926" s="8">
        <v>2.694</v>
      </c>
      <c r="G926" s="8">
        <v>2.218</v>
      </c>
    </row>
    <row r="927" spans="1:7" x14ac:dyDescent="0.3">
      <c r="A927" s="6">
        <v>45484</v>
      </c>
      <c r="B927" s="8">
        <v>4.4210000000000003</v>
      </c>
      <c r="C927" s="8">
        <v>4.5877999999999997</v>
      </c>
      <c r="D927" s="8">
        <v>2.8540000000000001</v>
      </c>
      <c r="E927" s="8">
        <v>3.6</v>
      </c>
      <c r="F927" s="8">
        <v>2.6549999999999998</v>
      </c>
      <c r="G927" s="8">
        <v>2.2250000000000001</v>
      </c>
    </row>
    <row r="928" spans="1:7" x14ac:dyDescent="0.3">
      <c r="A928" s="6">
        <v>45485</v>
      </c>
      <c r="B928" s="8">
        <v>4.3970000000000002</v>
      </c>
      <c r="C928" s="8">
        <v>4.6139000000000001</v>
      </c>
      <c r="D928" s="8">
        <v>2.88</v>
      </c>
      <c r="E928" s="8">
        <v>3.629</v>
      </c>
      <c r="F928" s="8">
        <v>2.681</v>
      </c>
      <c r="G928" s="8">
        <v>2.1840000000000002</v>
      </c>
    </row>
    <row r="929" spans="1:7" x14ac:dyDescent="0.3">
      <c r="A929" s="6">
        <v>45488</v>
      </c>
      <c r="B929" s="8">
        <v>4.4589999999999996</v>
      </c>
      <c r="C929" s="8">
        <v>4.6048</v>
      </c>
      <c r="D929" s="8">
        <v>2.8540000000000001</v>
      </c>
      <c r="E929" s="8">
        <v>3.5910000000000002</v>
      </c>
      <c r="F929" s="8">
        <v>2.657</v>
      </c>
      <c r="G929" s="8">
        <v>2.1840000000000002</v>
      </c>
    </row>
    <row r="930" spans="1:7" x14ac:dyDescent="0.3">
      <c r="A930" s="6">
        <v>45489</v>
      </c>
      <c r="B930" s="8">
        <v>4.3730000000000002</v>
      </c>
      <c r="C930" s="8">
        <v>4.5469999999999997</v>
      </c>
      <c r="D930" s="8">
        <v>2.81</v>
      </c>
      <c r="E930" s="8">
        <v>3.56</v>
      </c>
      <c r="F930" s="8">
        <v>2.613</v>
      </c>
      <c r="G930" s="8">
        <v>2.161</v>
      </c>
    </row>
    <row r="931" spans="1:7" x14ac:dyDescent="0.3">
      <c r="A931" s="6">
        <v>45490</v>
      </c>
      <c r="B931" s="8">
        <v>4.3760000000000003</v>
      </c>
      <c r="C931" s="8">
        <v>4.5651999999999999</v>
      </c>
      <c r="D931" s="8">
        <v>2.7949999999999999</v>
      </c>
      <c r="E931" s="8">
        <v>3.5510000000000002</v>
      </c>
      <c r="F931" s="8">
        <v>2.5960000000000001</v>
      </c>
      <c r="G931" s="8">
        <v>2.1640000000000001</v>
      </c>
    </row>
    <row r="932" spans="1:7" x14ac:dyDescent="0.3">
      <c r="A932" s="6">
        <v>45491</v>
      </c>
      <c r="B932" s="8">
        <v>4.4219999999999997</v>
      </c>
      <c r="C932" s="8">
        <v>4.5651000000000002</v>
      </c>
      <c r="D932" s="8">
        <v>2.8239999999999998</v>
      </c>
      <c r="E932" s="8">
        <v>3.5790000000000002</v>
      </c>
      <c r="F932" s="8">
        <v>2.6230000000000002</v>
      </c>
      <c r="G932" s="8">
        <v>2.1520000000000001</v>
      </c>
    </row>
    <row r="933" spans="1:7" x14ac:dyDescent="0.3">
      <c r="A933" s="6">
        <v>45492</v>
      </c>
      <c r="B933" s="8">
        <v>4.4480000000000004</v>
      </c>
      <c r="C933" s="8">
        <v>4.6337999999999999</v>
      </c>
      <c r="D933" s="8">
        <v>2.8610000000000002</v>
      </c>
      <c r="E933" s="8">
        <v>3.6259999999999999</v>
      </c>
      <c r="F933" s="8">
        <v>2.661</v>
      </c>
      <c r="G933" s="8">
        <v>2.1379999999999999</v>
      </c>
    </row>
    <row r="934" spans="1:7" x14ac:dyDescent="0.3">
      <c r="A934" s="6">
        <v>45495</v>
      </c>
      <c r="B934" s="8">
        <v>4.4729999999999999</v>
      </c>
      <c r="C934" s="8">
        <v>4.6677999999999997</v>
      </c>
      <c r="D934" s="8">
        <v>2.875</v>
      </c>
      <c r="E934" s="8">
        <v>3.6309999999999998</v>
      </c>
      <c r="F934" s="8">
        <v>2.6760000000000002</v>
      </c>
      <c r="G934" s="8">
        <v>2.17</v>
      </c>
    </row>
    <row r="935" spans="1:7" x14ac:dyDescent="0.3">
      <c r="A935" s="6">
        <v>45496</v>
      </c>
      <c r="B935" s="8">
        <v>4.4850000000000003</v>
      </c>
      <c r="C935" s="8">
        <v>4.6355000000000004</v>
      </c>
      <c r="D935" s="8">
        <v>2.831</v>
      </c>
      <c r="E935" s="8">
        <v>3.62</v>
      </c>
      <c r="F935" s="8">
        <v>2.6309999999999998</v>
      </c>
      <c r="G935" s="8">
        <v>2.1739999999999999</v>
      </c>
    </row>
    <row r="936" spans="1:7" x14ac:dyDescent="0.3">
      <c r="A936" s="6">
        <v>45497</v>
      </c>
      <c r="B936" s="8">
        <v>4.5430000000000001</v>
      </c>
      <c r="C936" s="8">
        <v>4.6715</v>
      </c>
      <c r="D936" s="8">
        <v>2.8580000000000001</v>
      </c>
      <c r="E936" s="8">
        <v>3.665</v>
      </c>
      <c r="F936" s="8">
        <v>2.6579999999999999</v>
      </c>
      <c r="G936" s="8">
        <v>2.1909999999999998</v>
      </c>
    </row>
    <row r="937" spans="1:7" x14ac:dyDescent="0.3">
      <c r="A937" s="6">
        <v>45498</v>
      </c>
      <c r="B937" s="8">
        <v>4.484</v>
      </c>
      <c r="C937" s="8">
        <v>4.6688999999999998</v>
      </c>
      <c r="D937" s="8">
        <v>2.83</v>
      </c>
      <c r="E937" s="8">
        <v>3.637</v>
      </c>
      <c r="F937" s="8">
        <v>2.6269999999999998</v>
      </c>
      <c r="G937" s="8">
        <v>2.157</v>
      </c>
    </row>
    <row r="938" spans="1:7" x14ac:dyDescent="0.3">
      <c r="A938" s="6">
        <v>45499</v>
      </c>
      <c r="B938" s="8">
        <v>4.4530000000000003</v>
      </c>
      <c r="C938" s="8">
        <v>4.6584000000000003</v>
      </c>
      <c r="D938" s="8">
        <v>2.827</v>
      </c>
      <c r="E938" s="8">
        <v>3.637</v>
      </c>
      <c r="F938" s="8">
        <v>2.6240000000000001</v>
      </c>
      <c r="G938" s="8">
        <v>2.1459999999999999</v>
      </c>
    </row>
    <row r="939" spans="1:7" x14ac:dyDescent="0.3">
      <c r="A939" s="6">
        <v>45502</v>
      </c>
      <c r="B939" s="8">
        <v>4.4249999999999998</v>
      </c>
      <c r="C939" s="8">
        <v>4.6155999999999997</v>
      </c>
      <c r="D939" s="8">
        <v>2.77</v>
      </c>
      <c r="E939" s="8">
        <v>3.5840000000000001</v>
      </c>
      <c r="F939" s="8">
        <v>2.57</v>
      </c>
      <c r="G939" s="8">
        <v>2.1150000000000002</v>
      </c>
    </row>
    <row r="940" spans="1:7" x14ac:dyDescent="0.3">
      <c r="A940" s="6">
        <v>45503</v>
      </c>
      <c r="B940" s="8">
        <v>4.3959999999999999</v>
      </c>
      <c r="C940" s="8">
        <v>4.5987999999999998</v>
      </c>
      <c r="D940" s="8">
        <v>2.7639999999999998</v>
      </c>
      <c r="E940" s="8">
        <v>3.5779999999999998</v>
      </c>
      <c r="F940" s="8">
        <v>2.5640000000000001</v>
      </c>
      <c r="G940" s="8">
        <v>2.1139999999999999</v>
      </c>
    </row>
    <row r="941" spans="1:7" x14ac:dyDescent="0.3">
      <c r="A941" s="6">
        <v>45504</v>
      </c>
      <c r="B941" s="8">
        <v>4.3040000000000003</v>
      </c>
      <c r="C941" s="8">
        <v>4.5353000000000003</v>
      </c>
      <c r="D941" s="8">
        <v>2.7090000000000001</v>
      </c>
      <c r="E941" s="8">
        <v>3.52</v>
      </c>
      <c r="F941" s="8">
        <v>2.512</v>
      </c>
      <c r="G941" s="8">
        <v>2.1680000000000001</v>
      </c>
    </row>
    <row r="942" spans="1:7" x14ac:dyDescent="0.3">
      <c r="A942" s="6">
        <v>45505</v>
      </c>
      <c r="B942" s="8">
        <v>4.2770000000000001</v>
      </c>
      <c r="C942" s="8">
        <v>4.4772999999999996</v>
      </c>
      <c r="D942" s="8">
        <v>2.6709999999999998</v>
      </c>
      <c r="E942" s="8">
        <v>3.5059999999999998</v>
      </c>
      <c r="F942" s="8">
        <v>2.4620000000000002</v>
      </c>
      <c r="G942" s="8">
        <v>2.14</v>
      </c>
    </row>
    <row r="943" spans="1:7" x14ac:dyDescent="0.3">
      <c r="A943" s="6">
        <v>45506</v>
      </c>
      <c r="B943" s="8">
        <v>4.1079999999999997</v>
      </c>
      <c r="C943" s="8">
        <v>4.4321999999999999</v>
      </c>
      <c r="D943" s="8">
        <v>2.6389999999999998</v>
      </c>
      <c r="E943" s="8">
        <v>3.504</v>
      </c>
      <c r="F943" s="8">
        <v>2.4129999999999998</v>
      </c>
      <c r="G943" s="8">
        <v>2.0680000000000001</v>
      </c>
    </row>
    <row r="944" spans="1:7" x14ac:dyDescent="0.3">
      <c r="A944" s="6">
        <v>45509</v>
      </c>
      <c r="B944" s="8">
        <v>4.0730000000000004</v>
      </c>
      <c r="C944" s="8">
        <v>4.4546000000000001</v>
      </c>
      <c r="D944" s="8">
        <v>2.633</v>
      </c>
      <c r="E944" s="8">
        <v>3.4990000000000001</v>
      </c>
      <c r="F944" s="8">
        <v>2.4020000000000001</v>
      </c>
      <c r="G944" s="8">
        <v>1.9219999999999999</v>
      </c>
    </row>
    <row r="945" spans="1:7" x14ac:dyDescent="0.3">
      <c r="A945" s="6">
        <v>45510</v>
      </c>
      <c r="B945" s="8">
        <v>4.18</v>
      </c>
      <c r="C945" s="8">
        <v>4.4874999999999998</v>
      </c>
      <c r="D945" s="8">
        <v>2.629</v>
      </c>
      <c r="E945" s="8">
        <v>3.4620000000000002</v>
      </c>
      <c r="F945" s="8">
        <v>2.4</v>
      </c>
      <c r="G945" s="8">
        <v>2.0950000000000002</v>
      </c>
    </row>
    <row r="946" spans="1:7" x14ac:dyDescent="0.3">
      <c r="A946" s="6">
        <v>45511</v>
      </c>
      <c r="B946" s="8">
        <v>4.2469999999999999</v>
      </c>
      <c r="C946" s="8">
        <v>4.5166000000000004</v>
      </c>
      <c r="D946" s="8">
        <v>2.7120000000000002</v>
      </c>
      <c r="E946" s="8">
        <v>3.5270000000000001</v>
      </c>
      <c r="F946" s="8">
        <v>2.4889999999999999</v>
      </c>
      <c r="G946" s="8">
        <v>2.1970000000000001</v>
      </c>
    </row>
    <row r="947" spans="1:7" x14ac:dyDescent="0.3">
      <c r="A947" s="6">
        <v>45512</v>
      </c>
      <c r="B947" s="8">
        <v>4.2779999999999996</v>
      </c>
      <c r="C947" s="8">
        <v>4.5370999999999997</v>
      </c>
      <c r="D947" s="8">
        <v>2.7229999999999999</v>
      </c>
      <c r="E947" s="8">
        <v>3.544</v>
      </c>
      <c r="F947" s="8">
        <v>2.5009999999999999</v>
      </c>
      <c r="G947" s="8">
        <v>2.0920000000000001</v>
      </c>
    </row>
    <row r="948" spans="1:7" x14ac:dyDescent="0.3">
      <c r="A948" s="6">
        <v>45513</v>
      </c>
      <c r="B948" s="8">
        <v>4.22</v>
      </c>
      <c r="C948" s="8">
        <v>4.5148999999999999</v>
      </c>
      <c r="D948" s="8">
        <v>2.6760000000000002</v>
      </c>
      <c r="E948" s="8">
        <v>3.5009999999999999</v>
      </c>
      <c r="F948" s="8">
        <v>2.456</v>
      </c>
      <c r="G948" s="8">
        <v>2.0609999999999999</v>
      </c>
    </row>
    <row r="949" spans="1:7" x14ac:dyDescent="0.3">
      <c r="A949" s="6">
        <v>45516</v>
      </c>
      <c r="B949" s="8">
        <v>4.2009999999999996</v>
      </c>
      <c r="C949" s="8">
        <v>4.4924999999999997</v>
      </c>
      <c r="D949" s="8">
        <v>2.6749999999999998</v>
      </c>
      <c r="E949" s="8">
        <v>3.5</v>
      </c>
      <c r="F949" s="8">
        <v>2.4569999999999999</v>
      </c>
      <c r="G949" s="8">
        <v>2.0609999999999999</v>
      </c>
    </row>
    <row r="950" spans="1:7" x14ac:dyDescent="0.3">
      <c r="A950" s="6">
        <v>45517</v>
      </c>
      <c r="B950" s="8">
        <v>4.1589999999999998</v>
      </c>
      <c r="C950" s="8">
        <v>4.4673999999999996</v>
      </c>
      <c r="D950" s="8">
        <v>2.641</v>
      </c>
      <c r="E950" s="8">
        <v>3.46</v>
      </c>
      <c r="F950" s="8">
        <v>2.4239999999999999</v>
      </c>
      <c r="G950" s="8">
        <v>2.0579999999999998</v>
      </c>
    </row>
    <row r="951" spans="1:7" x14ac:dyDescent="0.3">
      <c r="A951" s="6">
        <v>45518</v>
      </c>
      <c r="B951" s="8">
        <v>4.1260000000000003</v>
      </c>
      <c r="C951" s="8">
        <v>4.4009999999999998</v>
      </c>
      <c r="D951" s="8">
        <v>2.6349999999999998</v>
      </c>
      <c r="E951" s="8">
        <v>3.4630000000000001</v>
      </c>
      <c r="F951" s="8">
        <v>2.42</v>
      </c>
      <c r="G951" s="8">
        <v>2.0270000000000001</v>
      </c>
    </row>
    <row r="952" spans="1:7" x14ac:dyDescent="0.3">
      <c r="A952" s="6">
        <v>45519</v>
      </c>
      <c r="B952" s="8">
        <v>4.1719999999999997</v>
      </c>
      <c r="C952" s="8">
        <v>4.4790000000000001</v>
      </c>
      <c r="D952" s="8">
        <v>2.6920000000000002</v>
      </c>
      <c r="E952" s="8">
        <v>3.508</v>
      </c>
      <c r="F952" s="8">
        <v>2.4780000000000002</v>
      </c>
      <c r="G952" s="8">
        <v>2.0190000000000001</v>
      </c>
    </row>
    <row r="953" spans="1:7" x14ac:dyDescent="0.3">
      <c r="A953" s="6">
        <v>45520</v>
      </c>
      <c r="B953" s="8">
        <v>4.141</v>
      </c>
      <c r="C953" s="8">
        <v>4.468</v>
      </c>
      <c r="D953" s="8">
        <v>2.677</v>
      </c>
      <c r="E953" s="8">
        <v>3.5030000000000001</v>
      </c>
      <c r="F953" s="8">
        <v>2.4630000000000001</v>
      </c>
      <c r="G953" s="8">
        <v>2.04</v>
      </c>
    </row>
    <row r="954" spans="1:7" x14ac:dyDescent="0.3">
      <c r="A954" s="6">
        <v>45523</v>
      </c>
      <c r="B954" s="8">
        <v>4.1230000000000002</v>
      </c>
      <c r="C954" s="8">
        <v>4.4574999999999996</v>
      </c>
      <c r="D954" s="8">
        <v>2.673</v>
      </c>
      <c r="E954" s="8">
        <v>3.4870000000000001</v>
      </c>
      <c r="F954" s="8">
        <v>2.4609999999999999</v>
      </c>
      <c r="G954" s="8">
        <v>2.0659999999999998</v>
      </c>
    </row>
    <row r="955" spans="1:7" x14ac:dyDescent="0.3">
      <c r="A955" s="6">
        <v>45524</v>
      </c>
      <c r="B955" s="8">
        <v>4.0609999999999999</v>
      </c>
      <c r="C955" s="8">
        <v>4.4534000000000002</v>
      </c>
      <c r="D955" s="8">
        <v>2.6459999999999999</v>
      </c>
      <c r="E955" s="8">
        <v>3.4660000000000002</v>
      </c>
      <c r="F955" s="8">
        <v>2.4340000000000002</v>
      </c>
      <c r="G955" s="8">
        <v>2.097</v>
      </c>
    </row>
    <row r="956" spans="1:7" x14ac:dyDescent="0.3">
      <c r="A956" s="6">
        <v>45525</v>
      </c>
      <c r="B956" s="8">
        <v>4.0780000000000003</v>
      </c>
      <c r="C956" s="8">
        <v>4.4398</v>
      </c>
      <c r="D956" s="8">
        <v>2.637</v>
      </c>
      <c r="E956" s="8">
        <v>3.444</v>
      </c>
      <c r="F956" s="8">
        <v>2.4260000000000002</v>
      </c>
      <c r="G956" s="8">
        <v>2.0830000000000002</v>
      </c>
    </row>
    <row r="957" spans="1:7" x14ac:dyDescent="0.3">
      <c r="A957" s="6">
        <v>45526</v>
      </c>
      <c r="B957" s="8">
        <v>4.1269999999999998</v>
      </c>
      <c r="C957" s="8">
        <v>4.5033000000000003</v>
      </c>
      <c r="D957" s="8">
        <v>2.6760000000000002</v>
      </c>
      <c r="E957" s="8">
        <v>3.496</v>
      </c>
      <c r="F957" s="8">
        <v>2.4729999999999999</v>
      </c>
      <c r="G957" s="8">
        <v>2.06</v>
      </c>
    </row>
    <row r="958" spans="1:7" x14ac:dyDescent="0.3">
      <c r="A958" s="6">
        <v>45527</v>
      </c>
      <c r="B958" s="8">
        <v>4.0919999999999996</v>
      </c>
      <c r="C958" s="8">
        <v>4.4494999999999996</v>
      </c>
      <c r="D958" s="8">
        <v>2.6709999999999998</v>
      </c>
      <c r="E958" s="8">
        <v>3.4820000000000002</v>
      </c>
      <c r="F958" s="8">
        <v>2.468</v>
      </c>
      <c r="G958" s="8">
        <v>2.0649999999999999</v>
      </c>
    </row>
    <row r="959" spans="1:7" x14ac:dyDescent="0.3">
      <c r="A959" s="6">
        <v>45530</v>
      </c>
      <c r="B959" s="8">
        <v>4.1059999999999999</v>
      </c>
      <c r="C959" s="8">
        <v>4.4494999999999996</v>
      </c>
      <c r="D959" s="8">
        <v>2.6829999999999998</v>
      </c>
      <c r="E959" s="8">
        <v>3.5019999999999998</v>
      </c>
      <c r="F959" s="8">
        <v>2.48</v>
      </c>
      <c r="G959" s="8">
        <v>2.0699999999999998</v>
      </c>
    </row>
    <row r="960" spans="1:7" x14ac:dyDescent="0.3">
      <c r="A960" s="6">
        <v>45531</v>
      </c>
      <c r="B960" s="8">
        <v>4.1139999999999999</v>
      </c>
      <c r="C960" s="8">
        <v>4.5096999999999996</v>
      </c>
      <c r="D960" s="8">
        <v>2.738</v>
      </c>
      <c r="E960" s="8">
        <v>3.5720000000000001</v>
      </c>
      <c r="F960" s="8">
        <v>2.5339999999999998</v>
      </c>
      <c r="G960" s="8">
        <v>2.0499999999999998</v>
      </c>
    </row>
    <row r="961" spans="1:7" x14ac:dyDescent="0.3">
      <c r="A961" s="6">
        <v>45532</v>
      </c>
      <c r="B961" s="8">
        <v>4.125</v>
      </c>
      <c r="C961" s="8">
        <v>4.5182000000000002</v>
      </c>
      <c r="D961" s="8">
        <v>2.702</v>
      </c>
      <c r="E961" s="8">
        <v>3.5409999999999999</v>
      </c>
      <c r="F961" s="8">
        <v>2.5</v>
      </c>
      <c r="G961" s="8">
        <v>2.0510000000000002</v>
      </c>
    </row>
    <row r="962" spans="1:7" x14ac:dyDescent="0.3">
      <c r="A962" s="6">
        <v>45533</v>
      </c>
      <c r="B962" s="8">
        <v>4.1459999999999999</v>
      </c>
      <c r="C962" s="8">
        <v>4.5426000000000002</v>
      </c>
      <c r="D962" s="8">
        <v>2.7229999999999999</v>
      </c>
      <c r="E962" s="8">
        <v>3.5550000000000002</v>
      </c>
      <c r="F962" s="8">
        <v>2.5219999999999998</v>
      </c>
      <c r="G962" s="8">
        <v>2.0710000000000002</v>
      </c>
    </row>
    <row r="963" spans="1:7" x14ac:dyDescent="0.3">
      <c r="A963" s="6">
        <v>45534</v>
      </c>
      <c r="B963" s="8">
        <v>4.1959999999999997</v>
      </c>
      <c r="C963" s="8">
        <v>4.5303000000000004</v>
      </c>
      <c r="D963" s="8">
        <v>2.742</v>
      </c>
      <c r="E963" s="8">
        <v>3.577</v>
      </c>
      <c r="F963" s="8">
        <v>2.544</v>
      </c>
      <c r="G963" s="8">
        <v>2.0859999999999999</v>
      </c>
    </row>
    <row r="964" spans="1:7" x14ac:dyDescent="0.3">
      <c r="A964" s="6">
        <v>45537</v>
      </c>
      <c r="B964" s="8">
        <v>4.1959999999999997</v>
      </c>
      <c r="C964" s="8">
        <v>4.5648</v>
      </c>
      <c r="D964" s="8">
        <v>2.7709999999999999</v>
      </c>
      <c r="E964" s="8">
        <v>3.5840000000000001</v>
      </c>
      <c r="F964" s="8">
        <v>2.577</v>
      </c>
      <c r="G964" s="8">
        <v>2.1059999999999999</v>
      </c>
    </row>
    <row r="965" spans="1:7" x14ac:dyDescent="0.3">
      <c r="A965" s="6">
        <v>45538</v>
      </c>
      <c r="B965" s="8">
        <v>4.1239999999999997</v>
      </c>
      <c r="C965" s="8">
        <v>4.5094000000000003</v>
      </c>
      <c r="D965" s="8">
        <v>2.7050000000000001</v>
      </c>
      <c r="E965" s="8">
        <v>3.5379999999999998</v>
      </c>
      <c r="F965" s="8">
        <v>2.5049999999999999</v>
      </c>
      <c r="G965" s="8">
        <v>2.0950000000000002</v>
      </c>
    </row>
    <row r="966" spans="1:7" x14ac:dyDescent="0.3">
      <c r="A966" s="6">
        <v>45539</v>
      </c>
      <c r="B966" s="8">
        <v>4.0590000000000002</v>
      </c>
      <c r="C966" s="8">
        <v>4.4664999999999999</v>
      </c>
      <c r="D966" s="8">
        <v>2.6749999999999998</v>
      </c>
      <c r="E966" s="8">
        <v>3.4889999999999999</v>
      </c>
      <c r="F966" s="8">
        <v>2.4689999999999999</v>
      </c>
      <c r="G966" s="8">
        <v>2.0569999999999999</v>
      </c>
    </row>
    <row r="967" spans="1:7" x14ac:dyDescent="0.3">
      <c r="A967" s="6">
        <v>45540</v>
      </c>
      <c r="B967" s="8">
        <v>4.0209999999999999</v>
      </c>
      <c r="C967" s="8">
        <v>4.4410999999999996</v>
      </c>
      <c r="D967" s="8">
        <v>2.657</v>
      </c>
      <c r="E967" s="8">
        <v>3.4550000000000001</v>
      </c>
      <c r="F967" s="8">
        <v>2.4529999999999998</v>
      </c>
      <c r="G967" s="8">
        <v>2.0430000000000001</v>
      </c>
    </row>
    <row r="968" spans="1:7" x14ac:dyDescent="0.3">
      <c r="A968" s="6">
        <v>45541</v>
      </c>
      <c r="B968" s="8">
        <v>4.0190000000000001</v>
      </c>
      <c r="C968" s="8">
        <v>4.4302999999999999</v>
      </c>
      <c r="D968" s="8">
        <v>2.64</v>
      </c>
      <c r="E968" s="8">
        <v>3.4329999999999998</v>
      </c>
      <c r="F968" s="8">
        <v>2.4350000000000001</v>
      </c>
      <c r="G968" s="8">
        <v>2.0110000000000001</v>
      </c>
    </row>
    <row r="969" spans="1:7" x14ac:dyDescent="0.3">
      <c r="A969" s="6">
        <v>45544</v>
      </c>
      <c r="B969" s="8">
        <v>4.0010000000000003</v>
      </c>
      <c r="C969" s="8">
        <v>4.4226999999999999</v>
      </c>
      <c r="D969" s="8">
        <v>2.6440000000000001</v>
      </c>
      <c r="E969" s="8">
        <v>3.4420000000000002</v>
      </c>
      <c r="F969" s="8">
        <v>2.4289999999999998</v>
      </c>
      <c r="G969" s="8">
        <v>2.052</v>
      </c>
    </row>
    <row r="970" spans="1:7" x14ac:dyDescent="0.3">
      <c r="A970" s="6">
        <v>45545</v>
      </c>
      <c r="B970" s="8">
        <v>3.964</v>
      </c>
      <c r="C970" s="8">
        <v>4.3970000000000002</v>
      </c>
      <c r="D970" s="8">
        <v>2.6179999999999999</v>
      </c>
      <c r="E970" s="8">
        <v>3.4169999999999998</v>
      </c>
      <c r="F970" s="8">
        <v>2.4039999999999999</v>
      </c>
      <c r="G970" s="8">
        <v>2.0649999999999999</v>
      </c>
    </row>
    <row r="971" spans="1:7" x14ac:dyDescent="0.3">
      <c r="A971" s="6">
        <v>45546</v>
      </c>
      <c r="B971" s="8">
        <v>3.9670000000000001</v>
      </c>
      <c r="C971" s="8">
        <v>4.3705999999999996</v>
      </c>
      <c r="D971" s="8">
        <v>2.6110000000000002</v>
      </c>
      <c r="E971" s="8">
        <v>3.4140000000000001</v>
      </c>
      <c r="F971" s="8">
        <v>2.3929999999999998</v>
      </c>
      <c r="G971" s="8">
        <v>2.0489999999999999</v>
      </c>
    </row>
    <row r="972" spans="1:7" x14ac:dyDescent="0.3">
      <c r="A972" s="6">
        <v>45547</v>
      </c>
      <c r="B972" s="8">
        <v>3.9889999999999999</v>
      </c>
      <c r="C972" s="8">
        <v>4.3747999999999996</v>
      </c>
      <c r="D972" s="8">
        <v>2.64</v>
      </c>
      <c r="E972" s="8">
        <v>3.4319999999999999</v>
      </c>
      <c r="F972" s="8">
        <v>2.4220000000000002</v>
      </c>
      <c r="G972" s="8">
        <v>2.048</v>
      </c>
    </row>
    <row r="973" spans="1:7" x14ac:dyDescent="0.3">
      <c r="A973" s="6">
        <v>45548</v>
      </c>
      <c r="B973" s="8">
        <v>3.9809999999999999</v>
      </c>
      <c r="C973" s="8">
        <v>4.3581000000000003</v>
      </c>
      <c r="D973" s="8">
        <v>2.6469999999999998</v>
      </c>
      <c r="E973" s="8">
        <v>3.427</v>
      </c>
      <c r="F973" s="8">
        <v>2.4289999999999998</v>
      </c>
      <c r="G973" s="8">
        <v>2.008</v>
      </c>
    </row>
    <row r="974" spans="1:7" x14ac:dyDescent="0.3">
      <c r="A974" s="6">
        <v>45551</v>
      </c>
      <c r="B974" s="8">
        <v>3.9289999999999998</v>
      </c>
      <c r="C974" s="8">
        <v>4.3490000000000002</v>
      </c>
      <c r="D974" s="8">
        <v>2.6120000000000001</v>
      </c>
      <c r="E974" s="8">
        <v>3.4129999999999998</v>
      </c>
      <c r="F974" s="8">
        <v>2.3980000000000001</v>
      </c>
      <c r="G974" s="8">
        <v>2.008</v>
      </c>
    </row>
    <row r="975" spans="1:7" x14ac:dyDescent="0.3">
      <c r="A975" s="6">
        <v>45552</v>
      </c>
      <c r="B975" s="8">
        <v>3.96</v>
      </c>
      <c r="C975" s="8">
        <v>4.3518999999999997</v>
      </c>
      <c r="D975" s="8">
        <v>2.6110000000000002</v>
      </c>
      <c r="E975" s="8">
        <v>3.419</v>
      </c>
      <c r="F975" s="8">
        <v>2.395</v>
      </c>
      <c r="G975" s="8">
        <v>1.98</v>
      </c>
    </row>
    <row r="976" spans="1:7" x14ac:dyDescent="0.3">
      <c r="A976" s="6">
        <v>45553</v>
      </c>
      <c r="B976" s="8">
        <v>4.0209999999999999</v>
      </c>
      <c r="C976" s="8">
        <v>4.4127000000000001</v>
      </c>
      <c r="D976" s="8">
        <v>2.673</v>
      </c>
      <c r="E976" s="8">
        <v>3.4910000000000001</v>
      </c>
      <c r="F976" s="8">
        <v>2.4540000000000002</v>
      </c>
      <c r="G976" s="8">
        <v>1.988</v>
      </c>
    </row>
    <row r="977" spans="1:7" x14ac:dyDescent="0.3">
      <c r="A977" s="6">
        <v>45554</v>
      </c>
      <c r="B977" s="8">
        <v>4.0510000000000002</v>
      </c>
      <c r="C977" s="8">
        <v>4.4603999999999999</v>
      </c>
      <c r="D977" s="8">
        <v>2.7210000000000001</v>
      </c>
      <c r="E977" s="8">
        <v>3.5430000000000001</v>
      </c>
      <c r="F977" s="8">
        <v>2.5</v>
      </c>
      <c r="G977" s="8">
        <v>2.0470000000000002</v>
      </c>
    </row>
    <row r="978" spans="1:7" x14ac:dyDescent="0.3">
      <c r="A978" s="6">
        <v>45555</v>
      </c>
      <c r="B978" s="8">
        <v>4.085</v>
      </c>
      <c r="C978" s="8">
        <v>4.4687000000000001</v>
      </c>
      <c r="D978" s="8">
        <v>2.7269999999999999</v>
      </c>
      <c r="E978" s="8">
        <v>3.5619999999999998</v>
      </c>
      <c r="F978" s="8">
        <v>2.5070000000000001</v>
      </c>
      <c r="G978" s="8">
        <v>2.0579999999999998</v>
      </c>
    </row>
    <row r="979" spans="1:7" x14ac:dyDescent="0.3">
      <c r="A979" s="6">
        <v>45558</v>
      </c>
      <c r="B979" s="8">
        <v>4.093</v>
      </c>
      <c r="C979" s="8">
        <v>4.4949000000000003</v>
      </c>
      <c r="D979" s="8">
        <v>2.6989999999999998</v>
      </c>
      <c r="E979" s="8">
        <v>3.5659999999999998</v>
      </c>
      <c r="F979" s="8">
        <v>2.4790000000000001</v>
      </c>
      <c r="G979" s="8">
        <v>2.0579999999999998</v>
      </c>
    </row>
    <row r="980" spans="1:7" x14ac:dyDescent="0.3">
      <c r="A980" s="6">
        <v>45559</v>
      </c>
      <c r="B980" s="8">
        <v>4.085</v>
      </c>
      <c r="C980" s="8">
        <v>4.5138999999999996</v>
      </c>
      <c r="D980" s="8">
        <v>2.6949999999999998</v>
      </c>
      <c r="E980" s="8">
        <v>3.5569999999999999</v>
      </c>
      <c r="F980" s="8">
        <v>2.4769999999999999</v>
      </c>
      <c r="G980" s="8">
        <v>2.06</v>
      </c>
    </row>
    <row r="981" spans="1:7" x14ac:dyDescent="0.3">
      <c r="A981" s="6">
        <v>45560</v>
      </c>
      <c r="B981" s="8">
        <v>4.141</v>
      </c>
      <c r="C981" s="8">
        <v>4.5651999999999999</v>
      </c>
      <c r="D981" s="8">
        <v>2.7069999999999999</v>
      </c>
      <c r="E981" s="8">
        <v>3.593</v>
      </c>
      <c r="F981" s="8">
        <v>2.4900000000000002</v>
      </c>
      <c r="G981" s="8">
        <v>2.0350000000000001</v>
      </c>
    </row>
    <row r="982" spans="1:7" x14ac:dyDescent="0.3">
      <c r="A982" s="6">
        <v>45561</v>
      </c>
      <c r="B982" s="8">
        <v>4.1319999999999997</v>
      </c>
      <c r="C982" s="8">
        <v>4.5987</v>
      </c>
      <c r="D982" s="8">
        <v>2.7160000000000002</v>
      </c>
      <c r="E982" s="8">
        <v>3.609</v>
      </c>
      <c r="F982" s="8">
        <v>2.4990000000000001</v>
      </c>
      <c r="G982" s="8">
        <v>2.0750000000000002</v>
      </c>
    </row>
    <row r="983" spans="1:7" x14ac:dyDescent="0.3">
      <c r="A983" s="6">
        <v>45562</v>
      </c>
      <c r="B983" s="8">
        <v>4.1050000000000004</v>
      </c>
      <c r="C983" s="8">
        <v>4.5746000000000002</v>
      </c>
      <c r="D983" s="8">
        <v>2.68</v>
      </c>
      <c r="E983" s="8">
        <v>3.5590000000000002</v>
      </c>
      <c r="F983" s="8">
        <v>2.4649999999999999</v>
      </c>
      <c r="G983" s="8">
        <v>2.0760000000000001</v>
      </c>
    </row>
    <row r="984" spans="1:7" x14ac:dyDescent="0.3">
      <c r="A984" s="6">
        <v>45565</v>
      </c>
      <c r="B984" s="8">
        <v>4.12</v>
      </c>
      <c r="C984" s="8">
        <v>4.5823999999999998</v>
      </c>
      <c r="D984" s="8">
        <v>2.6749999999999998</v>
      </c>
      <c r="E984" s="8">
        <v>3.5550000000000002</v>
      </c>
      <c r="F984" s="8">
        <v>2.4569999999999999</v>
      </c>
      <c r="G984" s="8">
        <v>2.0760000000000001</v>
      </c>
    </row>
    <row r="985" spans="1:7" x14ac:dyDescent="0.3">
      <c r="A985" s="6">
        <v>45566</v>
      </c>
      <c r="B985" s="8">
        <v>4.0730000000000004</v>
      </c>
      <c r="C985" s="8">
        <v>4.5113000000000003</v>
      </c>
      <c r="D985" s="8">
        <v>2.5710000000000002</v>
      </c>
      <c r="E985" s="8">
        <v>3.4470000000000001</v>
      </c>
      <c r="F985" s="8">
        <v>2.359</v>
      </c>
      <c r="G985" s="8">
        <v>2.0670000000000002</v>
      </c>
    </row>
    <row r="986" spans="1:7" x14ac:dyDescent="0.3">
      <c r="A986" s="6">
        <v>45567</v>
      </c>
      <c r="B986" s="8">
        <v>4.13</v>
      </c>
      <c r="C986" s="8">
        <v>4.5934999999999997</v>
      </c>
      <c r="D986" s="8">
        <v>2.629</v>
      </c>
      <c r="E986" s="8">
        <v>3.5009999999999999</v>
      </c>
      <c r="F986" s="8">
        <v>2.4129999999999998</v>
      </c>
      <c r="G986" s="8">
        <v>2.0619999999999998</v>
      </c>
    </row>
    <row r="987" spans="1:7" x14ac:dyDescent="0.3">
      <c r="A987" s="6">
        <v>45568</v>
      </c>
      <c r="B987" s="8">
        <v>4.1779999999999999</v>
      </c>
      <c r="C987" s="8">
        <v>4.5970000000000004</v>
      </c>
      <c r="D987" s="8">
        <v>2.681</v>
      </c>
      <c r="E987" s="8">
        <v>3.5680000000000001</v>
      </c>
      <c r="F987" s="8">
        <v>2.4609999999999999</v>
      </c>
      <c r="G987" s="8">
        <v>2.0720000000000001</v>
      </c>
    </row>
    <row r="988" spans="1:7" x14ac:dyDescent="0.3">
      <c r="A988" s="6">
        <v>45569</v>
      </c>
      <c r="B988" s="8">
        <v>4.2510000000000003</v>
      </c>
      <c r="C988" s="8">
        <v>4.6745000000000001</v>
      </c>
      <c r="D988" s="8">
        <v>2.7040000000000002</v>
      </c>
      <c r="E988" s="8">
        <v>3.5680000000000001</v>
      </c>
      <c r="F988" s="8">
        <v>2.4900000000000002</v>
      </c>
      <c r="G988" s="8">
        <v>2.0750000000000002</v>
      </c>
    </row>
    <row r="989" spans="1:7" x14ac:dyDescent="0.3">
      <c r="A989" s="6">
        <v>45572</v>
      </c>
      <c r="B989" s="8">
        <v>4.306</v>
      </c>
      <c r="C989" s="8">
        <v>4.7293000000000003</v>
      </c>
      <c r="D989" s="8">
        <v>2.742</v>
      </c>
      <c r="E989" s="8">
        <v>3.5979999999999999</v>
      </c>
      <c r="F989" s="8">
        <v>2.5329999999999999</v>
      </c>
      <c r="G989" s="8">
        <v>2.1160000000000001</v>
      </c>
    </row>
    <row r="990" spans="1:7" x14ac:dyDescent="0.3">
      <c r="A990" s="6">
        <v>45573</v>
      </c>
      <c r="B990" s="8">
        <v>4.2939999999999996</v>
      </c>
      <c r="C990" s="8">
        <v>4.7156000000000002</v>
      </c>
      <c r="D990" s="8">
        <v>2.7410000000000001</v>
      </c>
      <c r="E990" s="8">
        <v>3.5880000000000001</v>
      </c>
      <c r="F990" s="8">
        <v>2.536</v>
      </c>
      <c r="G990" s="8">
        <v>2.101</v>
      </c>
    </row>
    <row r="991" spans="1:7" x14ac:dyDescent="0.3">
      <c r="A991" s="6">
        <v>45574</v>
      </c>
      <c r="B991" s="8">
        <v>4.3419999999999996</v>
      </c>
      <c r="C991" s="8">
        <v>4.7171000000000003</v>
      </c>
      <c r="D991" s="8">
        <v>2.74</v>
      </c>
      <c r="E991" s="8">
        <v>3.6040000000000001</v>
      </c>
      <c r="F991" s="8">
        <v>2.5409999999999999</v>
      </c>
      <c r="G991" s="8">
        <v>2.1459999999999999</v>
      </c>
    </row>
    <row r="992" spans="1:7" x14ac:dyDescent="0.3">
      <c r="A992" s="6">
        <v>45575</v>
      </c>
      <c r="B992" s="8">
        <v>4.3600000000000003</v>
      </c>
      <c r="C992" s="8">
        <v>4.7503000000000002</v>
      </c>
      <c r="D992" s="8">
        <v>2.7410000000000001</v>
      </c>
      <c r="E992" s="8">
        <v>3.6080000000000001</v>
      </c>
      <c r="F992" s="8">
        <v>2.5470000000000002</v>
      </c>
      <c r="G992" s="8">
        <v>2.1789999999999998</v>
      </c>
    </row>
    <row r="993" spans="1:7" x14ac:dyDescent="0.3">
      <c r="A993" s="6">
        <v>45576</v>
      </c>
      <c r="B993" s="8">
        <v>4.4119999999999999</v>
      </c>
      <c r="C993" s="8">
        <v>4.7476000000000003</v>
      </c>
      <c r="D993" s="8">
        <v>2.7549999999999999</v>
      </c>
      <c r="E993" s="8">
        <v>3.6190000000000002</v>
      </c>
      <c r="F993" s="8">
        <v>2.5579999999999998</v>
      </c>
      <c r="G993" s="8">
        <v>2.1589999999999998</v>
      </c>
    </row>
    <row r="994" spans="1:7" x14ac:dyDescent="0.3">
      <c r="A994" s="6">
        <v>45579</v>
      </c>
      <c r="B994" s="8">
        <v>4.4119999999999999</v>
      </c>
      <c r="C994" s="8">
        <v>4.7774000000000001</v>
      </c>
      <c r="D994" s="8">
        <v>2.7570000000000001</v>
      </c>
      <c r="E994" s="8">
        <v>3.6139999999999999</v>
      </c>
      <c r="F994" s="8">
        <v>2.5590000000000002</v>
      </c>
      <c r="G994" s="8">
        <v>2.1589999999999998</v>
      </c>
    </row>
    <row r="995" spans="1:7" x14ac:dyDescent="0.3">
      <c r="A995" s="6">
        <v>45580</v>
      </c>
      <c r="B995" s="8">
        <v>4.3209999999999997</v>
      </c>
      <c r="C995" s="8">
        <v>4.6773999999999996</v>
      </c>
      <c r="D995" s="8">
        <v>2.7080000000000002</v>
      </c>
      <c r="E995" s="8">
        <v>3.5470000000000002</v>
      </c>
      <c r="F995" s="8">
        <v>2.5129999999999999</v>
      </c>
      <c r="G995" s="8">
        <v>2.1619999999999999</v>
      </c>
    </row>
    <row r="996" spans="1:7" x14ac:dyDescent="0.3">
      <c r="A996" s="6">
        <v>45581</v>
      </c>
      <c r="B996" s="8">
        <v>4.2960000000000003</v>
      </c>
      <c r="C996" s="8">
        <v>4.5907999999999998</v>
      </c>
      <c r="D996" s="8">
        <v>2.6720000000000002</v>
      </c>
      <c r="E996" s="8">
        <v>3.516</v>
      </c>
      <c r="F996" s="8">
        <v>2.4769999999999999</v>
      </c>
      <c r="G996" s="8">
        <v>2.145</v>
      </c>
    </row>
    <row r="997" spans="1:7" x14ac:dyDescent="0.3">
      <c r="A997" s="6">
        <v>45582</v>
      </c>
      <c r="B997" s="8">
        <v>4.3899999999999997</v>
      </c>
      <c r="C997" s="8">
        <v>4.6138000000000003</v>
      </c>
      <c r="D997" s="8">
        <v>2.7109999999999999</v>
      </c>
      <c r="E997" s="8">
        <v>3.5590000000000002</v>
      </c>
      <c r="F997" s="8">
        <v>2.5209999999999999</v>
      </c>
      <c r="G997" s="8">
        <v>2.13</v>
      </c>
    </row>
    <row r="998" spans="1:7" x14ac:dyDescent="0.3">
      <c r="A998" s="6">
        <v>45583</v>
      </c>
      <c r="B998" s="8">
        <v>4.3929999999999998</v>
      </c>
      <c r="C998" s="8">
        <v>4.5885999999999996</v>
      </c>
      <c r="D998" s="8">
        <v>2.6869999999999998</v>
      </c>
      <c r="E998" s="8">
        <v>3.5179999999999998</v>
      </c>
      <c r="F998" s="8">
        <v>2.4980000000000002</v>
      </c>
      <c r="G998" s="8">
        <v>2.141</v>
      </c>
    </row>
    <row r="999" spans="1:7" x14ac:dyDescent="0.3">
      <c r="A999" s="6">
        <v>45586</v>
      </c>
      <c r="B999" s="8">
        <v>4.5</v>
      </c>
      <c r="C999" s="8">
        <v>4.6786000000000003</v>
      </c>
      <c r="D999" s="8">
        <v>2.778</v>
      </c>
      <c r="E999" s="8">
        <v>3.629</v>
      </c>
      <c r="F999" s="8">
        <v>2.5920000000000001</v>
      </c>
      <c r="G999" s="8">
        <v>2.165</v>
      </c>
    </row>
    <row r="1000" spans="1:7" x14ac:dyDescent="0.3">
      <c r="A1000" s="6">
        <v>45587</v>
      </c>
      <c r="B1000" s="8">
        <v>4.4969999999999999</v>
      </c>
      <c r="C1000" s="8">
        <v>4.7074999999999996</v>
      </c>
      <c r="D1000" s="8">
        <v>2.81</v>
      </c>
      <c r="E1000" s="8">
        <v>3.6659999999999999</v>
      </c>
      <c r="F1000" s="8">
        <v>2.6259999999999999</v>
      </c>
      <c r="G1000" s="8">
        <v>2.198</v>
      </c>
    </row>
    <row r="1001" spans="1:7" x14ac:dyDescent="0.3">
      <c r="A1001" s="6">
        <v>45588</v>
      </c>
      <c r="B1001" s="8">
        <v>4.5199999999999996</v>
      </c>
      <c r="C1001" s="8">
        <v>4.7305000000000001</v>
      </c>
      <c r="D1001" s="8">
        <v>2.8090000000000002</v>
      </c>
      <c r="E1001" s="8">
        <v>3.6520000000000001</v>
      </c>
      <c r="F1001" s="8">
        <v>2.6240000000000001</v>
      </c>
      <c r="G1001" s="8">
        <v>2.2029999999999998</v>
      </c>
    </row>
    <row r="1002" spans="1:7" x14ac:dyDescent="0.3">
      <c r="A1002" s="6">
        <v>45589</v>
      </c>
      <c r="B1002" s="8">
        <v>4.4749999999999996</v>
      </c>
      <c r="C1002" s="8">
        <v>4.7629000000000001</v>
      </c>
      <c r="D1002" s="8">
        <v>2.7679999999999998</v>
      </c>
      <c r="E1002" s="8">
        <v>3.6040000000000001</v>
      </c>
      <c r="F1002" s="8">
        <v>2.585</v>
      </c>
      <c r="G1002" s="8">
        <v>2.198</v>
      </c>
    </row>
    <row r="1003" spans="1:7" x14ac:dyDescent="0.3">
      <c r="A1003" s="6">
        <v>45590</v>
      </c>
      <c r="B1003" s="8">
        <v>4.5</v>
      </c>
      <c r="C1003" s="8">
        <v>4.7336999999999998</v>
      </c>
      <c r="D1003" s="8">
        <v>2.7789999999999999</v>
      </c>
      <c r="E1003" s="8">
        <v>3.6440000000000001</v>
      </c>
      <c r="F1003" s="8">
        <v>2.5960000000000001</v>
      </c>
      <c r="G1003" s="8">
        <v>2.169</v>
      </c>
    </row>
    <row r="1004" spans="1:7" x14ac:dyDescent="0.3">
      <c r="A1004" s="6">
        <v>45593</v>
      </c>
      <c r="B1004" s="8">
        <v>4.53</v>
      </c>
      <c r="C1004" s="8">
        <v>4.7508999999999997</v>
      </c>
      <c r="D1004" s="8">
        <v>2.7770000000000001</v>
      </c>
      <c r="E1004" s="8">
        <v>3.6139999999999999</v>
      </c>
      <c r="F1004" s="8">
        <v>2.5950000000000002</v>
      </c>
      <c r="G1004" s="8">
        <v>2.2170000000000001</v>
      </c>
    </row>
    <row r="1005" spans="1:7" x14ac:dyDescent="0.3">
      <c r="A1005" s="6">
        <v>45594</v>
      </c>
      <c r="B1005" s="8">
        <v>4.4989999999999997</v>
      </c>
      <c r="C1005" s="8">
        <v>4.7899000000000003</v>
      </c>
      <c r="D1005" s="8">
        <v>2.81</v>
      </c>
      <c r="E1005" s="8">
        <v>3.6629999999999998</v>
      </c>
      <c r="F1005" s="8">
        <v>2.629</v>
      </c>
      <c r="G1005" s="8">
        <v>2.2090000000000001</v>
      </c>
    </row>
    <row r="1006" spans="1:7" x14ac:dyDescent="0.3">
      <c r="A1006" s="6">
        <v>45595</v>
      </c>
      <c r="B1006" s="8">
        <v>4.5039999999999996</v>
      </c>
      <c r="C1006" s="8">
        <v>4.8292999999999999</v>
      </c>
      <c r="D1006" s="8">
        <v>2.7909999999999999</v>
      </c>
      <c r="E1006" s="8">
        <v>3.6539999999999999</v>
      </c>
      <c r="F1006" s="8">
        <v>2.6179999999999999</v>
      </c>
      <c r="G1006" s="8">
        <v>2.218</v>
      </c>
    </row>
    <row r="1007" spans="1:7" x14ac:dyDescent="0.3">
      <c r="A1007" s="6">
        <v>45596</v>
      </c>
      <c r="B1007" s="8">
        <v>4.476</v>
      </c>
      <c r="C1007" s="8">
        <v>4.8780999999999999</v>
      </c>
      <c r="D1007" s="8">
        <v>2.76</v>
      </c>
      <c r="E1007" s="8">
        <v>3.6150000000000002</v>
      </c>
      <c r="F1007" s="8">
        <v>2.5939999999999999</v>
      </c>
      <c r="G1007" s="8">
        <v>2.2080000000000002</v>
      </c>
    </row>
    <row r="1008" spans="1:7" x14ac:dyDescent="0.3">
      <c r="A1008" s="6">
        <v>45597</v>
      </c>
      <c r="B1008" s="8">
        <v>4.58</v>
      </c>
      <c r="C1008" s="8">
        <v>4.8975999999999997</v>
      </c>
      <c r="D1008" s="8">
        <v>2.7909999999999999</v>
      </c>
      <c r="E1008" s="8">
        <v>3.6779999999999999</v>
      </c>
      <c r="F1008" s="8">
        <v>2.63</v>
      </c>
      <c r="G1008" s="8">
        <v>2.2080000000000002</v>
      </c>
    </row>
    <row r="1009" spans="1:7" x14ac:dyDescent="0.3">
      <c r="A1009" s="6">
        <v>45600</v>
      </c>
      <c r="B1009" s="8">
        <v>4.468</v>
      </c>
      <c r="C1009" s="8">
        <v>4.9223999999999997</v>
      </c>
      <c r="D1009" s="8">
        <v>2.7389999999999999</v>
      </c>
      <c r="E1009" s="8">
        <v>3.617</v>
      </c>
      <c r="F1009" s="8">
        <v>2.5790000000000002</v>
      </c>
      <c r="G1009" s="8">
        <v>2.2080000000000002</v>
      </c>
    </row>
    <row r="1010" spans="1:7" x14ac:dyDescent="0.3">
      <c r="A1010" s="6">
        <v>45601</v>
      </c>
      <c r="B1010" s="8">
        <v>4.4359999999999999</v>
      </c>
      <c r="C1010" s="8">
        <v>4.9564000000000004</v>
      </c>
      <c r="D1010" s="8">
        <v>2.7669999999999999</v>
      </c>
      <c r="E1010" s="8">
        <v>3.6280000000000001</v>
      </c>
      <c r="F1010" s="8">
        <v>2.6080000000000001</v>
      </c>
      <c r="G1010" s="8">
        <v>2.2080000000000002</v>
      </c>
    </row>
    <row r="1011" spans="1:7" x14ac:dyDescent="0.3">
      <c r="A1011" s="6">
        <v>45602</v>
      </c>
      <c r="B1011" s="8">
        <v>4.6120000000000001</v>
      </c>
      <c r="C1011" s="8">
        <v>5.0111999999999997</v>
      </c>
      <c r="D1011" s="8">
        <v>2.8180000000000001</v>
      </c>
      <c r="E1011" s="8">
        <v>3.6970000000000001</v>
      </c>
      <c r="F1011" s="8">
        <v>2.649</v>
      </c>
      <c r="G1011" s="8">
        <v>2.2229999999999999</v>
      </c>
    </row>
    <row r="1012" spans="1:7" x14ac:dyDescent="0.3">
      <c r="A1012" s="6">
        <v>45603</v>
      </c>
      <c r="B1012" s="8">
        <v>4.5309999999999997</v>
      </c>
      <c r="C1012" s="8">
        <v>4.9602000000000004</v>
      </c>
      <c r="D1012" s="8">
        <v>2.8530000000000002</v>
      </c>
      <c r="E1012" s="8">
        <v>3.734</v>
      </c>
      <c r="F1012" s="8">
        <v>2.698</v>
      </c>
      <c r="G1012" s="8">
        <v>2.2450000000000001</v>
      </c>
    </row>
    <row r="1013" spans="1:7" x14ac:dyDescent="0.3">
      <c r="A1013" s="6">
        <v>45604</v>
      </c>
      <c r="B1013" s="8">
        <v>4.4710000000000001</v>
      </c>
      <c r="C1013" s="8">
        <v>4.8992000000000004</v>
      </c>
      <c r="D1013" s="8">
        <v>2.758</v>
      </c>
      <c r="E1013" s="8">
        <v>3.6230000000000002</v>
      </c>
      <c r="F1013" s="8">
        <v>2.605</v>
      </c>
      <c r="G1013" s="8">
        <v>2.2410000000000001</v>
      </c>
    </row>
    <row r="1014" spans="1:7" x14ac:dyDescent="0.3">
      <c r="A1014" s="6">
        <v>45607</v>
      </c>
      <c r="B1014" s="8">
        <v>4.4710000000000001</v>
      </c>
      <c r="C1014" s="8">
        <v>4.8719000000000001</v>
      </c>
      <c r="D1014" s="8">
        <v>2.7149999999999999</v>
      </c>
      <c r="E1014" s="8">
        <v>3.5880000000000001</v>
      </c>
      <c r="F1014" s="8">
        <v>2.5590000000000002</v>
      </c>
      <c r="G1014" s="8">
        <v>2.246</v>
      </c>
    </row>
    <row r="1015" spans="1:7" x14ac:dyDescent="0.3">
      <c r="A1015" s="6">
        <v>45608</v>
      </c>
      <c r="B1015" s="8">
        <v>4.5679999999999996</v>
      </c>
      <c r="C1015" s="8">
        <v>4.9122000000000003</v>
      </c>
      <c r="D1015" s="8">
        <v>2.7290000000000001</v>
      </c>
      <c r="E1015" s="8">
        <v>3.629</v>
      </c>
      <c r="F1015" s="8">
        <v>2.569</v>
      </c>
      <c r="G1015" s="8">
        <v>2.2610000000000001</v>
      </c>
    </row>
    <row r="1016" spans="1:7" x14ac:dyDescent="0.3">
      <c r="A1016" s="6">
        <v>45609</v>
      </c>
      <c r="B1016" s="8">
        <v>4.6369999999999996</v>
      </c>
      <c r="C1016" s="8">
        <v>4.9099000000000004</v>
      </c>
      <c r="D1016" s="8">
        <v>2.7440000000000002</v>
      </c>
      <c r="E1016" s="8">
        <v>3.6070000000000002</v>
      </c>
      <c r="F1016" s="8">
        <v>2.569</v>
      </c>
      <c r="G1016" s="8">
        <v>2.2759999999999998</v>
      </c>
    </row>
    <row r="1017" spans="1:7" x14ac:dyDescent="0.3">
      <c r="A1017" s="6">
        <v>45610</v>
      </c>
      <c r="B1017" s="8">
        <v>4.5880000000000001</v>
      </c>
      <c r="C1017" s="8">
        <v>4.9173999999999998</v>
      </c>
      <c r="D1017" s="8">
        <v>2.7029999999999998</v>
      </c>
      <c r="E1017" s="8">
        <v>3.5739999999999998</v>
      </c>
      <c r="F1017" s="8">
        <v>2.56</v>
      </c>
      <c r="G1017" s="8">
        <v>2.2949999999999999</v>
      </c>
    </row>
    <row r="1018" spans="1:7" x14ac:dyDescent="0.3">
      <c r="A1018" s="6">
        <v>45611</v>
      </c>
      <c r="B1018" s="8">
        <v>4.6189999999999998</v>
      </c>
      <c r="C1018" s="8">
        <v>4.9233000000000002</v>
      </c>
      <c r="D1018" s="8">
        <v>2.698</v>
      </c>
      <c r="E1018" s="8">
        <v>3.573</v>
      </c>
      <c r="F1018" s="8">
        <v>2.573</v>
      </c>
      <c r="G1018" s="8">
        <v>2.294</v>
      </c>
    </row>
    <row r="1019" spans="1:7" x14ac:dyDescent="0.3">
      <c r="A1019" s="6">
        <v>45614</v>
      </c>
      <c r="B1019" s="8">
        <v>4.6109999999999998</v>
      </c>
      <c r="C1019" s="8">
        <v>4.9107000000000003</v>
      </c>
      <c r="D1019" s="8">
        <v>2.71</v>
      </c>
      <c r="E1019" s="8">
        <v>3.573</v>
      </c>
      <c r="F1019" s="8">
        <v>2.5750000000000002</v>
      </c>
      <c r="G1019" s="8">
        <v>2.2959999999999998</v>
      </c>
    </row>
    <row r="1020" spans="1:7" x14ac:dyDescent="0.3">
      <c r="A1020" s="6">
        <v>45615</v>
      </c>
      <c r="B1020" s="8">
        <v>4.5830000000000002</v>
      </c>
      <c r="C1020" s="8">
        <v>4.8685</v>
      </c>
      <c r="D1020" s="8">
        <v>2.6829999999999998</v>
      </c>
      <c r="E1020" s="8">
        <v>3.5569999999999999</v>
      </c>
      <c r="F1020" s="8">
        <v>2.5390000000000001</v>
      </c>
      <c r="G1020" s="8">
        <v>2.2850000000000001</v>
      </c>
    </row>
    <row r="1021" spans="1:7" x14ac:dyDescent="0.3">
      <c r="A1021" s="6">
        <v>45616</v>
      </c>
      <c r="B1021" s="8">
        <v>4.5979999999999999</v>
      </c>
      <c r="C1021" s="8">
        <v>4.9200999999999997</v>
      </c>
      <c r="D1021" s="8">
        <v>2.6930000000000001</v>
      </c>
      <c r="E1021" s="8">
        <v>3.5790000000000002</v>
      </c>
      <c r="F1021" s="8">
        <v>2.548</v>
      </c>
      <c r="G1021" s="8">
        <v>2.2839999999999998</v>
      </c>
    </row>
    <row r="1022" spans="1:7" x14ac:dyDescent="0.3">
      <c r="A1022" s="6">
        <v>45617</v>
      </c>
      <c r="B1022" s="8">
        <v>4.6020000000000003</v>
      </c>
      <c r="C1022" s="8">
        <v>4.9103000000000003</v>
      </c>
      <c r="D1022" s="8">
        <v>2.6819999999999999</v>
      </c>
      <c r="E1022" s="8">
        <v>3.597</v>
      </c>
      <c r="F1022" s="8">
        <v>2.5379999999999998</v>
      </c>
      <c r="G1022" s="8">
        <v>2.282</v>
      </c>
    </row>
    <row r="1023" spans="1:7" x14ac:dyDescent="0.3">
      <c r="A1023" s="6">
        <v>45618</v>
      </c>
      <c r="B1023" s="8">
        <v>4.5890000000000004</v>
      </c>
      <c r="C1023" s="8">
        <v>4.8540000000000001</v>
      </c>
      <c r="D1023" s="8">
        <v>2.637</v>
      </c>
      <c r="E1023" s="8">
        <v>3.5720000000000001</v>
      </c>
      <c r="F1023" s="8">
        <v>2.4940000000000002</v>
      </c>
      <c r="G1023" s="8">
        <v>2.2850000000000001</v>
      </c>
    </row>
    <row r="1024" spans="1:7" x14ac:dyDescent="0.3">
      <c r="A1024" s="6">
        <v>45621</v>
      </c>
      <c r="B1024" s="8">
        <v>4.4669999999999996</v>
      </c>
      <c r="C1024" s="8">
        <v>4.8061999999999996</v>
      </c>
      <c r="D1024" s="8">
        <v>2.5739999999999998</v>
      </c>
      <c r="E1024" s="8">
        <v>3.5470000000000002</v>
      </c>
      <c r="F1024" s="8">
        <v>2.4390000000000001</v>
      </c>
      <c r="G1024" s="8">
        <v>2.2850000000000001</v>
      </c>
    </row>
    <row r="1025" spans="1:7" x14ac:dyDescent="0.3">
      <c r="A1025" s="6">
        <v>45622</v>
      </c>
      <c r="B1025" s="8">
        <v>4.4829999999999997</v>
      </c>
      <c r="C1025" s="8">
        <v>4.8315999999999999</v>
      </c>
      <c r="D1025" s="8">
        <v>2.5539999999999998</v>
      </c>
      <c r="E1025" s="8">
        <v>3.57</v>
      </c>
      <c r="F1025" s="8">
        <v>2.4159999999999999</v>
      </c>
      <c r="G1025" s="8">
        <v>2.2839999999999998</v>
      </c>
    </row>
    <row r="1026" spans="1:7" x14ac:dyDescent="0.3">
      <c r="A1026" s="6">
        <v>45623</v>
      </c>
      <c r="B1026" s="8">
        <v>4.4390000000000001</v>
      </c>
      <c r="C1026" s="8">
        <v>4.7892000000000001</v>
      </c>
      <c r="D1026" s="8">
        <v>2.4969999999999999</v>
      </c>
      <c r="E1026" s="8">
        <v>3.524</v>
      </c>
      <c r="F1026" s="8">
        <v>2.367</v>
      </c>
      <c r="G1026" s="8">
        <v>2.2999999999999998</v>
      </c>
    </row>
    <row r="1027" spans="1:7" x14ac:dyDescent="0.3">
      <c r="A1027" s="6">
        <v>45624</v>
      </c>
      <c r="B1027" s="8">
        <v>4.4390000000000001</v>
      </c>
      <c r="C1027" s="8">
        <v>4.7755000000000001</v>
      </c>
      <c r="D1027" s="8">
        <v>2.4769999999999999</v>
      </c>
      <c r="E1027" s="8">
        <v>3.4620000000000002</v>
      </c>
      <c r="F1027" s="8">
        <v>2.3479999999999999</v>
      </c>
      <c r="G1027" s="8">
        <v>2.2909999999999999</v>
      </c>
    </row>
    <row r="1028" spans="1:7" x14ac:dyDescent="0.3">
      <c r="A1028" s="6">
        <v>45625</v>
      </c>
      <c r="B1028" s="8">
        <v>4.3620000000000001</v>
      </c>
      <c r="C1028" s="8">
        <v>4.75</v>
      </c>
      <c r="D1028" s="8">
        <v>2.4500000000000002</v>
      </c>
      <c r="E1028" s="8">
        <v>3.4220000000000002</v>
      </c>
      <c r="F1028" s="8">
        <v>2.323</v>
      </c>
      <c r="G1028" s="8">
        <v>2.2719999999999998</v>
      </c>
    </row>
    <row r="1029" spans="1:7" x14ac:dyDescent="0.3">
      <c r="A1029" s="6">
        <v>45628</v>
      </c>
      <c r="B1029" s="8">
        <v>4.3630000000000004</v>
      </c>
      <c r="C1029" s="8">
        <v>4.7323000000000004</v>
      </c>
      <c r="D1029" s="8">
        <v>2.3969999999999998</v>
      </c>
      <c r="E1029" s="8">
        <v>3.4510000000000001</v>
      </c>
      <c r="F1029" s="8">
        <v>2.2690000000000001</v>
      </c>
      <c r="G1029" s="8">
        <v>2.2829999999999999</v>
      </c>
    </row>
    <row r="1030" spans="1:7" x14ac:dyDescent="0.3">
      <c r="A1030" s="6">
        <v>45629</v>
      </c>
      <c r="B1030" s="8">
        <v>4.4029999999999996</v>
      </c>
      <c r="C1030" s="8">
        <v>4.7666000000000004</v>
      </c>
      <c r="D1030" s="8">
        <v>2.3959999999999999</v>
      </c>
      <c r="E1030" s="8">
        <v>3.4249999999999998</v>
      </c>
      <c r="F1030" s="8">
        <v>2.2759999999999998</v>
      </c>
      <c r="G1030" s="8">
        <v>2.2890000000000001</v>
      </c>
    </row>
    <row r="1031" spans="1:7" x14ac:dyDescent="0.3">
      <c r="A1031" s="6">
        <v>45630</v>
      </c>
      <c r="B1031" s="8">
        <v>4.3460000000000001</v>
      </c>
      <c r="C1031" s="8">
        <v>4.7740999999999998</v>
      </c>
      <c r="D1031" s="8">
        <v>2.399</v>
      </c>
      <c r="E1031" s="8">
        <v>3.4220000000000002</v>
      </c>
      <c r="F1031" s="8">
        <v>2.2839999999999998</v>
      </c>
      <c r="G1031" s="8">
        <v>2.2789999999999999</v>
      </c>
    </row>
    <row r="1032" spans="1:7" x14ac:dyDescent="0.3">
      <c r="A1032" s="6">
        <v>45631</v>
      </c>
      <c r="B1032" s="8">
        <v>4.335</v>
      </c>
      <c r="C1032" s="8">
        <v>4.8099999999999996</v>
      </c>
      <c r="D1032" s="8">
        <v>2.415</v>
      </c>
      <c r="E1032" s="8">
        <v>3.3940000000000001</v>
      </c>
      <c r="F1032" s="8">
        <v>2.3090000000000002</v>
      </c>
      <c r="G1032" s="8">
        <v>2.282</v>
      </c>
    </row>
    <row r="1033" spans="1:7" x14ac:dyDescent="0.3">
      <c r="A1033" s="6">
        <v>45632</v>
      </c>
      <c r="B1033" s="8">
        <v>4.3369999999999997</v>
      </c>
      <c r="C1033" s="8">
        <v>4.8071999999999999</v>
      </c>
      <c r="D1033" s="8">
        <v>2.4209999999999998</v>
      </c>
      <c r="E1033" s="8">
        <v>3.3849999999999998</v>
      </c>
      <c r="F1033" s="8">
        <v>2.3140000000000001</v>
      </c>
      <c r="G1033" s="8">
        <v>2.2639999999999998</v>
      </c>
    </row>
    <row r="1034" spans="1:7" x14ac:dyDescent="0.3">
      <c r="A1034" s="6">
        <v>45635</v>
      </c>
      <c r="B1034" s="8">
        <v>4.3869999999999996</v>
      </c>
      <c r="C1034" s="8">
        <v>4.8230000000000004</v>
      </c>
      <c r="D1034" s="8">
        <v>2.4550000000000001</v>
      </c>
      <c r="E1034" s="8">
        <v>3.3980000000000001</v>
      </c>
      <c r="F1034" s="8">
        <v>2.3450000000000002</v>
      </c>
      <c r="G1034" s="8">
        <v>2.2530000000000001</v>
      </c>
    </row>
    <row r="1035" spans="1:7" x14ac:dyDescent="0.3">
      <c r="A1035" s="6">
        <v>45636</v>
      </c>
      <c r="B1035" s="8">
        <v>4.42</v>
      </c>
      <c r="C1035" s="8">
        <v>4.8773999999999997</v>
      </c>
      <c r="D1035" s="8">
        <v>2.464</v>
      </c>
      <c r="E1035" s="8">
        <v>3.419</v>
      </c>
      <c r="F1035" s="8">
        <v>2.3519999999999999</v>
      </c>
      <c r="G1035" s="8">
        <v>2.2559999999999998</v>
      </c>
    </row>
    <row r="1036" spans="1:7" x14ac:dyDescent="0.3">
      <c r="A1036" s="6">
        <v>45637</v>
      </c>
      <c r="B1036" s="8">
        <v>4.484</v>
      </c>
      <c r="C1036" s="8">
        <v>4.8750999999999998</v>
      </c>
      <c r="D1036" s="8">
        <v>2.4950000000000001</v>
      </c>
      <c r="E1036" s="8">
        <v>3.4529999999999998</v>
      </c>
      <c r="F1036" s="8">
        <v>2.375</v>
      </c>
      <c r="G1036" s="8">
        <v>2.254</v>
      </c>
    </row>
    <row r="1037" spans="1:7" x14ac:dyDescent="0.3">
      <c r="A1037" s="6">
        <v>45638</v>
      </c>
      <c r="B1037" s="8">
        <v>4.5449999999999999</v>
      </c>
      <c r="C1037" s="8">
        <v>4.9305000000000003</v>
      </c>
      <c r="D1037" s="8">
        <v>2.5569999999999999</v>
      </c>
      <c r="E1037" s="8">
        <v>3.5449999999999999</v>
      </c>
      <c r="F1037" s="8">
        <v>2.4430000000000001</v>
      </c>
      <c r="G1037" s="8">
        <v>2.2349999999999999</v>
      </c>
    </row>
    <row r="1038" spans="1:7" x14ac:dyDescent="0.3">
      <c r="A1038" s="6">
        <v>45639</v>
      </c>
      <c r="B1038" s="8">
        <v>4.6020000000000003</v>
      </c>
      <c r="C1038" s="8">
        <v>4.9663000000000004</v>
      </c>
      <c r="D1038" s="8">
        <v>2.5910000000000002</v>
      </c>
      <c r="E1038" s="8">
        <v>3.5779999999999998</v>
      </c>
      <c r="F1038" s="8">
        <v>2.4769999999999999</v>
      </c>
      <c r="G1038" s="8">
        <v>2.2389999999999999</v>
      </c>
    </row>
    <row r="1039" spans="1:7" x14ac:dyDescent="0.3">
      <c r="A1039" s="6">
        <v>45642</v>
      </c>
      <c r="B1039" s="8">
        <v>4.5990000000000002</v>
      </c>
      <c r="C1039" s="8">
        <v>4.9870000000000001</v>
      </c>
      <c r="D1039" s="8">
        <v>2.593</v>
      </c>
      <c r="E1039" s="8">
        <v>3.5859999999999999</v>
      </c>
      <c r="F1039" s="8">
        <v>2.4790000000000001</v>
      </c>
      <c r="G1039" s="8">
        <v>2.2770000000000001</v>
      </c>
    </row>
    <row r="1040" spans="1:7" x14ac:dyDescent="0.3">
      <c r="A1040" s="6">
        <v>45643</v>
      </c>
      <c r="B1040" s="8">
        <v>4.59</v>
      </c>
      <c r="C1040" s="8">
        <v>5.0453000000000001</v>
      </c>
      <c r="D1040" s="8">
        <v>2.5649999999999999</v>
      </c>
      <c r="E1040" s="8">
        <v>3.5670000000000002</v>
      </c>
      <c r="F1040" s="8">
        <v>2.4500000000000002</v>
      </c>
      <c r="G1040" s="8">
        <v>2.2909999999999999</v>
      </c>
    </row>
    <row r="1041" spans="1:7" x14ac:dyDescent="0.3">
      <c r="A1041" s="6">
        <v>45644</v>
      </c>
      <c r="B1041" s="8">
        <v>4.6769999999999996</v>
      </c>
      <c r="C1041" s="8">
        <v>5.0613999999999999</v>
      </c>
      <c r="D1041" s="8">
        <v>2.5880000000000001</v>
      </c>
      <c r="E1041" s="8">
        <v>3.585</v>
      </c>
      <c r="F1041" s="8">
        <v>2.4729999999999999</v>
      </c>
      <c r="G1041" s="8">
        <v>2.27</v>
      </c>
    </row>
    <row r="1042" spans="1:7" x14ac:dyDescent="0.3">
      <c r="A1042" s="6">
        <v>45645</v>
      </c>
      <c r="B1042" s="8">
        <v>4.7359999999999998</v>
      </c>
      <c r="C1042" s="8">
        <v>5.1119000000000003</v>
      </c>
      <c r="D1042" s="8">
        <v>2.6459999999999999</v>
      </c>
      <c r="E1042" s="8">
        <v>3.6469999999999998</v>
      </c>
      <c r="F1042" s="8">
        <v>2.532</v>
      </c>
      <c r="G1042" s="8">
        <v>2.2629999999999999</v>
      </c>
    </row>
    <row r="1043" spans="1:7" x14ac:dyDescent="0.3">
      <c r="A1043" s="6">
        <v>45646</v>
      </c>
      <c r="B1043" s="8">
        <v>4.7210000000000001</v>
      </c>
      <c r="C1043" s="8">
        <v>5.0487000000000002</v>
      </c>
      <c r="D1043" s="8">
        <v>2.6259999999999999</v>
      </c>
      <c r="E1043" s="8">
        <v>3.6150000000000002</v>
      </c>
      <c r="F1043" s="8">
        <v>2.5150000000000001</v>
      </c>
      <c r="G1043" s="8">
        <v>2.254</v>
      </c>
    </row>
    <row r="1044" spans="1:7" x14ac:dyDescent="0.3">
      <c r="A1044" s="6">
        <v>45649</v>
      </c>
      <c r="B1044" s="8">
        <v>4.7750000000000004</v>
      </c>
      <c r="C1044" s="8">
        <v>5.0976999999999997</v>
      </c>
      <c r="D1044" s="8">
        <v>2.6619999999999999</v>
      </c>
      <c r="E1044" s="8">
        <v>3.669</v>
      </c>
      <c r="F1044" s="8">
        <v>2.5489999999999999</v>
      </c>
      <c r="G1044" s="8">
        <v>2.258</v>
      </c>
    </row>
    <row r="1045" spans="1:7" x14ac:dyDescent="0.3">
      <c r="A1045" s="6">
        <v>45650</v>
      </c>
      <c r="B1045" s="8">
        <v>4.7629999999999999</v>
      </c>
      <c r="C1045" s="8">
        <v>5.1357999999999997</v>
      </c>
      <c r="D1045" s="8">
        <v>2.6619999999999999</v>
      </c>
      <c r="E1045" s="8">
        <v>3.669</v>
      </c>
      <c r="F1045" s="8">
        <v>2.5489999999999999</v>
      </c>
      <c r="G1045" s="8">
        <v>2.2509999999999999</v>
      </c>
    </row>
    <row r="1046" spans="1:7" x14ac:dyDescent="0.3">
      <c r="A1046" s="6">
        <v>45651</v>
      </c>
      <c r="B1046" s="8">
        <v>4.7629999999999999</v>
      </c>
      <c r="C1046" s="8">
        <v>5.1357999999999997</v>
      </c>
      <c r="D1046" s="8">
        <v>2.6619999999999999</v>
      </c>
      <c r="E1046" s="8">
        <v>3.669</v>
      </c>
      <c r="F1046" s="8">
        <v>2.5489999999999999</v>
      </c>
      <c r="G1046" s="8">
        <v>2.2450000000000001</v>
      </c>
    </row>
    <row r="1047" spans="1:7" x14ac:dyDescent="0.3">
      <c r="A1047" s="6">
        <v>45652</v>
      </c>
      <c r="B1047" s="8">
        <v>4.7720000000000002</v>
      </c>
      <c r="C1047" s="8">
        <v>5.1357999999999997</v>
      </c>
      <c r="D1047" s="8">
        <v>2.6619999999999999</v>
      </c>
      <c r="E1047" s="8">
        <v>3.669</v>
      </c>
      <c r="F1047" s="8">
        <v>2.5489999999999999</v>
      </c>
      <c r="G1047" s="8">
        <v>2.2509999999999999</v>
      </c>
    </row>
    <row r="1048" spans="1:7" x14ac:dyDescent="0.3">
      <c r="A1048" s="6">
        <v>45653</v>
      </c>
      <c r="B1048" s="8">
        <v>4.819</v>
      </c>
      <c r="C1048" s="8">
        <v>5.1795999999999998</v>
      </c>
      <c r="D1048" s="8">
        <v>2.738</v>
      </c>
      <c r="E1048" s="8">
        <v>3.746</v>
      </c>
      <c r="F1048" s="8">
        <v>2.6259999999999999</v>
      </c>
      <c r="G1048" s="8">
        <v>2.29</v>
      </c>
    </row>
    <row r="1049" spans="1:7" x14ac:dyDescent="0.3">
      <c r="A1049" s="6">
        <v>45656</v>
      </c>
      <c r="B1049" s="8">
        <v>4.7510000000000003</v>
      </c>
      <c r="C1049" s="8">
        <v>5.1704999999999997</v>
      </c>
      <c r="D1049" s="8">
        <v>2.7080000000000002</v>
      </c>
      <c r="E1049" s="8">
        <v>3.7269999999999999</v>
      </c>
      <c r="F1049" s="8">
        <v>2.5939999999999999</v>
      </c>
      <c r="G1049" s="8">
        <v>2.2799999999999998</v>
      </c>
    </row>
    <row r="1050" spans="1:7" x14ac:dyDescent="0.3">
      <c r="A1050" s="6">
        <v>45657</v>
      </c>
      <c r="B1050" s="8">
        <v>4.7830000000000004</v>
      </c>
      <c r="C1050" s="8">
        <v>5.1303999999999998</v>
      </c>
      <c r="D1050" s="8">
        <v>2.7080000000000002</v>
      </c>
      <c r="E1050" s="8">
        <v>3.7269999999999999</v>
      </c>
      <c r="F1050" s="8">
        <v>2.5939999999999999</v>
      </c>
      <c r="G1050" s="8">
        <v>2.2799999999999998</v>
      </c>
    </row>
    <row r="1051" spans="1:7" x14ac:dyDescent="0.3">
      <c r="A1051" s="6">
        <v>45658</v>
      </c>
      <c r="B1051" s="8">
        <v>4.7830000000000004</v>
      </c>
      <c r="C1051" s="8">
        <v>5.1303999999999998</v>
      </c>
      <c r="D1051" s="8">
        <v>2.7080000000000002</v>
      </c>
      <c r="E1051" s="8">
        <v>3.7269999999999999</v>
      </c>
      <c r="F1051" s="8">
        <v>2.5939999999999999</v>
      </c>
      <c r="G1051" s="8">
        <v>2.2799999999999998</v>
      </c>
    </row>
    <row r="1052" spans="1:7" x14ac:dyDescent="0.3">
      <c r="A1052" s="6">
        <v>45659</v>
      </c>
      <c r="B1052" s="8">
        <v>4.7789999999999999</v>
      </c>
      <c r="C1052" s="8">
        <v>5.1635</v>
      </c>
      <c r="D1052" s="8">
        <v>2.74</v>
      </c>
      <c r="E1052" s="8">
        <v>3.7789999999999999</v>
      </c>
      <c r="F1052" s="8">
        <v>2.617</v>
      </c>
      <c r="G1052" s="8">
        <v>2.2799999999999998</v>
      </c>
    </row>
    <row r="1053" spans="1:7" x14ac:dyDescent="0.3">
      <c r="A1053" s="6">
        <v>45660</v>
      </c>
      <c r="B1053" s="8">
        <v>4.8120000000000003</v>
      </c>
      <c r="C1053" s="8">
        <v>5.1547999999999998</v>
      </c>
      <c r="D1053" s="8">
        <v>2.778</v>
      </c>
      <c r="E1053" s="8">
        <v>3.8119999999999998</v>
      </c>
      <c r="F1053" s="8">
        <v>2.6509999999999998</v>
      </c>
      <c r="G1053" s="8">
        <v>2.2799999999999998</v>
      </c>
    </row>
    <row r="1054" spans="1:7" x14ac:dyDescent="0.3">
      <c r="A1054" s="6">
        <v>45663</v>
      </c>
      <c r="B1054" s="8">
        <v>4.8499999999999996</v>
      </c>
      <c r="C1054" s="8">
        <v>5.1778000000000004</v>
      </c>
      <c r="D1054" s="8">
        <v>2.782</v>
      </c>
      <c r="E1054" s="8">
        <v>3.7759999999999998</v>
      </c>
      <c r="F1054" s="8">
        <v>2.6619999999999999</v>
      </c>
      <c r="G1054" s="8">
        <v>2.302</v>
      </c>
    </row>
    <row r="1055" spans="1:7" x14ac:dyDescent="0.3">
      <c r="A1055" s="6">
        <v>45664</v>
      </c>
      <c r="B1055" s="8">
        <v>4.9139999999999997</v>
      </c>
      <c r="C1055" s="8">
        <v>5.2455999999999996</v>
      </c>
      <c r="D1055" s="8">
        <v>2.84</v>
      </c>
      <c r="E1055" s="8">
        <v>3.83</v>
      </c>
      <c r="F1055" s="8">
        <v>2.7160000000000002</v>
      </c>
      <c r="G1055" s="8">
        <v>2.3079999999999998</v>
      </c>
    </row>
    <row r="1056" spans="1:7" x14ac:dyDescent="0.3">
      <c r="A1056" s="6">
        <v>45665</v>
      </c>
      <c r="B1056" s="8">
        <v>4.9329999999999998</v>
      </c>
      <c r="C1056" s="8">
        <v>5.3532000000000002</v>
      </c>
      <c r="D1056" s="8">
        <v>2.89</v>
      </c>
      <c r="E1056" s="8">
        <v>3.8959999999999999</v>
      </c>
      <c r="F1056" s="8">
        <v>2.7629999999999999</v>
      </c>
      <c r="G1056" s="8">
        <v>2.327</v>
      </c>
    </row>
    <row r="1057" spans="1:7" x14ac:dyDescent="0.3">
      <c r="A1057" s="6">
        <v>45666</v>
      </c>
      <c r="B1057" s="8">
        <v>4.93</v>
      </c>
      <c r="C1057" s="8">
        <v>5.3752000000000004</v>
      </c>
      <c r="D1057" s="8">
        <v>2.9049999999999998</v>
      </c>
      <c r="E1057" s="8">
        <v>3.931</v>
      </c>
      <c r="F1057" s="8">
        <v>2.7749999999999999</v>
      </c>
      <c r="G1057" s="8">
        <v>2.3239999999999998</v>
      </c>
    </row>
    <row r="1058" spans="1:7" x14ac:dyDescent="0.3">
      <c r="A1058" s="6">
        <v>45667</v>
      </c>
      <c r="B1058" s="8">
        <v>4.9470000000000001</v>
      </c>
      <c r="C1058" s="8">
        <v>5.4047000000000001</v>
      </c>
      <c r="D1058" s="8">
        <v>2.9180000000000001</v>
      </c>
      <c r="E1058" s="8">
        <v>3.9420000000000002</v>
      </c>
      <c r="F1058" s="8">
        <v>2.7879999999999998</v>
      </c>
      <c r="G1058" s="8">
        <v>2.298</v>
      </c>
    </row>
    <row r="1059" spans="1:7" x14ac:dyDescent="0.3">
      <c r="A1059" s="6">
        <v>45670</v>
      </c>
      <c r="B1059" s="8">
        <v>4.9630000000000001</v>
      </c>
      <c r="C1059" s="8">
        <v>5.4359999999999999</v>
      </c>
      <c r="D1059" s="8">
        <v>2.944</v>
      </c>
      <c r="E1059" s="8">
        <v>3.9620000000000002</v>
      </c>
      <c r="F1059" s="8">
        <v>2.8090000000000002</v>
      </c>
      <c r="G1059" s="8">
        <v>2.298</v>
      </c>
    </row>
    <row r="1060" spans="1:7" x14ac:dyDescent="0.3">
      <c r="A1060" s="6">
        <v>45671</v>
      </c>
      <c r="B1060" s="8">
        <v>4.976</v>
      </c>
      <c r="C1060" s="8">
        <v>5.4478</v>
      </c>
      <c r="D1060" s="8">
        <v>2.992</v>
      </c>
      <c r="E1060" s="8">
        <v>3.98</v>
      </c>
      <c r="F1060" s="8">
        <v>2.855</v>
      </c>
      <c r="G1060" s="8">
        <v>2.3279999999999998</v>
      </c>
    </row>
    <row r="1061" spans="1:7" x14ac:dyDescent="0.3">
      <c r="A1061" s="6">
        <v>45672</v>
      </c>
      <c r="B1061" s="8">
        <v>4.88</v>
      </c>
      <c r="C1061" s="8">
        <v>5.2977999999999996</v>
      </c>
      <c r="D1061" s="8">
        <v>2.9220000000000002</v>
      </c>
      <c r="E1061" s="8">
        <v>3.883</v>
      </c>
      <c r="F1061" s="8">
        <v>2.7850000000000001</v>
      </c>
      <c r="G1061" s="8">
        <v>2.3519999999999999</v>
      </c>
    </row>
    <row r="1062" spans="1:7" x14ac:dyDescent="0.3">
      <c r="A1062" s="6">
        <v>45673</v>
      </c>
      <c r="B1062" s="8">
        <v>4.8559999999999999</v>
      </c>
      <c r="C1062" s="8">
        <v>5.2416</v>
      </c>
      <c r="D1062" s="8">
        <v>2.915</v>
      </c>
      <c r="E1062" s="8">
        <v>3.8849999999999998</v>
      </c>
      <c r="F1062" s="8">
        <v>2.782</v>
      </c>
      <c r="G1062" s="8">
        <v>2.3140000000000001</v>
      </c>
    </row>
    <row r="1063" spans="1:7" x14ac:dyDescent="0.3">
      <c r="A1063" s="6">
        <v>45674</v>
      </c>
      <c r="B1063" s="8">
        <v>4.8579999999999997</v>
      </c>
      <c r="C1063" s="8">
        <v>5.2111000000000001</v>
      </c>
      <c r="D1063" s="8">
        <v>2.9020000000000001</v>
      </c>
      <c r="E1063" s="8">
        <v>3.8530000000000002</v>
      </c>
      <c r="F1063" s="8">
        <v>2.762</v>
      </c>
      <c r="G1063" s="8">
        <v>2.282</v>
      </c>
    </row>
    <row r="1064" spans="1:7" x14ac:dyDescent="0.3">
      <c r="A1064" s="6">
        <v>45677</v>
      </c>
      <c r="B1064" s="8">
        <v>4.8579999999999997</v>
      </c>
      <c r="C1064" s="8">
        <v>5.2088999999999999</v>
      </c>
      <c r="D1064" s="8">
        <v>2.8969999999999998</v>
      </c>
      <c r="E1064" s="8">
        <v>3.8439999999999999</v>
      </c>
      <c r="F1064" s="8">
        <v>2.7570000000000001</v>
      </c>
      <c r="G1064" s="8">
        <v>2.266</v>
      </c>
    </row>
    <row r="1065" spans="1:7" x14ac:dyDescent="0.3">
      <c r="A1065" s="6">
        <v>45678</v>
      </c>
      <c r="B1065" s="8">
        <v>4.8099999999999996</v>
      </c>
      <c r="C1065" s="8">
        <v>5.1496000000000004</v>
      </c>
      <c r="D1065" s="8">
        <v>2.8690000000000002</v>
      </c>
      <c r="E1065" s="8">
        <v>3.8130000000000002</v>
      </c>
      <c r="F1065" s="8">
        <v>2.73</v>
      </c>
      <c r="G1065" s="8">
        <v>2.258</v>
      </c>
    </row>
    <row r="1066" spans="1:7" x14ac:dyDescent="0.3">
      <c r="A1066" s="6">
        <v>45679</v>
      </c>
      <c r="B1066" s="8">
        <v>4.8259999999999996</v>
      </c>
      <c r="C1066" s="8">
        <v>5.1806999999999999</v>
      </c>
      <c r="D1066" s="8">
        <v>2.8839999999999999</v>
      </c>
      <c r="E1066" s="8">
        <v>3.8079999999999998</v>
      </c>
      <c r="F1066" s="8">
        <v>2.7530000000000001</v>
      </c>
      <c r="G1066" s="8">
        <v>2.2490000000000001</v>
      </c>
    </row>
    <row r="1067" spans="1:7" x14ac:dyDescent="0.3">
      <c r="A1067" s="6">
        <v>45680</v>
      </c>
      <c r="B1067" s="8">
        <v>4.8680000000000003</v>
      </c>
      <c r="C1067" s="8">
        <v>5.1913</v>
      </c>
      <c r="D1067" s="8">
        <v>2.911</v>
      </c>
      <c r="E1067" s="8">
        <v>3.8479999999999999</v>
      </c>
      <c r="F1067" s="8">
        <v>2.7770000000000001</v>
      </c>
      <c r="G1067" s="8">
        <v>2.2549999999999999</v>
      </c>
    </row>
    <row r="1068" spans="1:7" x14ac:dyDescent="0.3">
      <c r="A1068" s="6">
        <v>45681</v>
      </c>
      <c r="B1068" s="8">
        <v>4.8470000000000004</v>
      </c>
      <c r="C1068" s="8">
        <v>5.1889000000000003</v>
      </c>
      <c r="D1068" s="8">
        <v>2.9159999999999999</v>
      </c>
      <c r="E1068" s="8">
        <v>3.8340000000000001</v>
      </c>
      <c r="F1068" s="8">
        <v>2.7829999999999999</v>
      </c>
      <c r="G1068" s="8">
        <v>2.266</v>
      </c>
    </row>
    <row r="1069" spans="1:7" x14ac:dyDescent="0.3">
      <c r="A1069" s="6">
        <v>45684</v>
      </c>
      <c r="B1069" s="8">
        <v>4.7709999999999999</v>
      </c>
      <c r="C1069" s="8">
        <v>5.1424000000000003</v>
      </c>
      <c r="D1069" s="8">
        <v>2.883</v>
      </c>
      <c r="E1069" s="8">
        <v>3.8090000000000002</v>
      </c>
      <c r="F1069" s="8">
        <v>2.7509999999999999</v>
      </c>
      <c r="G1069" s="8">
        <v>2.2519999999999998</v>
      </c>
    </row>
    <row r="1070" spans="1:7" x14ac:dyDescent="0.3">
      <c r="A1070" s="6">
        <v>45685</v>
      </c>
      <c r="B1070" s="8">
        <v>4.7759999999999998</v>
      </c>
      <c r="C1070" s="8">
        <v>5.1722000000000001</v>
      </c>
      <c r="D1070" s="8">
        <v>2.9060000000000001</v>
      </c>
      <c r="E1070" s="8">
        <v>3.8370000000000002</v>
      </c>
      <c r="F1070" s="8">
        <v>2.778</v>
      </c>
      <c r="G1070" s="8">
        <v>2.2440000000000002</v>
      </c>
    </row>
    <row r="1071" spans="1:7" x14ac:dyDescent="0.3">
      <c r="A1071" s="6">
        <v>45686</v>
      </c>
      <c r="B1071" s="8">
        <v>4.7709999999999999</v>
      </c>
      <c r="C1071" s="8">
        <v>5.1748000000000003</v>
      </c>
      <c r="D1071" s="8">
        <v>2.927</v>
      </c>
      <c r="E1071" s="8">
        <v>3.87</v>
      </c>
      <c r="F1071" s="8">
        <v>2.8029999999999999</v>
      </c>
      <c r="G1071" s="8">
        <v>2.2320000000000002</v>
      </c>
    </row>
    <row r="1072" spans="1:7" x14ac:dyDescent="0.3">
      <c r="A1072" s="6">
        <v>45687</v>
      </c>
      <c r="B1072" s="8">
        <v>4.7619999999999996</v>
      </c>
      <c r="C1072" s="8">
        <v>5.1242999999999999</v>
      </c>
      <c r="D1072" s="8">
        <v>2.8820000000000001</v>
      </c>
      <c r="E1072" s="8">
        <v>3.8290000000000002</v>
      </c>
      <c r="F1072" s="8">
        <v>2.758</v>
      </c>
      <c r="G1072" s="8">
        <v>2.2639999999999998</v>
      </c>
    </row>
    <row r="1073" spans="1:7" x14ac:dyDescent="0.3">
      <c r="A1073" s="6">
        <v>45688</v>
      </c>
      <c r="B1073" s="8">
        <v>4.7880000000000003</v>
      </c>
      <c r="C1073" s="8">
        <v>5.1253000000000002</v>
      </c>
      <c r="D1073" s="8">
        <v>2.83</v>
      </c>
      <c r="E1073" s="8">
        <v>3.7829999999999999</v>
      </c>
      <c r="F1073" s="8">
        <v>2.7120000000000002</v>
      </c>
      <c r="G1073" s="8">
        <v>2.2799999999999998</v>
      </c>
    </row>
    <row r="1074" spans="1:7" x14ac:dyDescent="0.3">
      <c r="A1074" s="6">
        <v>45691</v>
      </c>
      <c r="B1074" s="8">
        <v>4.7919999999999998</v>
      </c>
      <c r="C1074" s="8">
        <v>5.0884</v>
      </c>
      <c r="D1074" s="8">
        <v>2.7549999999999999</v>
      </c>
      <c r="E1074" s="8">
        <v>3.6859999999999999</v>
      </c>
      <c r="F1074" s="8">
        <v>2.6360000000000001</v>
      </c>
      <c r="G1074" s="8">
        <v>2.3010000000000002</v>
      </c>
    </row>
    <row r="1075" spans="1:7" x14ac:dyDescent="0.3">
      <c r="A1075" s="6">
        <v>45692</v>
      </c>
      <c r="B1075" s="8">
        <v>4.7469999999999999</v>
      </c>
      <c r="C1075" s="8">
        <v>5.1239999999999997</v>
      </c>
      <c r="D1075" s="8">
        <v>2.76</v>
      </c>
      <c r="E1075" s="8">
        <v>3.6869999999999998</v>
      </c>
      <c r="F1075" s="8">
        <v>2.645</v>
      </c>
      <c r="G1075" s="8">
        <v>2.323</v>
      </c>
    </row>
    <row r="1076" spans="1:7" x14ac:dyDescent="0.3">
      <c r="A1076" s="6">
        <v>45693</v>
      </c>
      <c r="B1076" s="8">
        <v>4.6369999999999996</v>
      </c>
      <c r="C1076" s="8">
        <v>5.0221999999999998</v>
      </c>
      <c r="D1076" s="8">
        <v>2.7069999999999999</v>
      </c>
      <c r="E1076" s="8">
        <v>3.641</v>
      </c>
      <c r="F1076" s="8">
        <v>2.5979999999999999</v>
      </c>
      <c r="G1076" s="8">
        <v>2.327</v>
      </c>
    </row>
    <row r="1077" spans="1:7" x14ac:dyDescent="0.3">
      <c r="A1077" s="6">
        <v>45694</v>
      </c>
      <c r="B1077" s="8">
        <v>4.6390000000000002</v>
      </c>
      <c r="C1077" s="8">
        <v>5.0606</v>
      </c>
      <c r="D1077" s="8">
        <v>2.72</v>
      </c>
      <c r="E1077" s="8">
        <v>3.65</v>
      </c>
      <c r="F1077" s="8">
        <v>2.6110000000000002</v>
      </c>
      <c r="G1077" s="8">
        <v>2.262</v>
      </c>
    </row>
    <row r="1078" spans="1:7" x14ac:dyDescent="0.3">
      <c r="A1078" s="6">
        <v>45695</v>
      </c>
      <c r="B1078" s="8">
        <v>4.694</v>
      </c>
      <c r="C1078" s="8">
        <v>5.0549999999999997</v>
      </c>
      <c r="D1078" s="8">
        <v>2.7349999999999999</v>
      </c>
      <c r="E1078" s="8">
        <v>3.6629999999999998</v>
      </c>
      <c r="F1078" s="8">
        <v>2.62</v>
      </c>
      <c r="G1078" s="8">
        <v>2.2829999999999999</v>
      </c>
    </row>
    <row r="1079" spans="1:7" x14ac:dyDescent="0.3">
      <c r="A1079" s="6">
        <v>45698</v>
      </c>
      <c r="B1079" s="8">
        <v>4.7080000000000002</v>
      </c>
      <c r="C1079" s="8">
        <v>5.0547000000000004</v>
      </c>
      <c r="D1079" s="8">
        <v>2.7330000000000001</v>
      </c>
      <c r="E1079" s="8">
        <v>3.6629999999999998</v>
      </c>
      <c r="F1079" s="8">
        <v>2.6139999999999999</v>
      </c>
      <c r="G1079" s="8">
        <v>2.29</v>
      </c>
    </row>
    <row r="1080" spans="1:7" x14ac:dyDescent="0.3">
      <c r="A1080" s="6">
        <v>45699</v>
      </c>
      <c r="B1080" s="8">
        <v>4.7480000000000002</v>
      </c>
      <c r="C1080" s="8">
        <v>5.0991</v>
      </c>
      <c r="D1080" s="8">
        <v>2.8140000000000001</v>
      </c>
      <c r="E1080" s="8">
        <v>3.7450000000000001</v>
      </c>
      <c r="F1080" s="8">
        <v>2.6909999999999998</v>
      </c>
      <c r="G1080" s="8">
        <v>2.29</v>
      </c>
    </row>
    <row r="1081" spans="1:7" x14ac:dyDescent="0.3">
      <c r="A1081" s="6">
        <v>45700</v>
      </c>
      <c r="B1081" s="8">
        <v>4.8330000000000002</v>
      </c>
      <c r="C1081" s="8">
        <v>5.1340000000000003</v>
      </c>
      <c r="D1081" s="8">
        <v>2.8460000000000001</v>
      </c>
      <c r="E1081" s="8">
        <v>3.7690000000000001</v>
      </c>
      <c r="F1081" s="8">
        <v>2.7240000000000002</v>
      </c>
      <c r="G1081" s="8">
        <v>2.2959999999999998</v>
      </c>
    </row>
    <row r="1082" spans="1:7" x14ac:dyDescent="0.3">
      <c r="A1082" s="6">
        <v>45701</v>
      </c>
      <c r="B1082" s="8">
        <v>4.7389999999999999</v>
      </c>
      <c r="C1082" s="8">
        <v>5.0751999999999997</v>
      </c>
      <c r="D1082" s="8">
        <v>2.7829999999999999</v>
      </c>
      <c r="E1082" s="8">
        <v>3.6840000000000002</v>
      </c>
      <c r="F1082" s="8">
        <v>2.6709999999999998</v>
      </c>
      <c r="G1082" s="8">
        <v>2.3159999999999998</v>
      </c>
    </row>
    <row r="1083" spans="1:7" x14ac:dyDescent="0.3">
      <c r="A1083" s="6">
        <v>45702</v>
      </c>
      <c r="B1083" s="8">
        <v>4.6980000000000004</v>
      </c>
      <c r="C1083" s="8">
        <v>5.085</v>
      </c>
      <c r="D1083" s="8">
        <v>2.7909999999999999</v>
      </c>
      <c r="E1083" s="8">
        <v>3.7010000000000001</v>
      </c>
      <c r="F1083" s="8">
        <v>2.6749999999999998</v>
      </c>
      <c r="G1083" s="8">
        <v>2.3170000000000002</v>
      </c>
    </row>
    <row r="1084" spans="1:7" x14ac:dyDescent="0.3">
      <c r="A1084" s="6">
        <v>45705</v>
      </c>
      <c r="B1084" s="8">
        <v>4.6980000000000004</v>
      </c>
      <c r="C1084" s="8">
        <v>5.1167999999999996</v>
      </c>
      <c r="D1084" s="8">
        <v>2.86</v>
      </c>
      <c r="E1084" s="8">
        <v>3.7519999999999998</v>
      </c>
      <c r="F1084" s="8">
        <v>2.7440000000000002</v>
      </c>
      <c r="G1084" s="8">
        <v>2.3079999999999998</v>
      </c>
    </row>
    <row r="1085" spans="1:7" x14ac:dyDescent="0.3">
      <c r="A1085" s="6">
        <v>45706</v>
      </c>
      <c r="B1085" s="8">
        <v>4.7670000000000003</v>
      </c>
      <c r="C1085" s="8">
        <v>5.1444999999999999</v>
      </c>
      <c r="D1085" s="8">
        <v>2.855</v>
      </c>
      <c r="E1085" s="8">
        <v>3.7360000000000002</v>
      </c>
      <c r="F1085" s="8">
        <v>2.7440000000000002</v>
      </c>
      <c r="G1085" s="8">
        <v>2.34</v>
      </c>
    </row>
    <row r="1086" spans="1:7" x14ac:dyDescent="0.3">
      <c r="A1086" s="6">
        <v>45707</v>
      </c>
      <c r="B1086" s="8">
        <v>4.7670000000000003</v>
      </c>
      <c r="C1086" s="8">
        <v>5.1943999999999999</v>
      </c>
      <c r="D1086" s="8">
        <v>2.9209999999999998</v>
      </c>
      <c r="E1086" s="8">
        <v>3.819</v>
      </c>
      <c r="F1086" s="8">
        <v>2.802</v>
      </c>
      <c r="G1086" s="8">
        <v>2.33</v>
      </c>
    </row>
    <row r="1087" spans="1:7" x14ac:dyDescent="0.3">
      <c r="A1087" s="6">
        <v>45708</v>
      </c>
      <c r="B1087" s="8">
        <v>4.7480000000000002</v>
      </c>
      <c r="C1087" s="8">
        <v>5.1994999999999996</v>
      </c>
      <c r="D1087" s="8">
        <v>2.9089999999999998</v>
      </c>
      <c r="E1087" s="8">
        <v>3.8130000000000002</v>
      </c>
      <c r="F1087" s="8">
        <v>2.7879999999999998</v>
      </c>
      <c r="G1087" s="8">
        <v>2.3260000000000001</v>
      </c>
    </row>
    <row r="1088" spans="1:7" x14ac:dyDescent="0.3">
      <c r="A1088" s="6">
        <v>45709</v>
      </c>
      <c r="B1088" s="8">
        <v>4.68</v>
      </c>
      <c r="C1088" s="8">
        <v>5.1639999999999997</v>
      </c>
      <c r="D1088" s="8">
        <v>2.851</v>
      </c>
      <c r="E1088" s="8">
        <v>3.7690000000000001</v>
      </c>
      <c r="F1088" s="8">
        <v>2.7189999999999999</v>
      </c>
      <c r="G1088" s="8">
        <v>2.3380000000000001</v>
      </c>
    </row>
    <row r="1089" spans="1:7" x14ac:dyDescent="0.3">
      <c r="A1089" s="6">
        <v>45712</v>
      </c>
      <c r="B1089" s="8">
        <v>4.6559999999999997</v>
      </c>
      <c r="C1089" s="8">
        <v>5.1593999999999998</v>
      </c>
      <c r="D1089" s="8">
        <v>2.8759999999999999</v>
      </c>
      <c r="E1089" s="8">
        <v>3.7890000000000001</v>
      </c>
      <c r="F1089" s="8">
        <v>2.7509999999999999</v>
      </c>
      <c r="G1089" s="8">
        <v>2.3380000000000001</v>
      </c>
    </row>
    <row r="1090" spans="1:7" x14ac:dyDescent="0.3">
      <c r="A1090" s="6">
        <v>45713</v>
      </c>
      <c r="B1090" s="8">
        <v>4.556</v>
      </c>
      <c r="C1090" s="8">
        <v>5.1017000000000001</v>
      </c>
      <c r="D1090" s="8">
        <v>2.843</v>
      </c>
      <c r="E1090" s="8">
        <v>3.76</v>
      </c>
      <c r="F1090" s="8">
        <v>2.722</v>
      </c>
      <c r="G1090" s="8">
        <v>2.3180000000000001</v>
      </c>
    </row>
    <row r="1091" spans="1:7" x14ac:dyDescent="0.3">
      <c r="A1091" s="6">
        <v>45714</v>
      </c>
      <c r="B1091" s="8">
        <v>4.51</v>
      </c>
      <c r="C1091" s="8">
        <v>5.0933000000000002</v>
      </c>
      <c r="D1091" s="8">
        <v>2.8090000000000002</v>
      </c>
      <c r="E1091" s="8">
        <v>3.7160000000000002</v>
      </c>
      <c r="F1091" s="8">
        <v>2.6949999999999998</v>
      </c>
      <c r="G1091" s="8">
        <v>2.3180000000000001</v>
      </c>
    </row>
    <row r="1092" spans="1:7" x14ac:dyDescent="0.3">
      <c r="A1092" s="6">
        <v>45715</v>
      </c>
      <c r="B1092" s="8">
        <v>4.532</v>
      </c>
      <c r="C1092" s="8">
        <v>5.1139000000000001</v>
      </c>
      <c r="D1092" s="8">
        <v>2.8159999999999998</v>
      </c>
      <c r="E1092" s="8">
        <v>3.7269999999999999</v>
      </c>
      <c r="F1092" s="8">
        <v>2.6960000000000002</v>
      </c>
      <c r="G1092" s="8">
        <v>2.3450000000000002</v>
      </c>
    </row>
    <row r="1093" spans="1:7" x14ac:dyDescent="0.3">
      <c r="A1093" s="6">
        <v>45716</v>
      </c>
      <c r="B1093" s="8">
        <v>4.49</v>
      </c>
      <c r="C1093" s="8">
        <v>5.09</v>
      </c>
      <c r="D1093" s="8">
        <v>2.827</v>
      </c>
      <c r="E1093" s="8">
        <v>3.7320000000000002</v>
      </c>
      <c r="F1093" s="8">
        <v>2.7010000000000001</v>
      </c>
      <c r="G1093" s="8">
        <v>2.351</v>
      </c>
    </row>
    <row r="1094" spans="1:7" x14ac:dyDescent="0.3">
      <c r="A1094" s="6">
        <v>45719</v>
      </c>
      <c r="B1094" s="8">
        <v>4.45</v>
      </c>
      <c r="C1094" s="8">
        <v>5.1262999999999996</v>
      </c>
      <c r="D1094" s="8">
        <v>2.919</v>
      </c>
      <c r="E1094" s="8">
        <v>3.8109999999999999</v>
      </c>
      <c r="F1094" s="8">
        <v>2.7989999999999999</v>
      </c>
      <c r="G1094" s="8">
        <v>2.36</v>
      </c>
    </row>
    <row r="1095" spans="1:7" x14ac:dyDescent="0.3">
      <c r="A1095" s="6">
        <v>45720</v>
      </c>
      <c r="B1095" s="8">
        <v>4.5389999999999997</v>
      </c>
      <c r="C1095" s="8">
        <v>5.1239999999999997</v>
      </c>
      <c r="D1095" s="8">
        <v>2.9630000000000001</v>
      </c>
      <c r="E1095" s="8">
        <v>3.8570000000000002</v>
      </c>
      <c r="F1095" s="8">
        <v>2.8410000000000002</v>
      </c>
      <c r="G1095" s="8">
        <v>2.367</v>
      </c>
    </row>
    <row r="1096" spans="1:7" x14ac:dyDescent="0.3">
      <c r="A1096" s="6">
        <v>45721</v>
      </c>
      <c r="B1096" s="8">
        <v>4.5730000000000004</v>
      </c>
      <c r="C1096" s="8">
        <v>5.2590000000000003</v>
      </c>
      <c r="D1096" s="8">
        <v>3.177</v>
      </c>
      <c r="E1096" s="8">
        <v>4.0359999999999996</v>
      </c>
      <c r="F1096" s="8">
        <v>3.0750000000000002</v>
      </c>
      <c r="G1096" s="8">
        <v>2.4089999999999998</v>
      </c>
    </row>
    <row r="1097" spans="1:7" x14ac:dyDescent="0.3">
      <c r="A1097" s="6">
        <v>45722</v>
      </c>
      <c r="B1097" s="8">
        <v>4.58</v>
      </c>
      <c r="C1097" s="8">
        <v>5.2206000000000001</v>
      </c>
      <c r="D1097" s="8">
        <v>3.1640000000000001</v>
      </c>
      <c r="E1097" s="8">
        <v>4.0439999999999996</v>
      </c>
      <c r="F1097" s="8">
        <v>3.0750000000000002</v>
      </c>
      <c r="G1097" s="8">
        <v>2.5110000000000001</v>
      </c>
    </row>
    <row r="1098" spans="1:7" x14ac:dyDescent="0.3">
      <c r="A1098" s="6">
        <v>45723</v>
      </c>
      <c r="B1098" s="8">
        <v>4.5990000000000002</v>
      </c>
      <c r="C1098" s="8">
        <v>5.2064000000000004</v>
      </c>
      <c r="D1098" s="8">
        <v>3.2010000000000001</v>
      </c>
      <c r="E1098" s="8">
        <v>4.0910000000000002</v>
      </c>
      <c r="F1098" s="8">
        <v>3.1110000000000002</v>
      </c>
      <c r="G1098" s="8">
        <v>2.5249999999999999</v>
      </c>
    </row>
    <row r="1099" spans="1:7" x14ac:dyDescent="0.3">
      <c r="A1099" s="6">
        <v>45726</v>
      </c>
      <c r="B1099" s="8">
        <v>4.5410000000000004</v>
      </c>
      <c r="C1099" s="8">
        <v>5.2252000000000001</v>
      </c>
      <c r="D1099" s="8">
        <v>3.2090000000000001</v>
      </c>
      <c r="E1099" s="8">
        <v>4.093</v>
      </c>
      <c r="F1099" s="8">
        <v>3.1190000000000002</v>
      </c>
      <c r="G1099" s="8">
        <v>2.6</v>
      </c>
    </row>
    <row r="1100" spans="1:7" x14ac:dyDescent="0.3">
      <c r="A1100" s="6">
        <v>45727</v>
      </c>
      <c r="B1100" s="8">
        <v>4.5960000000000001</v>
      </c>
      <c r="C1100" s="8">
        <v>5.2824999999999998</v>
      </c>
      <c r="D1100" s="8">
        <v>3.2679999999999998</v>
      </c>
      <c r="E1100" s="8">
        <v>4.1319999999999997</v>
      </c>
      <c r="F1100" s="8">
        <v>3.1850000000000001</v>
      </c>
      <c r="G1100" s="8">
        <v>2.5840000000000001</v>
      </c>
    </row>
    <row r="1101" spans="1:7" x14ac:dyDescent="0.3">
      <c r="A1101" s="6">
        <v>45728</v>
      </c>
      <c r="B1101" s="8">
        <v>4.6319999999999997</v>
      </c>
      <c r="C1101" s="8">
        <v>5.3255999999999997</v>
      </c>
      <c r="D1101" s="8">
        <v>3.246</v>
      </c>
      <c r="E1101" s="8">
        <v>4.0960000000000001</v>
      </c>
      <c r="F1101" s="8">
        <v>3.1640000000000001</v>
      </c>
      <c r="G1101" s="8">
        <v>2.5779999999999998</v>
      </c>
    </row>
    <row r="1102" spans="1:7" x14ac:dyDescent="0.3">
      <c r="A1102" s="6">
        <v>45729</v>
      </c>
      <c r="B1102" s="8">
        <v>4.59</v>
      </c>
      <c r="C1102" s="8">
        <v>5.2803000000000004</v>
      </c>
      <c r="D1102" s="8">
        <v>3.2650000000000001</v>
      </c>
      <c r="E1102" s="8">
        <v>4.1289999999999996</v>
      </c>
      <c r="F1102" s="8">
        <v>3.173</v>
      </c>
      <c r="G1102" s="8">
        <v>2.581</v>
      </c>
    </row>
    <row r="1103" spans="1:7" x14ac:dyDescent="0.3">
      <c r="A1103" s="6">
        <v>45730</v>
      </c>
      <c r="B1103" s="8">
        <v>4.6230000000000002</v>
      </c>
      <c r="C1103" s="8">
        <v>5.2685000000000004</v>
      </c>
      <c r="D1103" s="8">
        <v>3.29</v>
      </c>
      <c r="E1103" s="8">
        <v>4.1440000000000001</v>
      </c>
      <c r="F1103" s="8">
        <v>3.2</v>
      </c>
      <c r="G1103" s="8">
        <v>2.585</v>
      </c>
    </row>
    <row r="1104" spans="1:7" x14ac:dyDescent="0.3">
      <c r="A1104" s="6">
        <v>45733</v>
      </c>
      <c r="B1104" s="8">
        <v>4.5949999999999998</v>
      </c>
      <c r="C1104" s="8">
        <v>5.2172000000000001</v>
      </c>
      <c r="D1104" s="8">
        <v>3.2090000000000001</v>
      </c>
      <c r="E1104" s="8">
        <v>4.05</v>
      </c>
      <c r="F1104" s="8">
        <v>3.1150000000000002</v>
      </c>
      <c r="G1104" s="8">
        <v>2.6</v>
      </c>
    </row>
    <row r="1105" spans="1:7" x14ac:dyDescent="0.3">
      <c r="A1105" s="6">
        <v>45734</v>
      </c>
      <c r="B1105" s="8">
        <v>4.5869999999999997</v>
      </c>
      <c r="C1105" s="8">
        <v>5.2282999999999999</v>
      </c>
      <c r="D1105" s="8">
        <v>3.222</v>
      </c>
      <c r="E1105" s="8">
        <v>4.069</v>
      </c>
      <c r="F1105" s="8">
        <v>3.121</v>
      </c>
      <c r="G1105" s="8">
        <v>2.5920000000000001</v>
      </c>
    </row>
    <row r="1106" spans="1:7" x14ac:dyDescent="0.3">
      <c r="A1106" s="6">
        <v>45735</v>
      </c>
      <c r="B1106" s="8">
        <v>4.5519999999999996</v>
      </c>
      <c r="C1106" s="8">
        <v>5.2127999999999997</v>
      </c>
      <c r="D1106" s="8">
        <v>3.1869999999999998</v>
      </c>
      <c r="E1106" s="8">
        <v>4.0469999999999997</v>
      </c>
      <c r="F1106" s="8">
        <v>3.0880000000000001</v>
      </c>
      <c r="G1106" s="8">
        <v>2.589</v>
      </c>
    </row>
    <row r="1107" spans="1:7" x14ac:dyDescent="0.3">
      <c r="A1107" s="6">
        <v>45736</v>
      </c>
      <c r="B1107" s="8">
        <v>4.5570000000000004</v>
      </c>
      <c r="C1107" s="8">
        <v>5.2153999999999998</v>
      </c>
      <c r="D1107" s="8">
        <v>3.1869999999999998</v>
      </c>
      <c r="E1107" s="8">
        <v>4.069</v>
      </c>
      <c r="F1107" s="8">
        <v>3.0920000000000001</v>
      </c>
      <c r="G1107" s="8">
        <v>2.589</v>
      </c>
    </row>
    <row r="1108" spans="1:7" x14ac:dyDescent="0.3">
      <c r="A1108" s="6">
        <v>45737</v>
      </c>
      <c r="B1108" s="8">
        <v>4.59</v>
      </c>
      <c r="C1108" s="8">
        <v>5.3090999999999999</v>
      </c>
      <c r="D1108" s="8">
        <v>3.19</v>
      </c>
      <c r="E1108" s="8">
        <v>4.077</v>
      </c>
      <c r="F1108" s="8">
        <v>3.1</v>
      </c>
      <c r="G1108" s="8">
        <v>2.585</v>
      </c>
    </row>
    <row r="1109" spans="1:7" x14ac:dyDescent="0.3">
      <c r="A1109" s="6">
        <v>45740</v>
      </c>
      <c r="B1109" s="8">
        <v>4.665</v>
      </c>
      <c r="C1109" s="8">
        <v>5.3212000000000002</v>
      </c>
      <c r="D1109" s="8">
        <v>3.198</v>
      </c>
      <c r="E1109" s="8">
        <v>4.08</v>
      </c>
      <c r="F1109" s="8">
        <v>3.11</v>
      </c>
      <c r="G1109" s="8">
        <v>2.5910000000000002</v>
      </c>
    </row>
    <row r="1110" spans="1:7" x14ac:dyDescent="0.3">
      <c r="A1110" s="6">
        <v>45741</v>
      </c>
      <c r="B1110" s="8">
        <v>4.66</v>
      </c>
      <c r="C1110" s="8">
        <v>5.3678999999999997</v>
      </c>
      <c r="D1110" s="8">
        <v>3.22</v>
      </c>
      <c r="E1110" s="8">
        <v>4.0999999999999996</v>
      </c>
      <c r="F1110" s="8">
        <v>3.129</v>
      </c>
      <c r="G1110" s="8">
        <v>2.597</v>
      </c>
    </row>
    <row r="1111" spans="1:7" x14ac:dyDescent="0.3">
      <c r="A1111" s="6">
        <v>45742</v>
      </c>
      <c r="B1111" s="8">
        <v>4.7030000000000003</v>
      </c>
      <c r="C1111" s="8">
        <v>5.3071999999999999</v>
      </c>
      <c r="D1111" s="8">
        <v>3.2280000000000002</v>
      </c>
      <c r="E1111" s="8">
        <v>4.1130000000000004</v>
      </c>
      <c r="F1111" s="8">
        <v>3.1349999999999998</v>
      </c>
      <c r="G1111" s="8">
        <v>2.6070000000000002</v>
      </c>
    </row>
    <row r="1112" spans="1:7" x14ac:dyDescent="0.3">
      <c r="A1112" s="6">
        <v>45743</v>
      </c>
      <c r="B1112" s="8">
        <v>4.7220000000000004</v>
      </c>
      <c r="C1112" s="8">
        <v>5.3666999999999998</v>
      </c>
      <c r="D1112" s="8">
        <v>3.226</v>
      </c>
      <c r="E1112" s="8">
        <v>4.1029999999999998</v>
      </c>
      <c r="F1112" s="8">
        <v>3.1320000000000001</v>
      </c>
      <c r="G1112" s="8">
        <v>2.5750000000000002</v>
      </c>
    </row>
    <row r="1113" spans="1:7" x14ac:dyDescent="0.3">
      <c r="A1113" s="6">
        <v>45744</v>
      </c>
      <c r="B1113" s="8">
        <v>4.63</v>
      </c>
      <c r="C1113" s="8">
        <v>5.2869000000000002</v>
      </c>
      <c r="D1113" s="8">
        <v>3.1960000000000002</v>
      </c>
      <c r="E1113" s="8">
        <v>4.0789999999999997</v>
      </c>
      <c r="F1113" s="8">
        <v>3.1</v>
      </c>
      <c r="G1113" s="8">
        <v>2.524</v>
      </c>
    </row>
    <row r="1114" spans="1:7" x14ac:dyDescent="0.3">
      <c r="A1114" s="6">
        <v>45747</v>
      </c>
      <c r="B1114" s="8">
        <v>4.5720000000000001</v>
      </c>
      <c r="C1114" s="8">
        <v>5.2808000000000002</v>
      </c>
      <c r="D1114" s="8">
        <v>3.1920000000000002</v>
      </c>
      <c r="E1114" s="8">
        <v>4.0839999999999996</v>
      </c>
      <c r="F1114" s="8">
        <v>3.089</v>
      </c>
      <c r="G1114" s="8">
        <v>2.5179999999999998</v>
      </c>
    </row>
    <row r="1115" spans="1:7" x14ac:dyDescent="0.3">
      <c r="A1115" s="6">
        <v>45748</v>
      </c>
      <c r="B1115" s="8">
        <v>4.5250000000000004</v>
      </c>
      <c r="C1115" s="8">
        <v>5.2466999999999997</v>
      </c>
      <c r="D1115" s="8">
        <v>3.13</v>
      </c>
      <c r="E1115" s="8">
        <v>4.0190000000000001</v>
      </c>
      <c r="F1115" s="8">
        <v>3.028</v>
      </c>
      <c r="G1115" s="8">
        <v>2.5289999999999999</v>
      </c>
    </row>
    <row r="1116" spans="1:7" x14ac:dyDescent="0.3">
      <c r="A1116" s="6">
        <v>45749</v>
      </c>
      <c r="B1116" s="8">
        <v>4.5030000000000001</v>
      </c>
      <c r="C1116" s="8">
        <v>5.2491000000000003</v>
      </c>
      <c r="D1116" s="8">
        <v>3.1779999999999999</v>
      </c>
      <c r="E1116" s="8">
        <v>4.0519999999999996</v>
      </c>
      <c r="F1116" s="8">
        <v>3.0710000000000002</v>
      </c>
      <c r="G1116" s="8">
        <v>2.46</v>
      </c>
    </row>
    <row r="1117" spans="1:7" x14ac:dyDescent="0.3">
      <c r="A1117" s="6">
        <v>45750</v>
      </c>
      <c r="B1117" s="8">
        <v>4.4720000000000004</v>
      </c>
      <c r="C1117" s="8">
        <v>5.1832000000000003</v>
      </c>
      <c r="D1117" s="8">
        <v>3.1549999999999998</v>
      </c>
      <c r="E1117" s="8">
        <v>4.0510000000000002</v>
      </c>
      <c r="F1117" s="8">
        <v>3.0409999999999999</v>
      </c>
      <c r="G1117" s="8">
        <v>2.3980000000000001</v>
      </c>
    </row>
    <row r="1118" spans="1:7" x14ac:dyDescent="0.3">
      <c r="A1118" s="6">
        <v>45751</v>
      </c>
      <c r="B1118" s="8">
        <v>4.4109999999999996</v>
      </c>
      <c r="C1118" s="8">
        <v>5.1154000000000002</v>
      </c>
      <c r="D1118" s="8">
        <v>3.1120000000000001</v>
      </c>
      <c r="E1118" s="8">
        <v>4.01</v>
      </c>
      <c r="F1118" s="8">
        <v>2.9769999999999999</v>
      </c>
      <c r="G1118" s="8">
        <v>2.282</v>
      </c>
    </row>
    <row r="1119" spans="1:7" x14ac:dyDescent="0.3">
      <c r="A1119" s="6">
        <v>45754</v>
      </c>
      <c r="B1119" s="8">
        <v>4.6210000000000004</v>
      </c>
      <c r="C1119" s="8">
        <v>5.3194999999999997</v>
      </c>
      <c r="D1119" s="8">
        <v>3.1579999999999999</v>
      </c>
      <c r="E1119" s="8">
        <v>4.0869999999999997</v>
      </c>
      <c r="F1119" s="8">
        <v>3.0150000000000001</v>
      </c>
      <c r="G1119" s="8">
        <v>2.2629999999999999</v>
      </c>
    </row>
    <row r="1120" spans="1:7" x14ac:dyDescent="0.3">
      <c r="A1120" s="6">
        <v>45755</v>
      </c>
      <c r="B1120" s="8">
        <v>4.7670000000000003</v>
      </c>
      <c r="C1120" s="8">
        <v>5.3460999999999999</v>
      </c>
      <c r="D1120" s="8">
        <v>3.1389999999999998</v>
      </c>
      <c r="E1120" s="8">
        <v>4.0629999999999997</v>
      </c>
      <c r="F1120" s="8">
        <v>3.02</v>
      </c>
      <c r="G1120" s="8">
        <v>2.5219999999999998</v>
      </c>
    </row>
    <row r="1121" spans="1:7" x14ac:dyDescent="0.3">
      <c r="A1121" s="6">
        <v>45756</v>
      </c>
      <c r="B1121" s="8">
        <v>4.7409999999999997</v>
      </c>
      <c r="C1121" s="8">
        <v>5.5785</v>
      </c>
      <c r="D1121" s="8">
        <v>3.0960000000000001</v>
      </c>
      <c r="E1121" s="8">
        <v>4.05</v>
      </c>
      <c r="F1121" s="8">
        <v>2.9630000000000001</v>
      </c>
      <c r="G1121" s="8">
        <v>2.6920000000000002</v>
      </c>
    </row>
    <row r="1122" spans="1:7" x14ac:dyDescent="0.3">
      <c r="A1122" s="6">
        <v>45757</v>
      </c>
      <c r="B1122" s="8">
        <v>4.8719999999999999</v>
      </c>
      <c r="C1122" s="8">
        <v>5.4264000000000001</v>
      </c>
      <c r="D1122" s="8">
        <v>3.073</v>
      </c>
      <c r="E1122" s="8">
        <v>3.996</v>
      </c>
      <c r="F1122" s="8">
        <v>2.9569999999999999</v>
      </c>
      <c r="G1122" s="8">
        <v>2.6589999999999998</v>
      </c>
    </row>
    <row r="1123" spans="1:7" x14ac:dyDescent="0.3">
      <c r="A1123" s="6">
        <v>45758</v>
      </c>
      <c r="B1123" s="8">
        <v>4.8730000000000002</v>
      </c>
      <c r="C1123" s="8">
        <v>5.5148999999999999</v>
      </c>
      <c r="D1123" s="8">
        <v>3.0230000000000001</v>
      </c>
      <c r="E1123" s="8">
        <v>3.956</v>
      </c>
      <c r="F1123" s="8">
        <v>2.89</v>
      </c>
      <c r="G1123" s="8">
        <v>2.6840000000000002</v>
      </c>
    </row>
    <row r="1124" spans="1:7" x14ac:dyDescent="0.3">
      <c r="A1124" s="6">
        <v>45761</v>
      </c>
      <c r="B1124" s="8">
        <v>4.8109999999999999</v>
      </c>
      <c r="C1124" s="8">
        <v>5.383</v>
      </c>
      <c r="D1124" s="8">
        <v>2.9950000000000001</v>
      </c>
      <c r="E1124" s="8">
        <v>3.915</v>
      </c>
      <c r="F1124" s="8">
        <v>2.8759999999999999</v>
      </c>
      <c r="G1124" s="8">
        <v>2.8239999999999998</v>
      </c>
    </row>
    <row r="1125" spans="1:7" x14ac:dyDescent="0.3">
      <c r="A1125" s="6">
        <v>45762</v>
      </c>
      <c r="B1125" s="8">
        <v>4.7789999999999999</v>
      </c>
      <c r="C1125" s="8">
        <v>5.4257</v>
      </c>
      <c r="D1125" s="8">
        <v>3.0369999999999999</v>
      </c>
      <c r="E1125" s="8">
        <v>3.9569999999999999</v>
      </c>
      <c r="F1125" s="8">
        <v>2.9140000000000001</v>
      </c>
      <c r="G1125" s="8">
        <v>2.798</v>
      </c>
    </row>
    <row r="1126" spans="1:7" x14ac:dyDescent="0.3">
      <c r="A1126" s="6">
        <v>45763</v>
      </c>
      <c r="B1126" s="8">
        <v>4.74</v>
      </c>
      <c r="C1126" s="8">
        <v>5.3593000000000002</v>
      </c>
      <c r="D1126" s="8">
        <v>3.0430000000000001</v>
      </c>
      <c r="E1126" s="8">
        <v>3.9590000000000001</v>
      </c>
      <c r="F1126" s="8">
        <v>2.9119999999999999</v>
      </c>
      <c r="G1126" s="8">
        <v>2.6760000000000002</v>
      </c>
    </row>
    <row r="1127" spans="1:7" x14ac:dyDescent="0.3">
      <c r="A1127" s="6">
        <v>45764</v>
      </c>
      <c r="B1127" s="8">
        <v>4.7990000000000004</v>
      </c>
      <c r="C1127" s="8">
        <v>5.3375000000000004</v>
      </c>
      <c r="D1127" s="8">
        <v>3.0270000000000001</v>
      </c>
      <c r="E1127" s="8">
        <v>3.9529999999999998</v>
      </c>
      <c r="F1127" s="8">
        <v>2.8940000000000001</v>
      </c>
      <c r="G1127" s="8">
        <v>2.6669999999999998</v>
      </c>
    </row>
    <row r="1128" spans="1:7" x14ac:dyDescent="0.3">
      <c r="A1128" s="6">
        <v>45765</v>
      </c>
      <c r="B1128" s="8">
        <v>4.7990000000000004</v>
      </c>
      <c r="C1128" s="8">
        <v>5.3373999999999997</v>
      </c>
      <c r="D1128" s="8">
        <v>3.0270000000000001</v>
      </c>
      <c r="E1128" s="8">
        <v>3.9529999999999998</v>
      </c>
      <c r="F1128" s="8">
        <v>2.8940000000000001</v>
      </c>
      <c r="G1128" s="8">
        <v>2.706</v>
      </c>
    </row>
    <row r="1129" spans="1:7" x14ac:dyDescent="0.3">
      <c r="A1129" s="6">
        <v>45768</v>
      </c>
      <c r="B1129" s="8">
        <v>4.9029999999999996</v>
      </c>
      <c r="C1129" s="8">
        <v>5.3373999999999997</v>
      </c>
      <c r="D1129" s="8">
        <v>3.0270000000000001</v>
      </c>
      <c r="E1129" s="8">
        <v>3.9529999999999998</v>
      </c>
      <c r="F1129" s="8">
        <v>2.8940000000000001</v>
      </c>
      <c r="G1129" s="8">
        <v>2.7429999999999999</v>
      </c>
    </row>
    <row r="1130" spans="1:7" x14ac:dyDescent="0.3">
      <c r="A1130" s="6">
        <v>45769</v>
      </c>
      <c r="B1130" s="8">
        <v>4.8789999999999996</v>
      </c>
      <c r="C1130" s="8">
        <v>5.3673999999999999</v>
      </c>
      <c r="D1130" s="8">
        <v>2.9910000000000001</v>
      </c>
      <c r="E1130" s="8">
        <v>3.9140000000000001</v>
      </c>
      <c r="F1130" s="8">
        <v>2.8570000000000002</v>
      </c>
      <c r="G1130" s="8">
        <v>2.7320000000000002</v>
      </c>
    </row>
    <row r="1131" spans="1:7" x14ac:dyDescent="0.3">
      <c r="A1131" s="6">
        <v>45770</v>
      </c>
      <c r="B1131" s="8">
        <v>4.8239999999999998</v>
      </c>
      <c r="C1131" s="8">
        <v>5.3079000000000001</v>
      </c>
      <c r="D1131" s="8">
        <v>3.04</v>
      </c>
      <c r="E1131" s="8">
        <v>3.9369999999999998</v>
      </c>
      <c r="F1131" s="8">
        <v>2.91</v>
      </c>
      <c r="G1131" s="8">
        <v>2.6840000000000002</v>
      </c>
    </row>
    <row r="1132" spans="1:7" x14ac:dyDescent="0.3">
      <c r="A1132" s="6">
        <v>45771</v>
      </c>
      <c r="B1132" s="8">
        <v>4.7770000000000001</v>
      </c>
      <c r="C1132" s="8">
        <v>5.2432999999999996</v>
      </c>
      <c r="D1132" s="8">
        <v>3</v>
      </c>
      <c r="E1132" s="8">
        <v>3.879</v>
      </c>
      <c r="F1132" s="8">
        <v>2.8759999999999999</v>
      </c>
      <c r="G1132" s="8">
        <v>2.6840000000000002</v>
      </c>
    </row>
    <row r="1133" spans="1:7" x14ac:dyDescent="0.3">
      <c r="A1133" s="6">
        <v>45772</v>
      </c>
      <c r="B1133" s="8">
        <v>4.7030000000000003</v>
      </c>
      <c r="C1133" s="8">
        <v>5.2183000000000002</v>
      </c>
      <c r="D1133" s="8">
        <v>3.0089999999999999</v>
      </c>
      <c r="E1133" s="8">
        <v>3.895</v>
      </c>
      <c r="F1133" s="8">
        <v>2.8879999999999999</v>
      </c>
      <c r="G1133" s="8">
        <v>2.6989999999999998</v>
      </c>
    </row>
    <row r="1134" spans="1:7" x14ac:dyDescent="0.3">
      <c r="A1134" s="6">
        <v>45775</v>
      </c>
      <c r="B1134" s="8">
        <v>4.6840000000000002</v>
      </c>
      <c r="C1134" s="8">
        <v>5.2686999999999999</v>
      </c>
      <c r="D1134" s="8">
        <v>3.0659999999999998</v>
      </c>
      <c r="E1134" s="8">
        <v>3.9609999999999999</v>
      </c>
      <c r="F1134" s="8">
        <v>2.9449999999999998</v>
      </c>
      <c r="G1134" s="8">
        <v>2.6890000000000001</v>
      </c>
    </row>
    <row r="1135" spans="1:7" x14ac:dyDescent="0.3">
      <c r="A1135" s="6">
        <v>45776</v>
      </c>
      <c r="B1135" s="8">
        <v>4.6500000000000004</v>
      </c>
      <c r="C1135" s="8">
        <v>5.2430000000000003</v>
      </c>
      <c r="D1135" s="8">
        <v>3.05</v>
      </c>
      <c r="E1135" s="8">
        <v>3.9449999999999998</v>
      </c>
      <c r="F1135" s="8">
        <v>2.9260000000000002</v>
      </c>
      <c r="G1135" s="8">
        <v>2.6890000000000001</v>
      </c>
    </row>
    <row r="1136" spans="1:7" x14ac:dyDescent="0.3">
      <c r="A1136" s="6">
        <v>45777</v>
      </c>
      <c r="B1136" s="8">
        <v>4.6790000000000003</v>
      </c>
      <c r="C1136" s="8">
        <v>5.2057000000000002</v>
      </c>
      <c r="D1136" s="8">
        <v>3.0049999999999999</v>
      </c>
      <c r="E1136" s="8">
        <v>3.8919999999999999</v>
      </c>
      <c r="F1136" s="8">
        <v>2.8809999999999998</v>
      </c>
      <c r="G1136" s="8">
        <v>2.6960000000000002</v>
      </c>
    </row>
    <row r="1137" spans="1:7" x14ac:dyDescent="0.3">
      <c r="A1137" s="6">
        <v>45778</v>
      </c>
      <c r="B1137" s="8">
        <v>4.7249999999999996</v>
      </c>
      <c r="C1137" s="8">
        <v>5.2591000000000001</v>
      </c>
      <c r="D1137" s="8">
        <v>3.0049999999999999</v>
      </c>
      <c r="E1137" s="8">
        <v>3.8919999999999999</v>
      </c>
      <c r="F1137" s="8">
        <v>2.8809999999999998</v>
      </c>
      <c r="G1137" s="8">
        <v>2.6960000000000002</v>
      </c>
    </row>
    <row r="1138" spans="1:7" x14ac:dyDescent="0.3">
      <c r="A1138" s="6">
        <v>45779</v>
      </c>
      <c r="B1138" s="8">
        <v>4.7910000000000004</v>
      </c>
      <c r="C1138" s="8">
        <v>5.3022999999999998</v>
      </c>
      <c r="D1138" s="8">
        <v>3.09</v>
      </c>
      <c r="E1138" s="8">
        <v>3.9740000000000002</v>
      </c>
      <c r="F1138" s="8">
        <v>2.9689999999999999</v>
      </c>
      <c r="G1138" s="8">
        <v>2.7570000000000001</v>
      </c>
    </row>
    <row r="1139" spans="1:7" x14ac:dyDescent="0.3">
      <c r="A1139" s="6">
        <v>45782</v>
      </c>
      <c r="B1139" s="8">
        <v>4.8360000000000003</v>
      </c>
      <c r="C1139" s="8">
        <v>5.3022999999999998</v>
      </c>
      <c r="D1139" s="8">
        <v>3.093</v>
      </c>
      <c r="E1139" s="8">
        <v>3.968</v>
      </c>
      <c r="F1139" s="8">
        <v>2.972</v>
      </c>
      <c r="G1139" s="8">
        <v>2.7570000000000001</v>
      </c>
    </row>
    <row r="1140" spans="1:7" x14ac:dyDescent="0.3">
      <c r="A1140" s="6">
        <v>45783</v>
      </c>
      <c r="B1140" s="8">
        <v>4.7990000000000004</v>
      </c>
      <c r="C1140" s="8">
        <v>5.3121</v>
      </c>
      <c r="D1140" s="8">
        <v>3.1259999999999999</v>
      </c>
      <c r="E1140" s="8">
        <v>3.9969999999999999</v>
      </c>
      <c r="F1140" s="8">
        <v>3.0030000000000001</v>
      </c>
      <c r="G1140" s="8">
        <v>2.7570000000000001</v>
      </c>
    </row>
    <row r="1141" spans="1:7" x14ac:dyDescent="0.3">
      <c r="A1141" s="6">
        <v>45784</v>
      </c>
      <c r="B1141" s="8">
        <v>4.7709999999999999</v>
      </c>
      <c r="C1141" s="8">
        <v>5.2508999999999997</v>
      </c>
      <c r="D1141" s="8">
        <v>3.0539999999999998</v>
      </c>
      <c r="E1141" s="8">
        <v>3.919</v>
      </c>
      <c r="F1141" s="8">
        <v>2.9209999999999998</v>
      </c>
      <c r="G1141" s="8">
        <v>2.883</v>
      </c>
    </row>
    <row r="1142" spans="1:7" x14ac:dyDescent="0.3">
      <c r="A1142" s="6">
        <v>45785</v>
      </c>
      <c r="B1142" s="8">
        <v>4.8449999999999998</v>
      </c>
      <c r="C1142" s="8">
        <v>5.3159000000000001</v>
      </c>
      <c r="D1142" s="8">
        <v>3.1219999999999999</v>
      </c>
      <c r="E1142" s="8">
        <v>3.972</v>
      </c>
      <c r="F1142" s="8">
        <v>2.988</v>
      </c>
      <c r="G1142" s="8">
        <v>2.8769999999999998</v>
      </c>
    </row>
    <row r="1143" spans="1:7" x14ac:dyDescent="0.3">
      <c r="A1143" s="6">
        <v>45786</v>
      </c>
      <c r="B1143" s="8">
        <v>4.8360000000000003</v>
      </c>
      <c r="C1143" s="8">
        <v>5.3437999999999999</v>
      </c>
      <c r="D1143" s="8">
        <v>3.149</v>
      </c>
      <c r="E1143" s="8">
        <v>3.996</v>
      </c>
      <c r="F1143" s="8">
        <v>3.0169999999999999</v>
      </c>
      <c r="G1143" s="8">
        <v>2.8980000000000001</v>
      </c>
    </row>
    <row r="1144" spans="1:7" x14ac:dyDescent="0.3">
      <c r="A1144" s="6">
        <v>45789</v>
      </c>
      <c r="B1144" s="8">
        <v>4.907</v>
      </c>
      <c r="C1144" s="8">
        <v>5.3895</v>
      </c>
      <c r="D1144" s="8">
        <v>3.1949999999999998</v>
      </c>
      <c r="E1144" s="8">
        <v>4.0289999999999999</v>
      </c>
      <c r="F1144" s="8">
        <v>3.0790000000000002</v>
      </c>
      <c r="G1144" s="8">
        <v>2.976</v>
      </c>
    </row>
    <row r="1145" spans="1:7" x14ac:dyDescent="0.3">
      <c r="A1145" s="6">
        <v>45790</v>
      </c>
      <c r="B1145" s="8">
        <v>4.9080000000000004</v>
      </c>
      <c r="C1145" s="8">
        <v>5.4257</v>
      </c>
      <c r="D1145" s="8">
        <v>3.2320000000000002</v>
      </c>
      <c r="E1145" s="8">
        <v>4.0650000000000004</v>
      </c>
      <c r="F1145" s="8">
        <v>3.1240000000000001</v>
      </c>
      <c r="G1145" s="8">
        <v>2.859</v>
      </c>
    </row>
    <row r="1146" spans="1:7" x14ac:dyDescent="0.3">
      <c r="A1146" s="6">
        <v>45791</v>
      </c>
      <c r="B1146" s="8">
        <v>4.9710000000000001</v>
      </c>
      <c r="C1146" s="8">
        <v>5.4668999999999999</v>
      </c>
      <c r="D1146" s="8">
        <v>3.2469999999999999</v>
      </c>
      <c r="E1146" s="8">
        <v>4.0890000000000004</v>
      </c>
      <c r="F1146" s="8">
        <v>3.145</v>
      </c>
      <c r="G1146" s="8">
        <v>2.9060000000000001</v>
      </c>
    </row>
    <row r="1147" spans="1:7" x14ac:dyDescent="0.3">
      <c r="A1147" s="6">
        <v>45792</v>
      </c>
      <c r="B1147" s="8">
        <v>4.8890000000000002</v>
      </c>
      <c r="C1147" s="8">
        <v>5.4089</v>
      </c>
      <c r="D1147" s="8">
        <v>3.1680000000000001</v>
      </c>
      <c r="E1147" s="8">
        <v>4.0049999999999999</v>
      </c>
      <c r="F1147" s="8">
        <v>3.0649999999999999</v>
      </c>
      <c r="G1147" s="8">
        <v>2.9510000000000001</v>
      </c>
    </row>
    <row r="1148" spans="1:7" x14ac:dyDescent="0.3">
      <c r="A1148" s="6">
        <v>45793</v>
      </c>
      <c r="B1148" s="8">
        <v>4.9459999999999997</v>
      </c>
      <c r="C1148" s="8">
        <v>5.3926999999999996</v>
      </c>
      <c r="D1148" s="8">
        <v>3.1469999999999998</v>
      </c>
      <c r="E1148" s="8">
        <v>3.9750000000000001</v>
      </c>
      <c r="F1148" s="8">
        <v>3.0379999999999998</v>
      </c>
      <c r="G1148" s="8">
        <v>2.952</v>
      </c>
    </row>
    <row r="1149" spans="1:7" x14ac:dyDescent="0.3">
      <c r="A1149" s="6">
        <v>45796</v>
      </c>
      <c r="B1149" s="8">
        <v>4.9039999999999999</v>
      </c>
      <c r="C1149" s="8">
        <v>5.4181999999999997</v>
      </c>
      <c r="D1149" s="8">
        <v>3.1440000000000001</v>
      </c>
      <c r="E1149" s="8">
        <v>3.9790000000000001</v>
      </c>
      <c r="F1149" s="8">
        <v>3.0369999999999999</v>
      </c>
      <c r="G1149" s="8">
        <v>2.9710000000000001</v>
      </c>
    </row>
    <row r="1150" spans="1:7" x14ac:dyDescent="0.3">
      <c r="A1150" s="6">
        <v>45797</v>
      </c>
      <c r="B1150" s="8">
        <v>4.9710000000000001</v>
      </c>
      <c r="C1150" s="8">
        <v>5.4565000000000001</v>
      </c>
      <c r="D1150" s="8">
        <v>3.1920000000000002</v>
      </c>
      <c r="E1150" s="8">
        <v>4.0220000000000002</v>
      </c>
      <c r="F1150" s="8">
        <v>3.0870000000000002</v>
      </c>
      <c r="G1150" s="8">
        <v>3.0950000000000002</v>
      </c>
    </row>
    <row r="1151" spans="1:7" x14ac:dyDescent="0.3">
      <c r="A1151" s="6">
        <v>45798</v>
      </c>
      <c r="B1151" s="8">
        <v>5.0940000000000003</v>
      </c>
      <c r="C1151" s="8">
        <v>5.5174000000000003</v>
      </c>
      <c r="D1151" s="8">
        <v>3.24</v>
      </c>
      <c r="E1151" s="8">
        <v>4.0750000000000002</v>
      </c>
      <c r="F1151" s="8">
        <v>3.1349999999999998</v>
      </c>
      <c r="G1151" s="8">
        <v>3.1320000000000001</v>
      </c>
    </row>
    <row r="1152" spans="1:7" x14ac:dyDescent="0.3">
      <c r="A1152" s="6">
        <v>45799</v>
      </c>
      <c r="B1152" s="8">
        <v>5.0410000000000004</v>
      </c>
      <c r="C1152" s="8">
        <v>5.5487000000000002</v>
      </c>
      <c r="D1152" s="8">
        <v>3.2559999999999998</v>
      </c>
      <c r="E1152" s="8">
        <v>4.1020000000000003</v>
      </c>
      <c r="F1152" s="8">
        <v>3.149</v>
      </c>
      <c r="G1152" s="8">
        <v>3.165</v>
      </c>
    </row>
    <row r="1153" spans="1:7" x14ac:dyDescent="0.3">
      <c r="A1153" s="6">
        <v>45800</v>
      </c>
      <c r="B1153" s="8">
        <v>5.0389999999999997</v>
      </c>
      <c r="C1153" s="8">
        <v>5.4787999999999997</v>
      </c>
      <c r="D1153" s="8">
        <v>3.1949999999999998</v>
      </c>
      <c r="E1153" s="8">
        <v>4.0510000000000002</v>
      </c>
      <c r="F1153" s="8">
        <v>3.0859999999999999</v>
      </c>
      <c r="G1153" s="8">
        <v>3.0369999999999999</v>
      </c>
    </row>
    <row r="1154" spans="1:7" x14ac:dyDescent="0.3">
      <c r="A1154" s="6">
        <v>45803</v>
      </c>
      <c r="B1154" s="8">
        <v>5.0389999999999997</v>
      </c>
      <c r="C1154" s="8">
        <v>5.4787999999999997</v>
      </c>
      <c r="D1154" s="8">
        <v>3.1659999999999999</v>
      </c>
      <c r="E1154" s="8">
        <v>4.0049999999999999</v>
      </c>
      <c r="F1154" s="8">
        <v>3.0630000000000002</v>
      </c>
      <c r="G1154" s="8">
        <v>3.0449999999999999</v>
      </c>
    </row>
    <row r="1155" spans="1:7" x14ac:dyDescent="0.3">
      <c r="A1155" s="6">
        <v>45804</v>
      </c>
      <c r="B1155" s="8">
        <v>4.9530000000000003</v>
      </c>
      <c r="C1155" s="8">
        <v>5.4347000000000003</v>
      </c>
      <c r="D1155" s="8">
        <v>3.1059999999999999</v>
      </c>
      <c r="E1155" s="8">
        <v>3.9489999999999998</v>
      </c>
      <c r="F1155" s="8">
        <v>3.0009999999999999</v>
      </c>
      <c r="G1155" s="8">
        <v>2.8530000000000002</v>
      </c>
    </row>
    <row r="1156" spans="1:7" x14ac:dyDescent="0.3">
      <c r="A1156" s="6">
        <v>45805</v>
      </c>
      <c r="B1156" s="8">
        <v>4.9770000000000003</v>
      </c>
      <c r="C1156" s="8">
        <v>5.4789000000000003</v>
      </c>
      <c r="D1156" s="8">
        <v>3.13</v>
      </c>
      <c r="E1156" s="8">
        <v>3.9729999999999999</v>
      </c>
      <c r="F1156" s="8">
        <v>3.03</v>
      </c>
      <c r="G1156" s="8">
        <v>2.899</v>
      </c>
    </row>
    <row r="1157" spans="1:7" x14ac:dyDescent="0.3">
      <c r="A1157" s="6">
        <v>45806</v>
      </c>
      <c r="B1157" s="8">
        <v>4.9180000000000001</v>
      </c>
      <c r="C1157" s="8">
        <v>5.3943000000000003</v>
      </c>
      <c r="D1157" s="8">
        <v>3.0880000000000001</v>
      </c>
      <c r="E1157" s="8">
        <v>3.9340000000000002</v>
      </c>
      <c r="F1157" s="8">
        <v>2.9860000000000002</v>
      </c>
      <c r="G1157" s="8">
        <v>2.976</v>
      </c>
    </row>
    <row r="1158" spans="1:7" x14ac:dyDescent="0.3">
      <c r="A1158" s="6">
        <v>45807</v>
      </c>
      <c r="B1158" s="8">
        <v>4.9320000000000004</v>
      </c>
      <c r="C1158" s="8">
        <v>5.3707000000000003</v>
      </c>
      <c r="D1158" s="8">
        <v>3.0830000000000002</v>
      </c>
      <c r="E1158" s="8">
        <v>3.919</v>
      </c>
      <c r="F1158" s="8">
        <v>2.9780000000000002</v>
      </c>
      <c r="G1158" s="8">
        <v>2.952</v>
      </c>
    </row>
    <row r="1159" spans="1:7" x14ac:dyDescent="0.3">
      <c r="A1159" s="6">
        <v>45810</v>
      </c>
      <c r="B1159" s="8">
        <v>4.9669999999999996</v>
      </c>
      <c r="C1159" s="8">
        <v>5.4097</v>
      </c>
      <c r="D1159" s="8">
        <v>3.1160000000000001</v>
      </c>
      <c r="E1159" s="8">
        <v>3.952</v>
      </c>
      <c r="F1159" s="8">
        <v>3.0110000000000001</v>
      </c>
      <c r="G1159" s="8">
        <v>2.9319999999999999</v>
      </c>
    </row>
    <row r="1160" spans="1:7" x14ac:dyDescent="0.3">
      <c r="A1160" s="6">
        <v>45811</v>
      </c>
      <c r="B1160" s="8">
        <v>4.9829999999999997</v>
      </c>
      <c r="C1160" s="8">
        <v>5.3662999999999998</v>
      </c>
      <c r="D1160" s="8">
        <v>3.125</v>
      </c>
      <c r="E1160" s="8">
        <v>3.9620000000000002</v>
      </c>
      <c r="F1160" s="8">
        <v>3.0150000000000001</v>
      </c>
      <c r="G1160" s="8">
        <v>2.93</v>
      </c>
    </row>
    <row r="1161" spans="1:7" x14ac:dyDescent="0.3">
      <c r="A1161" s="6">
        <v>45812</v>
      </c>
      <c r="B1161" s="8">
        <v>4.8789999999999996</v>
      </c>
      <c r="C1161" s="8">
        <v>5.3209</v>
      </c>
      <c r="D1161" s="8">
        <v>3.1080000000000001</v>
      </c>
      <c r="E1161" s="8">
        <v>3.9590000000000001</v>
      </c>
      <c r="F1161" s="8">
        <v>2.996</v>
      </c>
      <c r="G1161" s="8">
        <v>2.9390000000000001</v>
      </c>
    </row>
    <row r="1162" spans="1:7" x14ac:dyDescent="0.3">
      <c r="A1162" s="6">
        <v>45813</v>
      </c>
      <c r="B1162" s="8">
        <v>4.8789999999999996</v>
      </c>
      <c r="C1162" s="8">
        <v>5.3239000000000001</v>
      </c>
      <c r="D1162" s="8">
        <v>3.1389999999999998</v>
      </c>
      <c r="E1162" s="8">
        <v>3.9740000000000002</v>
      </c>
      <c r="F1162" s="8">
        <v>3.0230000000000001</v>
      </c>
      <c r="G1162" s="8">
        <v>2.8809999999999998</v>
      </c>
    </row>
    <row r="1163" spans="1:7" x14ac:dyDescent="0.3">
      <c r="A1163" s="6">
        <v>45814</v>
      </c>
      <c r="B1163" s="8">
        <v>4.97</v>
      </c>
      <c r="C1163" s="8">
        <v>5.3375000000000004</v>
      </c>
      <c r="D1163" s="8">
        <v>3.12</v>
      </c>
      <c r="E1163" s="8">
        <v>3.9550000000000001</v>
      </c>
      <c r="F1163" s="8">
        <v>3.008</v>
      </c>
      <c r="G1163" s="8">
        <v>2.871</v>
      </c>
    </row>
    <row r="1164" spans="1:7" x14ac:dyDescent="0.3">
      <c r="A1164" s="6">
        <v>45817</v>
      </c>
      <c r="B1164" s="8">
        <v>4.9420000000000002</v>
      </c>
      <c r="C1164" s="8">
        <v>5.3269000000000002</v>
      </c>
      <c r="D1164" s="8">
        <v>3.1190000000000002</v>
      </c>
      <c r="E1164" s="8">
        <v>3.9620000000000002</v>
      </c>
      <c r="F1164" s="8">
        <v>3.0110000000000001</v>
      </c>
      <c r="G1164" s="8">
        <v>2.899</v>
      </c>
    </row>
    <row r="1165" spans="1:7" x14ac:dyDescent="0.3">
      <c r="A1165" s="6">
        <v>45818</v>
      </c>
      <c r="B1165" s="8">
        <v>4.9290000000000003</v>
      </c>
      <c r="C1165" s="8">
        <v>5.2538</v>
      </c>
      <c r="D1165" s="8">
        <v>3.08</v>
      </c>
      <c r="E1165" s="8">
        <v>3.9239999999999999</v>
      </c>
      <c r="F1165" s="8">
        <v>2.9689999999999999</v>
      </c>
      <c r="G1165" s="8">
        <v>2.91</v>
      </c>
    </row>
    <row r="1166" spans="1:7" x14ac:dyDescent="0.3">
      <c r="A1166" s="6">
        <v>45819</v>
      </c>
      <c r="B1166" s="8">
        <v>4.9189999999999996</v>
      </c>
      <c r="C1166" s="8">
        <v>5.2766000000000002</v>
      </c>
      <c r="D1166" s="8">
        <v>3.1160000000000001</v>
      </c>
      <c r="E1166" s="8">
        <v>3.972</v>
      </c>
      <c r="F1166" s="8">
        <v>3.004</v>
      </c>
      <c r="G1166" s="8">
        <v>2.9129999999999998</v>
      </c>
    </row>
    <row r="1167" spans="1:7" x14ac:dyDescent="0.3">
      <c r="A1167" s="6">
        <v>45820</v>
      </c>
      <c r="B1167" s="8">
        <v>4.843</v>
      </c>
      <c r="C1167" s="8">
        <v>5.1924000000000001</v>
      </c>
      <c r="D1167" s="8">
        <v>3.0550000000000002</v>
      </c>
      <c r="E1167" s="8">
        <v>3.919</v>
      </c>
      <c r="F1167" s="8">
        <v>2.931</v>
      </c>
      <c r="G1167" s="8">
        <v>2.9039999999999999</v>
      </c>
    </row>
    <row r="1168" spans="1:7" x14ac:dyDescent="0.3">
      <c r="A1168" s="6">
        <v>45821</v>
      </c>
      <c r="B1168" s="8">
        <v>4.8949999999999996</v>
      </c>
      <c r="C1168" s="8">
        <v>5.2591999999999999</v>
      </c>
      <c r="D1168" s="8">
        <v>3.1230000000000002</v>
      </c>
      <c r="E1168" s="8">
        <v>3.9860000000000002</v>
      </c>
      <c r="F1168" s="8">
        <v>2.9860000000000002</v>
      </c>
      <c r="G1168" s="8">
        <v>2.879</v>
      </c>
    </row>
    <row r="1169" spans="1:7" x14ac:dyDescent="0.3">
      <c r="A1169" s="6">
        <v>45824</v>
      </c>
      <c r="B1169" s="8">
        <v>4.9569999999999999</v>
      </c>
      <c r="C1169" s="8">
        <v>5.2538</v>
      </c>
      <c r="D1169" s="8">
        <v>3.1120000000000001</v>
      </c>
      <c r="E1169" s="8">
        <v>3.9710000000000001</v>
      </c>
      <c r="F1169" s="8">
        <v>2.9849999999999999</v>
      </c>
      <c r="G1169" s="8">
        <v>2.8959999999999999</v>
      </c>
    </row>
    <row r="1170" spans="1:7" x14ac:dyDescent="0.3">
      <c r="A1170" s="6">
        <v>45825</v>
      </c>
      <c r="B1170" s="8">
        <v>4.8920000000000003</v>
      </c>
      <c r="C1170" s="8">
        <v>5.2820999999999998</v>
      </c>
      <c r="D1170" s="8">
        <v>3.113</v>
      </c>
      <c r="E1170" s="8">
        <v>3.976</v>
      </c>
      <c r="F1170" s="8">
        <v>2.984</v>
      </c>
      <c r="G1170" s="8">
        <v>2.9220000000000002</v>
      </c>
    </row>
    <row r="1171" spans="1:7" x14ac:dyDescent="0.3">
      <c r="A1171" s="6">
        <v>45826</v>
      </c>
      <c r="B1171" s="8">
        <v>4.891</v>
      </c>
      <c r="C1171" s="8">
        <v>5.2282000000000002</v>
      </c>
      <c r="D1171" s="8">
        <v>3.0750000000000002</v>
      </c>
      <c r="E1171" s="8">
        <v>3.944</v>
      </c>
      <c r="F1171" s="8">
        <v>2.9430000000000001</v>
      </c>
      <c r="G1171" s="8">
        <v>2.9260000000000002</v>
      </c>
    </row>
    <row r="1172" spans="1:7" x14ac:dyDescent="0.3">
      <c r="A1172" s="6">
        <v>45827</v>
      </c>
      <c r="B1172" s="8">
        <v>4.891</v>
      </c>
      <c r="C1172" s="8">
        <v>5.2682000000000002</v>
      </c>
      <c r="D1172" s="8">
        <v>3.105</v>
      </c>
      <c r="E1172" s="8">
        <v>4.0039999999999996</v>
      </c>
      <c r="F1172" s="8">
        <v>2.9710000000000001</v>
      </c>
      <c r="G1172" s="8">
        <v>2.919</v>
      </c>
    </row>
    <row r="1173" spans="1:7" x14ac:dyDescent="0.3">
      <c r="A1173" s="6">
        <v>45828</v>
      </c>
      <c r="B1173" s="8">
        <v>4.8920000000000003</v>
      </c>
      <c r="C1173" s="8">
        <v>5.2691999999999997</v>
      </c>
      <c r="D1173" s="8">
        <v>3.1030000000000002</v>
      </c>
      <c r="E1173" s="8">
        <v>3.9830000000000001</v>
      </c>
      <c r="F1173" s="8">
        <v>2.97</v>
      </c>
      <c r="G1173" s="8">
        <v>2.899</v>
      </c>
    </row>
    <row r="1174" spans="1:7" x14ac:dyDescent="0.3">
      <c r="A1174" s="6">
        <v>45831</v>
      </c>
      <c r="B1174" s="8">
        <v>4.8760000000000003</v>
      </c>
      <c r="C1174" s="8">
        <v>5.2115</v>
      </c>
      <c r="D1174" s="8">
        <v>3.0939999999999999</v>
      </c>
      <c r="E1174" s="8">
        <v>3.9670000000000001</v>
      </c>
      <c r="F1174" s="8">
        <v>2.96</v>
      </c>
      <c r="G1174" s="8">
        <v>2.9169999999999998</v>
      </c>
    </row>
    <row r="1175" spans="1:7" x14ac:dyDescent="0.3">
      <c r="A1175" s="6">
        <v>45832</v>
      </c>
      <c r="B1175" s="8">
        <v>4.835</v>
      </c>
      <c r="C1175" s="8">
        <v>5.2068000000000003</v>
      </c>
      <c r="D1175" s="8">
        <v>3.15</v>
      </c>
      <c r="E1175" s="8">
        <v>4.0049999999999999</v>
      </c>
      <c r="F1175" s="8">
        <v>3.024</v>
      </c>
      <c r="G1175" s="8">
        <v>2.92</v>
      </c>
    </row>
    <row r="1176" spans="1:7" x14ac:dyDescent="0.3">
      <c r="A1176" s="6">
        <v>45833</v>
      </c>
      <c r="B1176" s="8">
        <v>4.8330000000000002</v>
      </c>
      <c r="C1176" s="8">
        <v>5.2309000000000001</v>
      </c>
      <c r="D1176" s="8">
        <v>3.1709999999999998</v>
      </c>
      <c r="E1176" s="8">
        <v>4.0179999999999998</v>
      </c>
      <c r="F1176" s="8">
        <v>3.0510000000000002</v>
      </c>
      <c r="G1176" s="8">
        <v>2.8980000000000001</v>
      </c>
    </row>
    <row r="1177" spans="1:7" x14ac:dyDescent="0.3">
      <c r="A1177" s="6">
        <v>45834</v>
      </c>
      <c r="B1177" s="8">
        <v>4.8010000000000002</v>
      </c>
      <c r="C1177" s="8">
        <v>5.2522000000000002</v>
      </c>
      <c r="D1177" s="8">
        <v>3.1890000000000001</v>
      </c>
      <c r="E1177" s="8">
        <v>4.0289999999999999</v>
      </c>
      <c r="F1177" s="8">
        <v>3.069</v>
      </c>
      <c r="G1177" s="8">
        <v>2.903</v>
      </c>
    </row>
    <row r="1178" spans="1:7" x14ac:dyDescent="0.3">
      <c r="A1178" s="6">
        <v>45835</v>
      </c>
      <c r="B1178" s="8">
        <v>4.8369999999999997</v>
      </c>
      <c r="C1178" s="8">
        <v>5.2713999999999999</v>
      </c>
      <c r="D1178" s="8">
        <v>3.1869999999999998</v>
      </c>
      <c r="E1178" s="8">
        <v>4.0229999999999997</v>
      </c>
      <c r="F1178" s="8">
        <v>3.0680000000000001</v>
      </c>
      <c r="G1178" s="8">
        <v>2.9039999999999999</v>
      </c>
    </row>
    <row r="1179" spans="1:7" x14ac:dyDescent="0.3">
      <c r="A1179" s="6">
        <v>45838</v>
      </c>
      <c r="B1179" s="8">
        <v>4.7759999999999998</v>
      </c>
      <c r="C1179" s="8">
        <v>5.2785000000000002</v>
      </c>
      <c r="D1179" s="8">
        <v>3.2120000000000002</v>
      </c>
      <c r="E1179" s="8">
        <v>4.0529999999999999</v>
      </c>
      <c r="F1179" s="8">
        <v>3.0990000000000002</v>
      </c>
      <c r="G1179" s="8">
        <v>2.9079999999999999</v>
      </c>
    </row>
    <row r="1180" spans="1:7" x14ac:dyDescent="0.3">
      <c r="A1180" s="6">
        <v>45839</v>
      </c>
      <c r="B1180" s="8">
        <v>4.7649999999999997</v>
      </c>
      <c r="C1180" s="8">
        <v>5.2279999999999998</v>
      </c>
      <c r="D1180" s="8">
        <v>3.1629999999999998</v>
      </c>
      <c r="E1180" s="8">
        <v>4.0090000000000003</v>
      </c>
      <c r="F1180" s="8">
        <v>3.0510000000000002</v>
      </c>
      <c r="G1180" s="8">
        <v>2.8889999999999998</v>
      </c>
    </row>
    <row r="1181" spans="1:7" x14ac:dyDescent="0.3">
      <c r="A1181" s="6">
        <v>45840</v>
      </c>
      <c r="B1181" s="8">
        <v>4.8029999999999999</v>
      </c>
      <c r="C1181" s="8">
        <v>5.4192</v>
      </c>
      <c r="D1181" s="8">
        <v>3.2130000000000001</v>
      </c>
      <c r="E1181" s="8">
        <v>4.0730000000000004</v>
      </c>
      <c r="F1181" s="8">
        <v>3.1160000000000001</v>
      </c>
      <c r="G1181" s="8">
        <v>2.8860000000000001</v>
      </c>
    </row>
    <row r="1182" spans="1:7" x14ac:dyDescent="0.3">
      <c r="A1182" s="6">
        <v>45841</v>
      </c>
      <c r="B1182" s="8">
        <v>4.8630000000000004</v>
      </c>
      <c r="C1182" s="8">
        <v>5.3371000000000004</v>
      </c>
      <c r="D1182" s="8">
        <v>3.177</v>
      </c>
      <c r="E1182" s="8">
        <v>4.0309999999999997</v>
      </c>
      <c r="F1182" s="8">
        <v>3.0760000000000001</v>
      </c>
      <c r="G1182" s="8">
        <v>2.9489999999999998</v>
      </c>
    </row>
    <row r="1183" spans="1:7" x14ac:dyDescent="0.3">
      <c r="A1183" s="6">
        <v>45842</v>
      </c>
      <c r="B1183" s="8">
        <v>4.8630000000000004</v>
      </c>
      <c r="C1183" s="8">
        <v>5.3419999999999996</v>
      </c>
      <c r="D1183" s="8">
        <v>3.1840000000000002</v>
      </c>
      <c r="E1183" s="8">
        <v>4.0510000000000002</v>
      </c>
      <c r="F1183" s="8">
        <v>3.085</v>
      </c>
      <c r="G1183" s="8">
        <v>2.8660000000000001</v>
      </c>
    </row>
    <row r="1184" spans="1:7" x14ac:dyDescent="0.3">
      <c r="A1184" s="6">
        <v>45845</v>
      </c>
      <c r="B1184" s="8">
        <v>4.9169999999999998</v>
      </c>
      <c r="C1184" s="8">
        <v>5.3902999999999999</v>
      </c>
      <c r="D1184" s="8">
        <v>3.2189999999999999</v>
      </c>
      <c r="E1184" s="8">
        <v>4.0890000000000004</v>
      </c>
      <c r="F1184" s="8">
        <v>3.1160000000000001</v>
      </c>
      <c r="G1184" s="8">
        <v>2.97</v>
      </c>
    </row>
    <row r="1185" spans="1:7" x14ac:dyDescent="0.3">
      <c r="A1185" s="6">
        <v>45846</v>
      </c>
      <c r="B1185" s="8">
        <v>4.9260000000000002</v>
      </c>
      <c r="C1185" s="8">
        <v>5.4524999999999997</v>
      </c>
      <c r="D1185" s="8">
        <v>3.2719999999999998</v>
      </c>
      <c r="E1185" s="8">
        <v>4.1349999999999998</v>
      </c>
      <c r="F1185" s="8">
        <v>3.17</v>
      </c>
      <c r="G1185" s="8">
        <v>3.0619999999999998</v>
      </c>
    </row>
    <row r="1186" spans="1:7" x14ac:dyDescent="0.3">
      <c r="A1186" s="6">
        <v>45847</v>
      </c>
      <c r="B1186" s="8">
        <v>4.87</v>
      </c>
      <c r="C1186" s="8">
        <v>5.4211999999999998</v>
      </c>
      <c r="D1186" s="8">
        <v>3.2669999999999999</v>
      </c>
      <c r="E1186" s="8">
        <v>4.1399999999999997</v>
      </c>
      <c r="F1186" s="8">
        <v>3.16</v>
      </c>
      <c r="G1186" s="8">
        <v>3.056</v>
      </c>
    </row>
    <row r="1187" spans="1:7" x14ac:dyDescent="0.3">
      <c r="A1187" s="6">
        <v>45848</v>
      </c>
      <c r="B1187" s="8">
        <v>4.87</v>
      </c>
      <c r="C1187" s="8">
        <v>5.4048999999999996</v>
      </c>
      <c r="D1187" s="8">
        <v>3.3090000000000002</v>
      </c>
      <c r="E1187" s="8">
        <v>4.1820000000000004</v>
      </c>
      <c r="F1187" s="8">
        <v>3.2010000000000001</v>
      </c>
      <c r="G1187" s="8">
        <v>3.0529999999999999</v>
      </c>
    </row>
    <row r="1188" spans="1:7" x14ac:dyDescent="0.3">
      <c r="A1188" s="6">
        <v>45849</v>
      </c>
      <c r="B1188" s="8">
        <v>4.9509999999999996</v>
      </c>
      <c r="C1188" s="8">
        <v>5.4314</v>
      </c>
      <c r="D1188" s="8">
        <v>3.3370000000000002</v>
      </c>
      <c r="E1188" s="8">
        <v>4.1970000000000001</v>
      </c>
      <c r="F1188" s="8">
        <v>3.2240000000000002</v>
      </c>
      <c r="G1188" s="8">
        <v>3.0550000000000002</v>
      </c>
    </row>
    <row r="1189" spans="1:7" x14ac:dyDescent="0.3">
      <c r="A1189" s="6">
        <v>45852</v>
      </c>
      <c r="B1189" s="8">
        <v>4.9790000000000001</v>
      </c>
      <c r="C1189" s="8">
        <v>5.4287999999999998</v>
      </c>
      <c r="D1189" s="8">
        <v>3.3610000000000002</v>
      </c>
      <c r="E1189" s="8">
        <v>4.24</v>
      </c>
      <c r="F1189" s="8">
        <v>3.2440000000000002</v>
      </c>
      <c r="G1189" s="8">
        <v>3.1629999999999998</v>
      </c>
    </row>
    <row r="1190" spans="1:7" x14ac:dyDescent="0.3">
      <c r="A1190" s="6">
        <v>45853</v>
      </c>
      <c r="B1190" s="8">
        <v>5.0209999999999999</v>
      </c>
      <c r="C1190" s="8">
        <v>5.4572000000000003</v>
      </c>
      <c r="D1190" s="8">
        <v>3.3460000000000001</v>
      </c>
      <c r="E1190" s="8">
        <v>4.2080000000000002</v>
      </c>
      <c r="F1190" s="8">
        <v>3.2250000000000001</v>
      </c>
      <c r="G1190" s="8">
        <v>3.153</v>
      </c>
    </row>
    <row r="1191" spans="1:7" x14ac:dyDescent="0.3">
      <c r="A1191" s="6">
        <v>45854</v>
      </c>
      <c r="B1191" s="8">
        <v>5.0119999999999996</v>
      </c>
      <c r="C1191" s="8">
        <v>5.4683999999999999</v>
      </c>
      <c r="D1191" s="8">
        <v>3.3450000000000002</v>
      </c>
      <c r="E1191" s="8">
        <v>4.1970000000000001</v>
      </c>
      <c r="F1191" s="8">
        <v>3.2120000000000002</v>
      </c>
      <c r="G1191" s="8">
        <v>3.0609999999999999</v>
      </c>
    </row>
    <row r="1192" spans="1:7" x14ac:dyDescent="0.3">
      <c r="A1192" s="6">
        <v>45855</v>
      </c>
      <c r="B1192" s="8">
        <v>5.0090000000000003</v>
      </c>
      <c r="C1192" s="8">
        <v>5.4812000000000003</v>
      </c>
      <c r="D1192" s="8">
        <v>3.327</v>
      </c>
      <c r="E1192" s="8">
        <v>4.1900000000000004</v>
      </c>
      <c r="F1192" s="8">
        <v>3.1960000000000002</v>
      </c>
      <c r="G1192" s="8">
        <v>3.085</v>
      </c>
    </row>
    <row r="1193" spans="1:7" x14ac:dyDescent="0.3">
      <c r="A1193" s="6">
        <v>45856</v>
      </c>
      <c r="B1193" s="8">
        <v>4.9889999999999999</v>
      </c>
      <c r="C1193" s="8">
        <v>5.5103999999999997</v>
      </c>
      <c r="D1193" s="8">
        <v>3.371</v>
      </c>
      <c r="E1193" s="8">
        <v>4.218</v>
      </c>
      <c r="F1193" s="8">
        <v>3.23</v>
      </c>
      <c r="G1193" s="8">
        <v>3.069</v>
      </c>
    </row>
    <row r="1194" spans="1:7" x14ac:dyDescent="0.3">
      <c r="A1194" s="6">
        <v>45859</v>
      </c>
      <c r="B1194" s="8">
        <v>4.9450000000000003</v>
      </c>
      <c r="C1194" s="8">
        <v>5.4272</v>
      </c>
      <c r="D1194" s="8">
        <v>3.2759999999999998</v>
      </c>
      <c r="E1194" s="8">
        <v>4.1130000000000004</v>
      </c>
      <c r="F1194" s="8">
        <v>3.1379999999999999</v>
      </c>
      <c r="G1194" s="8">
        <v>3.069</v>
      </c>
    </row>
    <row r="1195" spans="1:7" x14ac:dyDescent="0.3">
      <c r="A1195" s="6">
        <v>45860</v>
      </c>
      <c r="B1195" s="8">
        <v>4.9189999999999996</v>
      </c>
      <c r="C1195" s="8">
        <v>5.3992000000000004</v>
      </c>
      <c r="D1195" s="8">
        <v>3.2490000000000001</v>
      </c>
      <c r="E1195" s="8">
        <v>4.085</v>
      </c>
      <c r="F1195" s="8">
        <v>3.1160000000000001</v>
      </c>
      <c r="G1195" s="8">
        <v>3.0790000000000002</v>
      </c>
    </row>
    <row r="1196" spans="1:7" x14ac:dyDescent="0.3">
      <c r="A1196" s="6">
        <v>45861</v>
      </c>
      <c r="B1196" s="8">
        <v>4.9359999999999999</v>
      </c>
      <c r="C1196" s="8">
        <v>5.4813999999999998</v>
      </c>
      <c r="D1196" s="8">
        <v>3.2989999999999999</v>
      </c>
      <c r="E1196" s="8">
        <v>4.1340000000000003</v>
      </c>
      <c r="F1196" s="8">
        <v>3.1709999999999998</v>
      </c>
      <c r="G1196" s="8">
        <v>3.125</v>
      </c>
    </row>
    <row r="1197" spans="1:7" x14ac:dyDescent="0.3">
      <c r="A1197" s="6">
        <v>45862</v>
      </c>
      <c r="B1197" s="8">
        <v>4.9359999999999999</v>
      </c>
      <c r="C1197" s="8">
        <v>5.4596</v>
      </c>
      <c r="D1197" s="8">
        <v>3.3250000000000002</v>
      </c>
      <c r="E1197" s="8">
        <v>4.18</v>
      </c>
      <c r="F1197" s="8">
        <v>3.1909999999999998</v>
      </c>
      <c r="G1197" s="8">
        <v>3.093</v>
      </c>
    </row>
    <row r="1198" spans="1:7" x14ac:dyDescent="0.3">
      <c r="A1198" s="6">
        <v>45863</v>
      </c>
      <c r="B1198" s="8">
        <v>4.931</v>
      </c>
      <c r="C1198" s="8">
        <v>5.4478999999999997</v>
      </c>
      <c r="D1198" s="8">
        <v>3.339</v>
      </c>
      <c r="E1198" s="8">
        <v>4.1740000000000004</v>
      </c>
      <c r="F1198" s="8">
        <v>3.206</v>
      </c>
      <c r="G1198" s="8">
        <v>3.0579999999999998</v>
      </c>
    </row>
    <row r="1199" spans="1:7" x14ac:dyDescent="0.3">
      <c r="A1199" s="6">
        <v>45866</v>
      </c>
      <c r="B1199" s="8">
        <v>4.96</v>
      </c>
      <c r="C1199" s="8">
        <v>5.4530000000000003</v>
      </c>
      <c r="D1199" s="8">
        <v>3.3340000000000001</v>
      </c>
      <c r="E1199" s="8">
        <v>4.1539999999999999</v>
      </c>
      <c r="F1199" s="8">
        <v>3.194</v>
      </c>
      <c r="G1199" s="8">
        <v>3.0070000000000001</v>
      </c>
    </row>
    <row r="1200" spans="1:7" x14ac:dyDescent="0.3">
      <c r="A1200" s="6">
        <v>45867</v>
      </c>
      <c r="B1200" s="8">
        <v>4.8579999999999997</v>
      </c>
      <c r="C1200" s="8">
        <v>5.4401000000000002</v>
      </c>
      <c r="D1200" s="8">
        <v>3.3450000000000002</v>
      </c>
      <c r="E1200" s="8">
        <v>4.1589999999999998</v>
      </c>
      <c r="F1200" s="8">
        <v>3.2029999999999998</v>
      </c>
      <c r="G1200" s="8">
        <v>3.044</v>
      </c>
    </row>
    <row r="1201" spans="1:7" x14ac:dyDescent="0.3">
      <c r="A1201" s="6">
        <v>45868</v>
      </c>
      <c r="B1201" s="8">
        <v>4.9000000000000004</v>
      </c>
      <c r="C1201" s="8">
        <v>5.4146000000000001</v>
      </c>
      <c r="D1201" s="8">
        <v>3.3490000000000002</v>
      </c>
      <c r="E1201" s="8">
        <v>4.1539999999999999</v>
      </c>
      <c r="F1201" s="8">
        <v>3.202</v>
      </c>
      <c r="G1201" s="8">
        <v>3.069</v>
      </c>
    </row>
    <row r="1202" spans="1:7" x14ac:dyDescent="0.3">
      <c r="A1202" s="6">
        <v>45869</v>
      </c>
      <c r="B1202" s="8">
        <v>4.9009999999999998</v>
      </c>
      <c r="C1202" s="8">
        <v>5.3757000000000001</v>
      </c>
      <c r="D1202" s="8">
        <v>3.3220000000000001</v>
      </c>
      <c r="E1202" s="8">
        <v>4.1289999999999996</v>
      </c>
      <c r="F1202" s="8">
        <v>3.1739999999999999</v>
      </c>
      <c r="G1202" s="8">
        <v>3.0750000000000002</v>
      </c>
    </row>
    <row r="1203" spans="1:7" x14ac:dyDescent="0.3">
      <c r="A1203" s="6">
        <v>45870</v>
      </c>
      <c r="B1203" s="8">
        <v>4.8239999999999998</v>
      </c>
      <c r="C1203" s="8">
        <v>5.3548999999999998</v>
      </c>
      <c r="D1203" s="8">
        <v>3.3340000000000001</v>
      </c>
      <c r="E1203" s="8">
        <v>4.1509999999999998</v>
      </c>
      <c r="F1203" s="8">
        <v>3.1859999999999999</v>
      </c>
      <c r="G1203" s="8">
        <v>3.0979999999999999</v>
      </c>
    </row>
    <row r="1204" spans="1:7" x14ac:dyDescent="0.3">
      <c r="A1204" s="6">
        <v>45873</v>
      </c>
      <c r="B1204" s="8">
        <v>4.7919999999999998</v>
      </c>
      <c r="C1204" s="8">
        <v>5.3261000000000003</v>
      </c>
      <c r="D1204" s="8">
        <v>3.2749999999999999</v>
      </c>
      <c r="E1204" s="8">
        <v>4.0860000000000003</v>
      </c>
      <c r="F1204" s="8">
        <v>3.133</v>
      </c>
      <c r="G1204" s="8">
        <v>3.105</v>
      </c>
    </row>
    <row r="1205" spans="1:7" x14ac:dyDescent="0.3">
      <c r="A1205" s="6">
        <v>45874</v>
      </c>
      <c r="B1205" s="8">
        <v>4.782</v>
      </c>
      <c r="C1205" s="8">
        <v>5.3376999999999999</v>
      </c>
      <c r="D1205" s="8">
        <v>3.2770000000000001</v>
      </c>
      <c r="E1205" s="8">
        <v>4.0910000000000002</v>
      </c>
      <c r="F1205" s="8">
        <v>3.1360000000000001</v>
      </c>
      <c r="G1205" s="8">
        <v>3.0760000000000001</v>
      </c>
    </row>
    <row r="1206" spans="1:7" x14ac:dyDescent="0.3">
      <c r="A1206" s="6">
        <v>45875</v>
      </c>
      <c r="B1206" s="8">
        <v>4.8209999999999997</v>
      </c>
      <c r="C1206" s="8">
        <v>5.3589000000000002</v>
      </c>
      <c r="D1206" s="8">
        <v>3.3109999999999999</v>
      </c>
      <c r="E1206" s="8">
        <v>4.1310000000000002</v>
      </c>
      <c r="F1206" s="8">
        <v>3.1709999999999998</v>
      </c>
      <c r="G1206" s="8">
        <v>3.0720000000000001</v>
      </c>
    </row>
    <row r="1207" spans="1:7" x14ac:dyDescent="0.3">
      <c r="A1207" s="6">
        <v>45876</v>
      </c>
      <c r="B1207" s="8">
        <v>4.8280000000000003</v>
      </c>
      <c r="C1207" s="8">
        <v>5.3502000000000001</v>
      </c>
      <c r="D1207" s="8">
        <v>3.2810000000000001</v>
      </c>
      <c r="E1207" s="8">
        <v>4.0999999999999996</v>
      </c>
      <c r="F1207" s="8">
        <v>3.1360000000000001</v>
      </c>
      <c r="G1207" s="8">
        <v>3.0489999999999999</v>
      </c>
    </row>
    <row r="1208" spans="1:7" x14ac:dyDescent="0.3">
      <c r="A1208" s="6">
        <v>45877</v>
      </c>
      <c r="B1208" s="8">
        <v>4.8499999999999996</v>
      </c>
      <c r="C1208" s="8">
        <v>5.4267000000000003</v>
      </c>
      <c r="D1208" s="8">
        <v>3.3450000000000002</v>
      </c>
      <c r="E1208" s="8">
        <v>4.1580000000000004</v>
      </c>
      <c r="F1208" s="8">
        <v>3.2040000000000002</v>
      </c>
      <c r="G1208" s="8">
        <v>3.07</v>
      </c>
    </row>
    <row r="1209" spans="1:7" x14ac:dyDescent="0.3">
      <c r="A1209" s="6">
        <v>45880</v>
      </c>
      <c r="B1209" s="8">
        <v>4.8529999999999998</v>
      </c>
      <c r="C1209" s="8">
        <v>5.3905000000000003</v>
      </c>
      <c r="D1209" s="8">
        <v>3.3650000000000002</v>
      </c>
      <c r="E1209" s="8">
        <v>4.1790000000000003</v>
      </c>
      <c r="F1209" s="8">
        <v>3.2240000000000002</v>
      </c>
      <c r="G1209" s="8">
        <v>3.07</v>
      </c>
    </row>
    <row r="1210" spans="1:7" x14ac:dyDescent="0.3">
      <c r="A1210" s="6">
        <v>45881</v>
      </c>
      <c r="B1210" s="8">
        <v>4.88</v>
      </c>
      <c r="C1210" s="8">
        <v>5.4663000000000004</v>
      </c>
      <c r="D1210" s="8">
        <v>3.43</v>
      </c>
      <c r="E1210" s="8">
        <v>4.2569999999999997</v>
      </c>
      <c r="F1210" s="8">
        <v>3.2970000000000002</v>
      </c>
      <c r="G1210" s="8">
        <v>3.0819999999999999</v>
      </c>
    </row>
    <row r="1211" spans="1:7" x14ac:dyDescent="0.3">
      <c r="A1211" s="6">
        <v>45882</v>
      </c>
      <c r="B1211" s="8">
        <v>4.8259999999999996</v>
      </c>
      <c r="C1211" s="8">
        <v>5.4272</v>
      </c>
      <c r="D1211" s="8">
        <v>3.375</v>
      </c>
      <c r="E1211" s="8">
        <v>4.1779999999999999</v>
      </c>
      <c r="F1211" s="8">
        <v>3.2250000000000001</v>
      </c>
      <c r="G1211" s="8">
        <v>3.0760000000000001</v>
      </c>
    </row>
    <row r="1212" spans="1:7" x14ac:dyDescent="0.3">
      <c r="A1212" s="6">
        <v>45883</v>
      </c>
      <c r="B1212" s="8">
        <v>4.8739999999999997</v>
      </c>
      <c r="C1212" s="8">
        <v>5.4908999999999999</v>
      </c>
      <c r="D1212" s="8">
        <v>3.4249999999999998</v>
      </c>
      <c r="E1212" s="8">
        <v>4.2220000000000004</v>
      </c>
      <c r="F1212" s="8">
        <v>3.2650000000000001</v>
      </c>
      <c r="G1212" s="8">
        <v>3.0830000000000002</v>
      </c>
    </row>
    <row r="1213" spans="1:7" x14ac:dyDescent="0.3">
      <c r="A1213" s="6">
        <v>45884</v>
      </c>
      <c r="B1213" s="8">
        <v>4.92</v>
      </c>
      <c r="C1213" s="8">
        <v>5.5629999999999997</v>
      </c>
      <c r="D1213" s="8">
        <v>3.5089999999999999</v>
      </c>
      <c r="E1213" s="8">
        <v>4.3239999999999998</v>
      </c>
      <c r="F1213" s="8">
        <v>3.3479999999999999</v>
      </c>
      <c r="G1213" s="8">
        <v>3.0960000000000001</v>
      </c>
    </row>
    <row r="1214" spans="1:7" x14ac:dyDescent="0.3">
      <c r="A1214" s="6">
        <v>45887</v>
      </c>
      <c r="B1214" s="8">
        <v>4.9349999999999996</v>
      </c>
      <c r="C1214" s="8">
        <v>5.6098999999999997</v>
      </c>
      <c r="D1214" s="8">
        <v>3.5030000000000001</v>
      </c>
      <c r="E1214" s="8">
        <v>4.3129999999999997</v>
      </c>
      <c r="F1214" s="8">
        <v>3.3359999999999999</v>
      </c>
      <c r="G1214" s="8">
        <v>3.1040000000000001</v>
      </c>
    </row>
    <row r="1215" spans="1:7" x14ac:dyDescent="0.3">
      <c r="A1215" s="6">
        <v>45888</v>
      </c>
      <c r="B1215" s="8">
        <v>4.9089999999999998</v>
      </c>
      <c r="C1215" s="8">
        <v>5.6006999999999998</v>
      </c>
      <c r="D1215" s="8">
        <v>3.484</v>
      </c>
      <c r="E1215" s="8">
        <v>4.3</v>
      </c>
      <c r="F1215" s="8">
        <v>3.3210000000000002</v>
      </c>
      <c r="G1215" s="8">
        <v>3.1429999999999998</v>
      </c>
    </row>
    <row r="1216" spans="1:7" x14ac:dyDescent="0.3">
      <c r="A1216" s="6">
        <v>45889</v>
      </c>
      <c r="B1216" s="8">
        <v>4.8959999999999999</v>
      </c>
      <c r="C1216" s="8">
        <v>5.5297999999999998</v>
      </c>
      <c r="D1216" s="8">
        <v>3.4569999999999999</v>
      </c>
      <c r="E1216" s="8">
        <v>4.2789999999999999</v>
      </c>
      <c r="F1216" s="8">
        <v>3.2919999999999998</v>
      </c>
      <c r="G1216" s="8">
        <v>3.1669999999999998</v>
      </c>
    </row>
    <row r="1217" spans="1:7" x14ac:dyDescent="0.3">
      <c r="A1217" s="6">
        <v>45890</v>
      </c>
      <c r="B1217" s="8">
        <v>4.9180000000000001</v>
      </c>
      <c r="C1217" s="8">
        <v>5.5769000000000002</v>
      </c>
      <c r="D1217" s="8">
        <v>3.492</v>
      </c>
      <c r="E1217" s="8">
        <v>4.3289999999999997</v>
      </c>
      <c r="F1217" s="8">
        <v>3.3260000000000001</v>
      </c>
      <c r="G1217" s="8">
        <v>3.1829999999999998</v>
      </c>
    </row>
    <row r="1218" spans="1:7" x14ac:dyDescent="0.3">
      <c r="A1218" s="6">
        <v>45891</v>
      </c>
      <c r="B1218" s="8">
        <v>4.8769999999999998</v>
      </c>
      <c r="C1218" s="8">
        <v>5.5468999999999999</v>
      </c>
      <c r="D1218" s="8">
        <v>3.4729999999999999</v>
      </c>
      <c r="E1218" s="8">
        <v>4.3040000000000003</v>
      </c>
      <c r="F1218" s="8">
        <v>3.3069999999999999</v>
      </c>
      <c r="G1218" s="8">
        <v>3.2090000000000001</v>
      </c>
    </row>
    <row r="1219" spans="1:7" x14ac:dyDescent="0.3">
      <c r="A1219" s="6">
        <v>45894</v>
      </c>
      <c r="B1219" s="8">
        <v>4.8899999999999997</v>
      </c>
      <c r="C1219" s="8">
        <v>5.5468000000000002</v>
      </c>
      <c r="D1219" s="8">
        <v>3.4980000000000002</v>
      </c>
      <c r="E1219" s="8">
        <v>4.3849999999999998</v>
      </c>
      <c r="F1219" s="8">
        <v>3.3290000000000002</v>
      </c>
      <c r="G1219" s="8">
        <v>3.2069999999999999</v>
      </c>
    </row>
    <row r="1220" spans="1:7" x14ac:dyDescent="0.3">
      <c r="A1220" s="6">
        <v>45895</v>
      </c>
      <c r="B1220" s="8">
        <v>4.92</v>
      </c>
      <c r="C1220" s="8">
        <v>5.6077000000000004</v>
      </c>
      <c r="D1220" s="8">
        <v>3.4889999999999999</v>
      </c>
      <c r="E1220" s="8">
        <v>4.3929999999999998</v>
      </c>
      <c r="F1220" s="8">
        <v>3.319</v>
      </c>
      <c r="G1220" s="8">
        <v>3.206</v>
      </c>
    </row>
    <row r="1221" spans="1:7" x14ac:dyDescent="0.3">
      <c r="A1221" s="6">
        <v>45896</v>
      </c>
      <c r="B1221" s="8">
        <v>4.9219999999999997</v>
      </c>
      <c r="C1221" s="8">
        <v>5.5990000000000002</v>
      </c>
      <c r="D1221" s="8">
        <v>3.4849999999999999</v>
      </c>
      <c r="E1221" s="8">
        <v>4.423</v>
      </c>
      <c r="F1221" s="8">
        <v>3.306</v>
      </c>
      <c r="G1221" s="8">
        <v>3.2250000000000001</v>
      </c>
    </row>
    <row r="1222" spans="1:7" x14ac:dyDescent="0.3">
      <c r="A1222" s="6">
        <v>45897</v>
      </c>
      <c r="B1222" s="8">
        <v>4.8769999999999998</v>
      </c>
      <c r="C1222" s="8">
        <v>5.5694999999999997</v>
      </c>
      <c r="D1222" s="8">
        <v>3.476</v>
      </c>
      <c r="E1222" s="8">
        <v>4.3780000000000001</v>
      </c>
      <c r="F1222" s="8">
        <v>3.2959999999999998</v>
      </c>
      <c r="G1222" s="8">
        <v>3.2109999999999999</v>
      </c>
    </row>
    <row r="1223" spans="1:7" x14ac:dyDescent="0.3">
      <c r="A1223" s="6">
        <v>45898</v>
      </c>
      <c r="B1223" s="8">
        <v>4.9279999999999999</v>
      </c>
      <c r="C1223" s="8">
        <v>5.5990000000000002</v>
      </c>
      <c r="D1223" s="8">
        <v>3.51</v>
      </c>
      <c r="E1223" s="8">
        <v>4.4210000000000003</v>
      </c>
      <c r="F1223" s="8">
        <v>3.335</v>
      </c>
      <c r="G1223" s="8">
        <v>3.1749999999999998</v>
      </c>
    </row>
    <row r="1224" spans="1:7" x14ac:dyDescent="0.3">
      <c r="A1224" s="6">
        <v>45901</v>
      </c>
      <c r="B1224" s="8">
        <v>4.9279999999999999</v>
      </c>
      <c r="C1224" s="8">
        <v>5.6391999999999998</v>
      </c>
      <c r="D1224" s="8">
        <v>3.5289999999999999</v>
      </c>
      <c r="E1224" s="8">
        <v>4.4480000000000004</v>
      </c>
      <c r="F1224" s="8">
        <v>3.3570000000000002</v>
      </c>
      <c r="G1224" s="8">
        <v>3.1949999999999998</v>
      </c>
    </row>
    <row r="1225" spans="1:7" x14ac:dyDescent="0.3">
      <c r="A1225" s="6">
        <v>45902</v>
      </c>
      <c r="B1225" s="8">
        <v>4.9619999999999997</v>
      </c>
      <c r="C1225" s="8">
        <v>5.6916000000000002</v>
      </c>
      <c r="D1225" s="8">
        <v>3.5750000000000002</v>
      </c>
      <c r="E1225" s="8">
        <v>4.4969999999999999</v>
      </c>
      <c r="F1225" s="8">
        <v>3.4049999999999998</v>
      </c>
      <c r="G1225" s="8">
        <v>3.22</v>
      </c>
    </row>
    <row r="1226" spans="1:7" x14ac:dyDescent="0.3">
      <c r="A1226" s="6">
        <v>45903</v>
      </c>
      <c r="B1226" s="8">
        <v>4.8979999999999997</v>
      </c>
      <c r="C1226" s="8">
        <v>5.6016000000000004</v>
      </c>
      <c r="D1226" s="8">
        <v>3.5110000000000001</v>
      </c>
      <c r="E1226" s="8">
        <v>4.4509999999999996</v>
      </c>
      <c r="F1226" s="8">
        <v>3.3530000000000002</v>
      </c>
      <c r="G1226" s="8">
        <v>3.2930000000000001</v>
      </c>
    </row>
    <row r="1227" spans="1:7" x14ac:dyDescent="0.3">
      <c r="A1227" s="6">
        <v>45904</v>
      </c>
      <c r="B1227" s="8">
        <v>4.8540000000000001</v>
      </c>
      <c r="C1227" s="8">
        <v>5.5728999999999997</v>
      </c>
      <c r="D1227" s="8">
        <v>3.4969999999999999</v>
      </c>
      <c r="E1227" s="8">
        <v>4.3979999999999997</v>
      </c>
      <c r="F1227" s="8">
        <v>3.335</v>
      </c>
      <c r="G1227" s="8">
        <v>3.26</v>
      </c>
    </row>
    <row r="1228" spans="1:7" x14ac:dyDescent="0.3">
      <c r="A1228" s="6">
        <v>45905</v>
      </c>
      <c r="B1228" s="8">
        <v>4.76</v>
      </c>
      <c r="C1228" s="8">
        <v>5.5026999999999999</v>
      </c>
      <c r="D1228" s="8">
        <v>3.47</v>
      </c>
      <c r="E1228" s="8">
        <v>4.3739999999999997</v>
      </c>
      <c r="F1228" s="8">
        <v>3.2959999999999998</v>
      </c>
      <c r="G1228" s="8">
        <v>3.238</v>
      </c>
    </row>
    <row r="1229" spans="1:7" x14ac:dyDescent="0.3">
      <c r="A1229" s="6">
        <v>45908</v>
      </c>
      <c r="B1229" s="8">
        <v>4.6929999999999996</v>
      </c>
      <c r="C1229" s="8">
        <v>5.4585999999999997</v>
      </c>
      <c r="D1229" s="8">
        <v>3.4359999999999999</v>
      </c>
      <c r="E1229" s="8">
        <v>4.3339999999999996</v>
      </c>
      <c r="F1229" s="8">
        <v>3.262</v>
      </c>
      <c r="G1229" s="8">
        <v>3.27</v>
      </c>
    </row>
    <row r="1230" spans="1:7" x14ac:dyDescent="0.3">
      <c r="A1230" s="6">
        <v>45909</v>
      </c>
      <c r="B1230" s="8">
        <v>4.7320000000000002</v>
      </c>
      <c r="C1230" s="8">
        <v>5.4763999999999999</v>
      </c>
      <c r="D1230" s="8">
        <v>3.452</v>
      </c>
      <c r="E1230" s="8">
        <v>4.3280000000000003</v>
      </c>
      <c r="F1230" s="8">
        <v>3.28</v>
      </c>
      <c r="G1230" s="8">
        <v>3.2610000000000001</v>
      </c>
    </row>
    <row r="1231" spans="1:7" x14ac:dyDescent="0.3">
      <c r="A1231" s="6">
        <v>45910</v>
      </c>
      <c r="B1231" s="8">
        <v>4.6970000000000001</v>
      </c>
      <c r="C1231" s="8">
        <v>5.4809999999999999</v>
      </c>
      <c r="D1231" s="8">
        <v>3.4380000000000002</v>
      </c>
      <c r="E1231" s="8">
        <v>4.3259999999999996</v>
      </c>
      <c r="F1231" s="8">
        <v>3.2719999999999998</v>
      </c>
      <c r="G1231" s="8">
        <v>3.2360000000000002</v>
      </c>
    </row>
    <row r="1232" spans="1:7" x14ac:dyDescent="0.3">
      <c r="A1232" s="6">
        <v>45911</v>
      </c>
      <c r="B1232" s="8">
        <v>4.6539999999999999</v>
      </c>
      <c r="C1232" s="8">
        <v>5.4377000000000004</v>
      </c>
      <c r="D1232" s="8">
        <v>3.4159999999999999</v>
      </c>
      <c r="E1232" s="8">
        <v>4.2750000000000004</v>
      </c>
      <c r="F1232" s="8">
        <v>3.254</v>
      </c>
      <c r="G1232" s="8">
        <v>3.2210000000000001</v>
      </c>
    </row>
    <row r="1233" spans="1:7" x14ac:dyDescent="0.3">
      <c r="A1233" s="6">
        <v>45912</v>
      </c>
      <c r="B1233" s="8">
        <v>4.6820000000000004</v>
      </c>
      <c r="C1233" s="8">
        <v>5.4957000000000003</v>
      </c>
      <c r="D1233" s="8">
        <v>3.4590000000000001</v>
      </c>
      <c r="E1233" s="8">
        <v>4.3239999999999998</v>
      </c>
      <c r="F1233" s="8">
        <v>3.2970000000000002</v>
      </c>
      <c r="G1233" s="8">
        <v>3.2130000000000001</v>
      </c>
    </row>
    <row r="1234" spans="1:7" x14ac:dyDescent="0.3">
      <c r="A1234" s="6">
        <v>45915</v>
      </c>
      <c r="B1234" s="8">
        <v>4.6609999999999996</v>
      </c>
      <c r="C1234" s="8">
        <v>5.4617000000000004</v>
      </c>
      <c r="D1234" s="8">
        <v>3.4159999999999999</v>
      </c>
      <c r="E1234" s="8">
        <v>4.3079999999999998</v>
      </c>
      <c r="F1234" s="8">
        <v>3.2589999999999999</v>
      </c>
      <c r="G1234" s="8">
        <v>3.2130000000000001</v>
      </c>
    </row>
    <row r="1235" spans="1:7" x14ac:dyDescent="0.3">
      <c r="A1235" s="6">
        <v>45916</v>
      </c>
      <c r="B1235" s="8">
        <v>4.649</v>
      </c>
      <c r="C1235" s="8">
        <v>5.4522000000000004</v>
      </c>
      <c r="D1235" s="8">
        <v>3.4209999999999998</v>
      </c>
      <c r="E1235" s="8">
        <v>4.319</v>
      </c>
      <c r="F1235" s="8">
        <v>3.274</v>
      </c>
      <c r="G1235" s="8">
        <v>3.2429999999999999</v>
      </c>
    </row>
    <row r="1236" spans="1:7" x14ac:dyDescent="0.3">
      <c r="A1236" s="6">
        <v>45917</v>
      </c>
      <c r="B1236" s="8">
        <v>4.6920000000000002</v>
      </c>
      <c r="C1236" s="8">
        <v>5.4292999999999996</v>
      </c>
      <c r="D1236" s="8">
        <v>3.3769999999999998</v>
      </c>
      <c r="E1236" s="8">
        <v>4.2939999999999996</v>
      </c>
      <c r="F1236" s="8">
        <v>3.2280000000000002</v>
      </c>
      <c r="G1236" s="8">
        <v>3.2240000000000002</v>
      </c>
    </row>
    <row r="1237" spans="1:7" x14ac:dyDescent="0.3">
      <c r="A1237" s="6">
        <v>45918</v>
      </c>
      <c r="B1237" s="8">
        <v>4.7249999999999996</v>
      </c>
      <c r="C1237" s="8">
        <v>5.5057999999999998</v>
      </c>
      <c r="D1237" s="8">
        <v>3.4590000000000001</v>
      </c>
      <c r="E1237" s="8">
        <v>4.3819999999999997</v>
      </c>
      <c r="F1237" s="8">
        <v>3.3090000000000002</v>
      </c>
      <c r="G1237" s="8">
        <v>3.1920000000000002</v>
      </c>
    </row>
    <row r="1238" spans="1:7" x14ac:dyDescent="0.3">
      <c r="A1238" s="6">
        <v>45919</v>
      </c>
      <c r="B1238" s="8">
        <v>4.7450000000000001</v>
      </c>
      <c r="C1238" s="8">
        <v>5.5582000000000003</v>
      </c>
      <c r="D1238" s="8">
        <v>3.49</v>
      </c>
      <c r="E1238" s="8">
        <v>4.3970000000000002</v>
      </c>
      <c r="F1238" s="8">
        <v>3.335</v>
      </c>
      <c r="G1238" s="8">
        <v>3.1629999999999998</v>
      </c>
    </row>
    <row r="1239" spans="1:7" x14ac:dyDescent="0.3">
      <c r="A1239" s="6">
        <v>45922</v>
      </c>
      <c r="B1239" s="8">
        <v>4.7640000000000002</v>
      </c>
      <c r="C1239" s="8">
        <v>5.5468999999999999</v>
      </c>
      <c r="D1239" s="8">
        <v>3.5110000000000001</v>
      </c>
      <c r="E1239" s="8">
        <v>4.42</v>
      </c>
      <c r="F1239" s="8">
        <v>3.355</v>
      </c>
      <c r="G1239" s="8">
        <v>3.177</v>
      </c>
    </row>
    <row r="1240" spans="1:7" x14ac:dyDescent="0.3">
      <c r="A1240" s="6">
        <v>45923</v>
      </c>
      <c r="B1240" s="8">
        <v>4.72</v>
      </c>
      <c r="C1240" s="8">
        <v>5.4955999999999996</v>
      </c>
      <c r="D1240" s="8">
        <v>3.4820000000000002</v>
      </c>
      <c r="E1240" s="8">
        <v>4.4109999999999996</v>
      </c>
      <c r="F1240" s="8">
        <v>3.3420000000000001</v>
      </c>
      <c r="G1240" s="8">
        <v>3.177</v>
      </c>
    </row>
    <row r="1241" spans="1:7" x14ac:dyDescent="0.3">
      <c r="A1241" s="6">
        <v>45924</v>
      </c>
      <c r="B1241" s="8">
        <v>4.7510000000000003</v>
      </c>
      <c r="C1241" s="8">
        <v>5.4859</v>
      </c>
      <c r="D1241" s="8">
        <v>3.5129999999999999</v>
      </c>
      <c r="E1241" s="8">
        <v>4.4139999999999997</v>
      </c>
      <c r="F1241" s="8">
        <v>3.3380000000000001</v>
      </c>
      <c r="G1241" s="8">
        <v>3.1589999999999998</v>
      </c>
    </row>
    <row r="1242" spans="1:7" x14ac:dyDescent="0.3">
      <c r="A1242" s="6">
        <v>45925</v>
      </c>
      <c r="B1242" s="8">
        <v>4.7480000000000002</v>
      </c>
      <c r="C1242" s="8">
        <v>5.5654000000000003</v>
      </c>
      <c r="D1242" s="8">
        <v>3.5179999999999998</v>
      </c>
      <c r="E1242" s="8">
        <v>4.4160000000000004</v>
      </c>
      <c r="F1242" s="8">
        <v>3.3410000000000002</v>
      </c>
      <c r="G1242" s="8">
        <v>3.1280000000000001</v>
      </c>
    </row>
    <row r="1243" spans="1:7" x14ac:dyDescent="0.3">
      <c r="A1243" s="6">
        <v>45926</v>
      </c>
      <c r="B1243" s="8">
        <v>4.75</v>
      </c>
      <c r="C1243" s="8">
        <v>5.5593000000000004</v>
      </c>
      <c r="D1243" s="8">
        <v>3.4910000000000001</v>
      </c>
      <c r="E1243" s="8">
        <v>4.3979999999999997</v>
      </c>
      <c r="F1243" s="8">
        <v>3.327</v>
      </c>
      <c r="G1243" s="8">
        <v>3.1579999999999999</v>
      </c>
    </row>
    <row r="1244" spans="1:7" x14ac:dyDescent="0.3">
      <c r="A1244" s="6">
        <v>45929</v>
      </c>
      <c r="B1244" s="8">
        <v>4.7050000000000001</v>
      </c>
      <c r="C1244" s="8">
        <v>5.5090000000000003</v>
      </c>
      <c r="D1244" s="8">
        <v>3.427</v>
      </c>
      <c r="E1244" s="8">
        <v>4.3410000000000002</v>
      </c>
      <c r="F1244" s="8">
        <v>3.2709999999999999</v>
      </c>
      <c r="G1244" s="8">
        <v>3.1259999999999999</v>
      </c>
    </row>
    <row r="1245" spans="1:7" x14ac:dyDescent="0.3">
      <c r="A1245" s="6">
        <v>45930</v>
      </c>
      <c r="B1245" s="8">
        <v>4.7320000000000002</v>
      </c>
      <c r="C1245" s="8">
        <v>5.5056000000000003</v>
      </c>
      <c r="D1245" s="8">
        <v>3.44</v>
      </c>
      <c r="E1245" s="8">
        <v>4.3460000000000001</v>
      </c>
      <c r="F1245" s="8">
        <v>3.28</v>
      </c>
      <c r="G1245" s="8">
        <v>3.137</v>
      </c>
    </row>
    <row r="1246" spans="1:7" x14ac:dyDescent="0.3">
      <c r="A1246" s="6">
        <v>45931</v>
      </c>
      <c r="B1246" s="8">
        <v>4.71</v>
      </c>
      <c r="C1246" s="8">
        <v>5.5098000000000003</v>
      </c>
      <c r="D1246" s="8">
        <v>3.468</v>
      </c>
      <c r="E1246" s="8">
        <v>4.3600000000000003</v>
      </c>
      <c r="F1246" s="8">
        <v>3.298</v>
      </c>
      <c r="G1246" s="8">
        <v>3.1520000000000001</v>
      </c>
    </row>
    <row r="1247" spans="1:7" x14ac:dyDescent="0.3">
      <c r="A1247" s="6">
        <v>45932</v>
      </c>
      <c r="B1247" s="8">
        <v>4.6890000000000001</v>
      </c>
      <c r="C1247" s="8">
        <v>5.5164</v>
      </c>
      <c r="D1247" s="8">
        <v>3.44</v>
      </c>
      <c r="E1247" s="8">
        <v>4.3390000000000004</v>
      </c>
      <c r="F1247" s="8">
        <v>3.2730000000000001</v>
      </c>
      <c r="G1247" s="8">
        <v>3.1709999999999998</v>
      </c>
    </row>
    <row r="1248" spans="1:7" x14ac:dyDescent="0.3">
      <c r="A1248" s="6">
        <v>45933</v>
      </c>
      <c r="B1248" s="8">
        <v>4.7119999999999997</v>
      </c>
      <c r="C1248" s="8">
        <v>5.4993999999999996</v>
      </c>
      <c r="D1248" s="8">
        <v>3.43</v>
      </c>
      <c r="E1248" s="8">
        <v>4.3259999999999996</v>
      </c>
      <c r="F1248" s="8">
        <v>3.266</v>
      </c>
      <c r="G1248" s="8">
        <v>3.1549999999999998</v>
      </c>
    </row>
    <row r="1249" spans="1:7" x14ac:dyDescent="0.3">
      <c r="A1249" s="6">
        <v>45936</v>
      </c>
      <c r="B1249" s="8">
        <v>4.7489999999999997</v>
      </c>
      <c r="C1249" s="8">
        <v>5.5545999999999998</v>
      </c>
      <c r="D1249" s="8">
        <v>3.4590000000000001</v>
      </c>
      <c r="E1249" s="8">
        <v>4.3920000000000003</v>
      </c>
      <c r="F1249" s="8">
        <v>3.2949999999999999</v>
      </c>
      <c r="G1249" s="8">
        <v>3.2930000000000001</v>
      </c>
    </row>
    <row r="1250" spans="1:7" x14ac:dyDescent="0.3">
      <c r="A1250" s="6">
        <v>45937</v>
      </c>
      <c r="B1250" s="8">
        <v>4.7240000000000002</v>
      </c>
      <c r="C1250" s="8">
        <v>5.5332999999999997</v>
      </c>
      <c r="D1250" s="8">
        <v>3.4609999999999999</v>
      </c>
      <c r="E1250" s="8">
        <v>4.4059999999999997</v>
      </c>
      <c r="F1250" s="8">
        <v>3.2919999999999998</v>
      </c>
      <c r="G1250" s="8">
        <v>3.2879999999999998</v>
      </c>
    </row>
    <row r="1251" spans="1:7" x14ac:dyDescent="0.3">
      <c r="A1251" s="6">
        <v>45938</v>
      </c>
      <c r="B1251" s="8">
        <v>4.7089999999999996</v>
      </c>
      <c r="C1251" s="8">
        <v>5.5090000000000003</v>
      </c>
      <c r="D1251" s="8">
        <v>3.419</v>
      </c>
      <c r="E1251" s="8">
        <v>4.3550000000000004</v>
      </c>
      <c r="F1251" s="8">
        <v>3.262</v>
      </c>
      <c r="G1251" s="8">
        <v>3.145</v>
      </c>
    </row>
    <row r="1252" spans="1:7" x14ac:dyDescent="0.3">
      <c r="A1252" s="6">
        <v>45939</v>
      </c>
      <c r="B1252" s="8">
        <v>4.7220000000000004</v>
      </c>
      <c r="C1252" s="8">
        <v>5.5453999999999999</v>
      </c>
      <c r="D1252" s="8">
        <v>3.4359999999999999</v>
      </c>
      <c r="E1252" s="8">
        <v>4.3559999999999999</v>
      </c>
      <c r="F1252" s="8">
        <v>3.278</v>
      </c>
      <c r="G1252" s="8">
        <v>3.1709999999999998</v>
      </c>
    </row>
    <row r="1253" spans="1:7" x14ac:dyDescent="0.3">
      <c r="A1253" s="6">
        <v>45940</v>
      </c>
      <c r="B1253" s="8">
        <v>4.62</v>
      </c>
      <c r="C1253" s="8">
        <v>5.4705000000000004</v>
      </c>
      <c r="D1253" s="8">
        <v>3.387</v>
      </c>
      <c r="E1253" s="8">
        <v>4.3170000000000002</v>
      </c>
      <c r="F1253" s="8">
        <v>3.2240000000000002</v>
      </c>
      <c r="G1253" s="8">
        <v>3.1869999999999998</v>
      </c>
    </row>
    <row r="1254" spans="1:7" x14ac:dyDescent="0.3">
      <c r="A1254" s="6">
        <v>45943</v>
      </c>
      <c r="B1254" s="8">
        <v>4.62</v>
      </c>
      <c r="C1254" s="8">
        <v>5.4623999999999997</v>
      </c>
      <c r="D1254" s="8">
        <v>3.3879999999999999</v>
      </c>
      <c r="E1254" s="8">
        <v>4.319</v>
      </c>
      <c r="F1254" s="8">
        <v>3.2229999999999999</v>
      </c>
      <c r="G1254" s="8">
        <v>3.1869999999999998</v>
      </c>
    </row>
    <row r="1255" spans="1:7" x14ac:dyDescent="0.3">
      <c r="A1255" s="6">
        <v>45944</v>
      </c>
      <c r="B1255" s="8">
        <v>4.633</v>
      </c>
      <c r="C1255" s="8">
        <v>5.3933</v>
      </c>
      <c r="D1255" s="8">
        <v>3.3559999999999999</v>
      </c>
      <c r="E1255" s="8">
        <v>4.242</v>
      </c>
      <c r="F1255" s="8">
        <v>3.1909999999999998</v>
      </c>
      <c r="G1255" s="8">
        <v>3.2120000000000002</v>
      </c>
    </row>
    <row r="1256" spans="1:7" x14ac:dyDescent="0.3">
      <c r="A1256" s="6">
        <v>45945</v>
      </c>
      <c r="B1256" s="8">
        <v>4.6260000000000003</v>
      </c>
      <c r="C1256" s="8">
        <v>5.3418000000000001</v>
      </c>
      <c r="D1256" s="8">
        <v>3.3109999999999999</v>
      </c>
      <c r="E1256" s="8">
        <v>4.1849999999999996</v>
      </c>
      <c r="F1256" s="8">
        <v>3.145</v>
      </c>
      <c r="G1256" s="8">
        <v>3.1659999999999999</v>
      </c>
    </row>
    <row r="1257" spans="1:7" x14ac:dyDescent="0.3">
      <c r="A1257" s="6">
        <v>45946</v>
      </c>
      <c r="B1257" s="8">
        <v>4.585</v>
      </c>
      <c r="C1257" s="8">
        <v>5.2988999999999997</v>
      </c>
      <c r="D1257" s="8">
        <v>3.3210000000000002</v>
      </c>
      <c r="E1257" s="8">
        <v>4.1920000000000002</v>
      </c>
      <c r="F1257" s="8">
        <v>3.1579999999999999</v>
      </c>
      <c r="G1257" s="8">
        <v>3.1219999999999999</v>
      </c>
    </row>
    <row r="1258" spans="1:7" x14ac:dyDescent="0.3">
      <c r="A1258" s="6">
        <v>45947</v>
      </c>
      <c r="B1258" s="8">
        <v>4.6059999999999999</v>
      </c>
      <c r="C1258" s="8">
        <v>5.3349000000000002</v>
      </c>
      <c r="D1258" s="8">
        <v>3.3370000000000002</v>
      </c>
      <c r="E1258" s="8">
        <v>4.2210000000000001</v>
      </c>
      <c r="F1258" s="8">
        <v>3.1739999999999999</v>
      </c>
      <c r="G1258" s="8">
        <v>3.1179999999999999</v>
      </c>
    </row>
    <row r="1259" spans="1:7" x14ac:dyDescent="0.3">
      <c r="A1259" s="6">
        <v>45950</v>
      </c>
      <c r="B1259" s="8">
        <v>4.57</v>
      </c>
      <c r="C1259" s="8">
        <v>5.3085000000000004</v>
      </c>
      <c r="D1259" s="8">
        <v>3.3279999999999998</v>
      </c>
      <c r="E1259" s="8">
        <v>4.2220000000000004</v>
      </c>
      <c r="F1259" s="8">
        <v>3.1629999999999998</v>
      </c>
      <c r="G1259" s="8">
        <v>3.1150000000000002</v>
      </c>
    </row>
    <row r="1260" spans="1:7" x14ac:dyDescent="0.3">
      <c r="A1260" s="6">
        <v>45951</v>
      </c>
      <c r="B1260" s="8">
        <v>4.5439999999999996</v>
      </c>
      <c r="C1260" s="8">
        <v>5.2647000000000004</v>
      </c>
      <c r="D1260" s="8">
        <v>3.2869999999999999</v>
      </c>
      <c r="E1260" s="8">
        <v>4.1970000000000001</v>
      </c>
      <c r="F1260" s="8">
        <v>3.1269999999999998</v>
      </c>
      <c r="G1260" s="8">
        <v>3.117</v>
      </c>
    </row>
    <row r="1261" spans="1:7" x14ac:dyDescent="0.3">
      <c r="A1261" s="6">
        <v>45952</v>
      </c>
      <c r="B1261" s="8">
        <v>4.532</v>
      </c>
      <c r="C1261" s="8">
        <v>5.2202000000000002</v>
      </c>
      <c r="D1261" s="8">
        <v>3.3050000000000002</v>
      </c>
      <c r="E1261" s="8">
        <v>4.2130000000000001</v>
      </c>
      <c r="F1261" s="8">
        <v>3.1459999999999999</v>
      </c>
      <c r="G1261" s="8">
        <v>3.1019999999999999</v>
      </c>
    </row>
    <row r="1262" spans="1:7" x14ac:dyDescent="0.3">
      <c r="A1262" s="6">
        <v>45953</v>
      </c>
      <c r="B1262" s="8">
        <v>4.58</v>
      </c>
      <c r="C1262" s="8">
        <v>5.2275</v>
      </c>
      <c r="D1262" s="8">
        <v>3.3239999999999998</v>
      </c>
      <c r="E1262" s="8">
        <v>4.2389999999999999</v>
      </c>
      <c r="F1262" s="8">
        <v>3.1669999999999998</v>
      </c>
      <c r="G1262" s="8">
        <v>3.08</v>
      </c>
    </row>
    <row r="1263" spans="1:7" x14ac:dyDescent="0.3">
      <c r="A1263" s="6">
        <v>45954</v>
      </c>
      <c r="B1263" s="8">
        <v>4.5940000000000003</v>
      </c>
      <c r="C1263" s="8">
        <v>5.2176999999999998</v>
      </c>
      <c r="D1263" s="8">
        <v>3.3639999999999999</v>
      </c>
      <c r="E1263" s="8">
        <v>4.2859999999999996</v>
      </c>
      <c r="F1263" s="8">
        <v>3.2050000000000001</v>
      </c>
      <c r="G1263" s="8">
        <v>3.0529999999999999</v>
      </c>
    </row>
    <row r="1264" spans="1:7" x14ac:dyDescent="0.3">
      <c r="A1264" s="6">
        <v>45957</v>
      </c>
      <c r="B1264" s="8">
        <v>4.5529999999999999</v>
      </c>
      <c r="C1264" s="8">
        <v>5.1795999999999998</v>
      </c>
      <c r="D1264" s="8">
        <v>3.347</v>
      </c>
      <c r="E1264" s="8">
        <v>4.2649999999999997</v>
      </c>
      <c r="F1264" s="8">
        <v>3.1880000000000002</v>
      </c>
      <c r="G1264" s="8">
        <v>3.0739999999999998</v>
      </c>
    </row>
    <row r="1265" spans="1:7" x14ac:dyDescent="0.3">
      <c r="A1265" s="6">
        <v>45958</v>
      </c>
      <c r="B1265" s="8">
        <v>4.5410000000000004</v>
      </c>
      <c r="C1265" s="8">
        <v>5.173</v>
      </c>
      <c r="D1265" s="8">
        <v>3.35</v>
      </c>
      <c r="E1265" s="8">
        <v>4.2640000000000002</v>
      </c>
      <c r="F1265" s="8">
        <v>3.19</v>
      </c>
      <c r="G1265" s="8">
        <v>3.0539999999999998</v>
      </c>
    </row>
    <row r="1266" spans="1:7" x14ac:dyDescent="0.3">
      <c r="A1266" s="6">
        <v>45959</v>
      </c>
      <c r="B1266" s="8">
        <v>4.6260000000000003</v>
      </c>
      <c r="C1266" s="8">
        <v>5.1634000000000002</v>
      </c>
      <c r="D1266" s="8">
        <v>3.3420000000000001</v>
      </c>
      <c r="E1266" s="8">
        <v>4.2450000000000001</v>
      </c>
      <c r="F1266" s="8">
        <v>3.1869999999999998</v>
      </c>
      <c r="G1266" s="8">
        <v>3.0449999999999999</v>
      </c>
    </row>
    <row r="1267" spans="1:7" x14ac:dyDescent="0.3">
      <c r="A1267" s="6">
        <v>45960</v>
      </c>
      <c r="B1267" s="8">
        <v>4.6559999999999997</v>
      </c>
      <c r="C1267" s="8">
        <v>5.18</v>
      </c>
      <c r="D1267" s="8">
        <v>3.3460000000000001</v>
      </c>
      <c r="E1267" s="8">
        <v>4.2480000000000002</v>
      </c>
      <c r="F1267" s="8">
        <v>3.198</v>
      </c>
      <c r="G1267" s="8">
        <v>3.036</v>
      </c>
    </row>
    <row r="1268" spans="1:7" x14ac:dyDescent="0.3">
      <c r="A1268" s="6">
        <v>45961</v>
      </c>
      <c r="B1268" s="8">
        <v>4.6520000000000001</v>
      </c>
      <c r="C1268" s="8">
        <v>5.1773999999999996</v>
      </c>
      <c r="D1268" s="8">
        <v>3.3580000000000001</v>
      </c>
      <c r="E1268" s="8">
        <v>4.2770000000000001</v>
      </c>
      <c r="F1268" s="8">
        <v>3.2109999999999999</v>
      </c>
      <c r="G1268" s="8">
        <v>3.05</v>
      </c>
    </row>
    <row r="1269" spans="1:7" x14ac:dyDescent="0.3">
      <c r="A1269" s="11"/>
      <c r="B1269" s="8"/>
    </row>
    <row r="1270" spans="1:7" x14ac:dyDescent="0.3">
      <c r="A1270" s="11"/>
      <c r="B1270" s="8"/>
    </row>
    <row r="1271" spans="1:7" x14ac:dyDescent="0.3">
      <c r="A1271" s="11"/>
      <c r="B1271" s="8"/>
    </row>
    <row r="1272" spans="1:7" x14ac:dyDescent="0.3">
      <c r="A1272" s="11"/>
      <c r="B1272" s="8"/>
    </row>
    <row r="1273" spans="1:7" x14ac:dyDescent="0.3">
      <c r="A1273" s="11"/>
      <c r="B1273" s="8"/>
    </row>
    <row r="1274" spans="1:7" x14ac:dyDescent="0.3">
      <c r="A1274" s="11"/>
      <c r="B1274" s="8"/>
    </row>
    <row r="1275" spans="1:7" x14ac:dyDescent="0.3">
      <c r="A1275" s="11"/>
      <c r="B1275" s="8"/>
    </row>
    <row r="1276" spans="1:7" x14ac:dyDescent="0.3">
      <c r="A1276" s="11"/>
      <c r="B1276" s="8"/>
    </row>
    <row r="1277" spans="1:7" x14ac:dyDescent="0.3">
      <c r="A1277" s="11"/>
      <c r="B1277" s="8"/>
    </row>
    <row r="1278" spans="1:7" x14ac:dyDescent="0.3">
      <c r="A1278" s="11"/>
      <c r="B1278" s="8"/>
    </row>
    <row r="1279" spans="1:7" x14ac:dyDescent="0.3">
      <c r="A1279" s="11"/>
      <c r="B1279" s="8"/>
    </row>
    <row r="1280" spans="1:7" x14ac:dyDescent="0.3">
      <c r="A1280" s="11"/>
      <c r="B1280" s="8"/>
    </row>
    <row r="1281" spans="1:2" x14ac:dyDescent="0.3">
      <c r="A1281" s="11"/>
      <c r="B1281" s="8"/>
    </row>
    <row r="1282" spans="1:2" x14ac:dyDescent="0.3">
      <c r="A1282" s="11"/>
      <c r="B1282" s="8"/>
    </row>
    <row r="1283" spans="1:2" x14ac:dyDescent="0.3">
      <c r="A1283" s="11"/>
      <c r="B1283" s="8"/>
    </row>
    <row r="1284" spans="1:2" x14ac:dyDescent="0.3">
      <c r="A1284" s="11"/>
      <c r="B1284" s="8"/>
    </row>
    <row r="1285" spans="1:2" x14ac:dyDescent="0.3">
      <c r="A1285" s="11"/>
      <c r="B1285" s="8"/>
    </row>
    <row r="1286" spans="1:2" x14ac:dyDescent="0.3">
      <c r="A1286" s="11"/>
      <c r="B1286" s="8"/>
    </row>
    <row r="1287" spans="1:2" x14ac:dyDescent="0.3">
      <c r="A1287" s="11"/>
      <c r="B1287" s="8"/>
    </row>
    <row r="1288" spans="1:2" x14ac:dyDescent="0.3">
      <c r="A1288" s="11"/>
      <c r="B1288" s="8"/>
    </row>
    <row r="1289" spans="1:2" x14ac:dyDescent="0.3">
      <c r="A1289" s="11"/>
      <c r="B1289" s="8"/>
    </row>
    <row r="1290" spans="1:2" x14ac:dyDescent="0.3">
      <c r="A1290" s="11"/>
      <c r="B1290" s="8"/>
    </row>
    <row r="1291" spans="1:2" x14ac:dyDescent="0.3">
      <c r="A1291" s="11"/>
      <c r="B1291" s="8"/>
    </row>
    <row r="1292" spans="1:2" x14ac:dyDescent="0.3">
      <c r="A1292" s="11"/>
      <c r="B1292" s="8"/>
    </row>
    <row r="1293" spans="1:2" x14ac:dyDescent="0.3">
      <c r="A1293" s="11"/>
      <c r="B1293" s="8"/>
    </row>
    <row r="1294" spans="1:2" x14ac:dyDescent="0.3">
      <c r="A1294" s="11"/>
      <c r="B1294" s="8"/>
    </row>
    <row r="1295" spans="1:2" x14ac:dyDescent="0.3">
      <c r="A1295" s="11"/>
      <c r="B1295" s="8"/>
    </row>
    <row r="1296" spans="1:2" x14ac:dyDescent="0.3">
      <c r="A1296" s="11"/>
      <c r="B1296" s="8"/>
    </row>
    <row r="1297" spans="1:2" x14ac:dyDescent="0.3">
      <c r="A1297" s="11"/>
      <c r="B1297" s="8"/>
    </row>
    <row r="1298" spans="1:2" x14ac:dyDescent="0.3">
      <c r="A1298" s="11"/>
      <c r="B1298" s="8"/>
    </row>
    <row r="1299" spans="1:2" x14ac:dyDescent="0.3">
      <c r="A1299" s="11"/>
      <c r="B1299" s="8"/>
    </row>
    <row r="1300" spans="1:2" x14ac:dyDescent="0.3">
      <c r="A1300" s="11"/>
      <c r="B1300" s="8"/>
    </row>
    <row r="1301" spans="1:2" x14ac:dyDescent="0.3">
      <c r="A1301" s="11"/>
      <c r="B1301" s="8"/>
    </row>
    <row r="1302" spans="1:2" x14ac:dyDescent="0.3">
      <c r="A1302" s="11"/>
      <c r="B1302" s="8"/>
    </row>
    <row r="1303" spans="1:2" x14ac:dyDescent="0.3">
      <c r="A1303" s="11"/>
      <c r="B1303" s="8"/>
    </row>
    <row r="1304" spans="1:2" x14ac:dyDescent="0.3">
      <c r="A1304" s="11"/>
      <c r="B1304" s="8"/>
    </row>
    <row r="1305" spans="1:2" x14ac:dyDescent="0.3">
      <c r="A1305" s="11"/>
      <c r="B1305" s="8"/>
    </row>
    <row r="1306" spans="1:2" x14ac:dyDescent="0.3">
      <c r="A1306" s="11"/>
      <c r="B1306" s="8"/>
    </row>
    <row r="1307" spans="1:2" x14ac:dyDescent="0.3">
      <c r="A1307" s="11"/>
      <c r="B1307" s="8"/>
    </row>
    <row r="1308" spans="1:2" x14ac:dyDescent="0.3">
      <c r="A1308" s="11"/>
      <c r="B1308" s="8"/>
    </row>
    <row r="1309" spans="1:2" x14ac:dyDescent="0.3">
      <c r="A1309" s="11"/>
      <c r="B1309" s="8"/>
    </row>
    <row r="1310" spans="1:2" x14ac:dyDescent="0.3">
      <c r="A1310" s="11"/>
      <c r="B1310" s="8"/>
    </row>
    <row r="1311" spans="1:2" x14ac:dyDescent="0.3">
      <c r="A1311" s="11"/>
      <c r="B1311" s="8"/>
    </row>
    <row r="1312" spans="1:2" x14ac:dyDescent="0.3">
      <c r="A1312" s="11"/>
      <c r="B1312" s="8"/>
    </row>
    <row r="1313" spans="1:2" x14ac:dyDescent="0.3">
      <c r="A1313" s="11"/>
      <c r="B1313" s="8"/>
    </row>
    <row r="1314" spans="1:2" x14ac:dyDescent="0.3">
      <c r="A1314" s="11"/>
      <c r="B1314" s="8"/>
    </row>
    <row r="1315" spans="1:2" x14ac:dyDescent="0.3">
      <c r="A1315" s="11"/>
      <c r="B1315" s="8"/>
    </row>
    <row r="1316" spans="1:2" x14ac:dyDescent="0.3">
      <c r="A1316" s="11"/>
      <c r="B1316" s="8"/>
    </row>
    <row r="1317" spans="1:2" x14ac:dyDescent="0.3">
      <c r="A1317" s="11"/>
      <c r="B1317" s="8"/>
    </row>
    <row r="1318" spans="1:2" x14ac:dyDescent="0.3">
      <c r="A1318" s="11"/>
      <c r="B1318" s="8"/>
    </row>
    <row r="1319" spans="1:2" x14ac:dyDescent="0.3">
      <c r="A1319" s="11"/>
      <c r="B1319" s="8"/>
    </row>
    <row r="1320" spans="1:2" x14ac:dyDescent="0.3">
      <c r="A1320" s="11"/>
      <c r="B1320" s="8"/>
    </row>
    <row r="1321" spans="1:2" x14ac:dyDescent="0.3">
      <c r="A1321" s="11"/>
      <c r="B1321" s="8"/>
    </row>
    <row r="1322" spans="1:2" x14ac:dyDescent="0.3">
      <c r="A1322" s="11"/>
      <c r="B1322" s="8"/>
    </row>
    <row r="1323" spans="1:2" x14ac:dyDescent="0.3">
      <c r="A1323" s="11"/>
      <c r="B1323" s="8"/>
    </row>
    <row r="1324" spans="1:2" x14ac:dyDescent="0.3">
      <c r="A1324" s="11"/>
      <c r="B1324" s="8"/>
    </row>
    <row r="1325" spans="1:2" x14ac:dyDescent="0.3">
      <c r="A1325" s="11"/>
      <c r="B1325" s="8"/>
    </row>
    <row r="1326" spans="1:2" x14ac:dyDescent="0.3">
      <c r="A1326" s="11"/>
      <c r="B1326" s="8"/>
    </row>
    <row r="1327" spans="1:2" x14ac:dyDescent="0.3">
      <c r="A1327" s="11"/>
      <c r="B1327" s="8"/>
    </row>
    <row r="1328" spans="1:2" x14ac:dyDescent="0.3">
      <c r="A1328" s="11"/>
      <c r="B1328" s="8"/>
    </row>
    <row r="1329" spans="1:2" x14ac:dyDescent="0.3">
      <c r="A1329" s="11"/>
      <c r="B1329" s="8"/>
    </row>
    <row r="1330" spans="1:2" x14ac:dyDescent="0.3">
      <c r="A1330" s="11"/>
      <c r="B1330" s="8"/>
    </row>
    <row r="1331" spans="1:2" x14ac:dyDescent="0.3">
      <c r="A1331" s="11"/>
      <c r="B1331" s="8"/>
    </row>
    <row r="1332" spans="1:2" x14ac:dyDescent="0.3">
      <c r="A1332" s="11"/>
      <c r="B1332" s="8"/>
    </row>
    <row r="1333" spans="1:2" x14ac:dyDescent="0.3">
      <c r="A1333" s="11"/>
      <c r="B1333" s="8"/>
    </row>
    <row r="1334" spans="1:2" x14ac:dyDescent="0.3">
      <c r="A1334" s="11"/>
      <c r="B1334" s="8"/>
    </row>
    <row r="1335" spans="1:2" x14ac:dyDescent="0.3">
      <c r="A1335" s="11"/>
      <c r="B1335" s="8"/>
    </row>
    <row r="1336" spans="1:2" x14ac:dyDescent="0.3">
      <c r="A1336" s="11"/>
      <c r="B1336" s="8"/>
    </row>
    <row r="1337" spans="1:2" x14ac:dyDescent="0.3">
      <c r="A1337" s="11"/>
      <c r="B1337" s="8"/>
    </row>
    <row r="1338" spans="1:2" x14ac:dyDescent="0.3">
      <c r="A1338" s="11"/>
      <c r="B1338" s="8"/>
    </row>
    <row r="1339" spans="1:2" x14ac:dyDescent="0.3">
      <c r="A1339" s="11"/>
      <c r="B1339" s="8"/>
    </row>
    <row r="1340" spans="1:2" x14ac:dyDescent="0.3">
      <c r="A1340" s="11"/>
      <c r="B1340" s="8"/>
    </row>
    <row r="1341" spans="1:2" x14ac:dyDescent="0.3">
      <c r="A1341" s="11"/>
      <c r="B1341" s="8"/>
    </row>
    <row r="1342" spans="1:2" x14ac:dyDescent="0.3">
      <c r="A1342" s="11"/>
      <c r="B1342" s="8"/>
    </row>
    <row r="1343" spans="1:2" x14ac:dyDescent="0.3">
      <c r="A1343" s="11"/>
      <c r="B1343" s="8"/>
    </row>
    <row r="1344" spans="1:2" x14ac:dyDescent="0.3">
      <c r="A1344" s="11"/>
      <c r="B1344" s="8"/>
    </row>
    <row r="1345" spans="1:2" x14ac:dyDescent="0.3">
      <c r="A1345" s="11"/>
      <c r="B1345" s="8"/>
    </row>
    <row r="1346" spans="1:2" x14ac:dyDescent="0.3">
      <c r="A1346" s="11"/>
      <c r="B1346" s="8"/>
    </row>
    <row r="1347" spans="1:2" x14ac:dyDescent="0.3">
      <c r="A1347" s="11"/>
      <c r="B1347" s="8"/>
    </row>
    <row r="1348" spans="1:2" x14ac:dyDescent="0.3">
      <c r="A1348" s="11"/>
      <c r="B1348" s="8"/>
    </row>
    <row r="1349" spans="1:2" x14ac:dyDescent="0.3">
      <c r="A1349" s="11"/>
      <c r="B1349" s="8"/>
    </row>
    <row r="1350" spans="1:2" x14ac:dyDescent="0.3">
      <c r="A1350" s="11"/>
      <c r="B1350" s="8"/>
    </row>
    <row r="1351" spans="1:2" x14ac:dyDescent="0.3">
      <c r="A1351" s="11"/>
      <c r="B1351" s="8"/>
    </row>
    <row r="1352" spans="1:2" x14ac:dyDescent="0.3">
      <c r="A1352" s="11"/>
      <c r="B1352" s="8"/>
    </row>
    <row r="1353" spans="1:2" x14ac:dyDescent="0.3">
      <c r="A1353" s="11"/>
      <c r="B1353" s="8"/>
    </row>
    <row r="1354" spans="1:2" x14ac:dyDescent="0.3">
      <c r="A1354" s="11"/>
      <c r="B1354" s="8"/>
    </row>
    <row r="1355" spans="1:2" x14ac:dyDescent="0.3">
      <c r="A1355" s="11"/>
      <c r="B1355" s="8"/>
    </row>
    <row r="1356" spans="1:2" x14ac:dyDescent="0.3">
      <c r="A1356" s="11"/>
      <c r="B1356" s="8"/>
    </row>
    <row r="1357" spans="1:2" x14ac:dyDescent="0.3">
      <c r="A1357" s="11"/>
      <c r="B1357" s="8"/>
    </row>
    <row r="1358" spans="1:2" x14ac:dyDescent="0.3">
      <c r="A1358" s="11"/>
      <c r="B1358" s="8"/>
    </row>
    <row r="1359" spans="1:2" x14ac:dyDescent="0.3">
      <c r="A1359" s="11"/>
      <c r="B1359" s="8"/>
    </row>
    <row r="1360" spans="1:2" x14ac:dyDescent="0.3">
      <c r="A1360" s="11"/>
      <c r="B1360" s="8"/>
    </row>
    <row r="1361" spans="1:2" x14ac:dyDescent="0.3">
      <c r="A1361" s="11"/>
      <c r="B1361" s="8"/>
    </row>
    <row r="1362" spans="1:2" x14ac:dyDescent="0.3">
      <c r="A1362" s="11"/>
      <c r="B1362" s="8"/>
    </row>
    <row r="1363" spans="1:2" x14ac:dyDescent="0.3">
      <c r="A1363" s="11"/>
      <c r="B1363" s="8"/>
    </row>
    <row r="1364" spans="1:2" x14ac:dyDescent="0.3">
      <c r="A1364" s="11"/>
      <c r="B1364" s="8"/>
    </row>
    <row r="1365" spans="1:2" x14ac:dyDescent="0.3">
      <c r="A1365" s="11"/>
      <c r="B1365" s="8"/>
    </row>
    <row r="1366" spans="1:2" x14ac:dyDescent="0.3">
      <c r="A1366" s="11"/>
      <c r="B1366" s="8"/>
    </row>
    <row r="1367" spans="1:2" x14ac:dyDescent="0.3">
      <c r="A1367" s="11"/>
      <c r="B1367" s="8"/>
    </row>
    <row r="1368" spans="1:2" x14ac:dyDescent="0.3">
      <c r="A1368" s="11"/>
      <c r="B1368" s="8"/>
    </row>
    <row r="1369" spans="1:2" x14ac:dyDescent="0.3">
      <c r="A1369" s="11"/>
      <c r="B1369" s="8"/>
    </row>
    <row r="1370" spans="1:2" x14ac:dyDescent="0.3">
      <c r="A1370" s="11"/>
      <c r="B1370" s="8"/>
    </row>
    <row r="1371" spans="1:2" x14ac:dyDescent="0.3">
      <c r="A1371" s="11"/>
      <c r="B1371" s="8"/>
    </row>
    <row r="1372" spans="1:2" x14ac:dyDescent="0.3">
      <c r="A1372" s="11"/>
      <c r="B1372" s="8"/>
    </row>
    <row r="1373" spans="1:2" x14ac:dyDescent="0.3">
      <c r="A1373" s="11"/>
      <c r="B1373" s="8"/>
    </row>
    <row r="1374" spans="1:2" x14ac:dyDescent="0.3">
      <c r="A1374" s="11"/>
      <c r="B1374" s="8"/>
    </row>
    <row r="1375" spans="1:2" x14ac:dyDescent="0.3">
      <c r="A1375" s="11"/>
      <c r="B1375" s="8"/>
    </row>
    <row r="1376" spans="1:2" x14ac:dyDescent="0.3">
      <c r="A1376" s="11"/>
      <c r="B1376" s="8"/>
    </row>
    <row r="1377" spans="1:2" x14ac:dyDescent="0.3">
      <c r="A1377" s="11"/>
      <c r="B1377" s="8"/>
    </row>
    <row r="1378" spans="1:2" x14ac:dyDescent="0.3">
      <c r="A1378" s="11"/>
      <c r="B1378" s="8"/>
    </row>
    <row r="1379" spans="1:2" x14ac:dyDescent="0.3">
      <c r="A1379" s="11"/>
      <c r="B1379" s="8"/>
    </row>
    <row r="1380" spans="1:2" x14ac:dyDescent="0.3">
      <c r="A1380" s="11"/>
      <c r="B1380" s="8"/>
    </row>
    <row r="1381" spans="1:2" x14ac:dyDescent="0.3">
      <c r="A1381" s="11"/>
      <c r="B1381" s="8"/>
    </row>
    <row r="1382" spans="1:2" x14ac:dyDescent="0.3">
      <c r="A1382" s="11"/>
      <c r="B1382" s="8"/>
    </row>
    <row r="1383" spans="1:2" x14ac:dyDescent="0.3">
      <c r="A1383" s="11"/>
      <c r="B1383" s="8"/>
    </row>
    <row r="1384" spans="1:2" x14ac:dyDescent="0.3">
      <c r="A1384" s="11"/>
      <c r="B1384" s="8"/>
    </row>
    <row r="1385" spans="1:2" x14ac:dyDescent="0.3">
      <c r="A1385" s="11"/>
      <c r="B1385" s="8"/>
    </row>
    <row r="1386" spans="1:2" x14ac:dyDescent="0.3">
      <c r="A1386" s="11"/>
      <c r="B1386" s="8"/>
    </row>
    <row r="1387" spans="1:2" x14ac:dyDescent="0.3">
      <c r="A1387" s="11"/>
      <c r="B1387" s="8"/>
    </row>
    <row r="1388" spans="1:2" x14ac:dyDescent="0.3">
      <c r="A1388" s="11"/>
      <c r="B1388" s="8"/>
    </row>
    <row r="1389" spans="1:2" x14ac:dyDescent="0.3">
      <c r="A1389" s="11"/>
      <c r="B1389" s="8"/>
    </row>
    <row r="1390" spans="1:2" x14ac:dyDescent="0.3">
      <c r="A1390" s="11"/>
      <c r="B1390" s="8"/>
    </row>
    <row r="1391" spans="1:2" x14ac:dyDescent="0.3">
      <c r="A1391" s="11"/>
      <c r="B1391" s="8"/>
    </row>
    <row r="1392" spans="1:2" x14ac:dyDescent="0.3">
      <c r="A1392" s="11"/>
      <c r="B1392" s="8"/>
    </row>
    <row r="1393" spans="1:2" x14ac:dyDescent="0.3">
      <c r="A1393" s="11"/>
      <c r="B1393" s="8"/>
    </row>
    <row r="1394" spans="1:2" x14ac:dyDescent="0.3">
      <c r="A1394" s="11"/>
      <c r="B1394" s="8"/>
    </row>
    <row r="1395" spans="1:2" x14ac:dyDescent="0.3">
      <c r="A1395" s="11"/>
      <c r="B1395" s="8"/>
    </row>
    <row r="1396" spans="1:2" x14ac:dyDescent="0.3">
      <c r="A1396" s="11"/>
      <c r="B1396" s="8"/>
    </row>
    <row r="1397" spans="1:2" x14ac:dyDescent="0.3">
      <c r="A1397" s="11"/>
      <c r="B1397" s="8"/>
    </row>
    <row r="1398" spans="1:2" x14ac:dyDescent="0.3">
      <c r="A1398" s="11"/>
      <c r="B1398" s="8"/>
    </row>
    <row r="1399" spans="1:2" x14ac:dyDescent="0.3">
      <c r="A1399" s="11"/>
      <c r="B1399" s="8"/>
    </row>
    <row r="1400" spans="1:2" x14ac:dyDescent="0.3">
      <c r="A1400" s="11"/>
      <c r="B1400" s="8"/>
    </row>
    <row r="1401" spans="1:2" x14ac:dyDescent="0.3">
      <c r="A1401" s="11"/>
      <c r="B1401" s="8"/>
    </row>
    <row r="1402" spans="1:2" x14ac:dyDescent="0.3">
      <c r="A1402" s="11"/>
      <c r="B1402" s="8"/>
    </row>
    <row r="1403" spans="1:2" x14ac:dyDescent="0.3">
      <c r="A1403" s="11"/>
      <c r="B1403" s="8"/>
    </row>
    <row r="1404" spans="1:2" x14ac:dyDescent="0.3">
      <c r="A1404" s="11"/>
      <c r="B1404" s="8"/>
    </row>
    <row r="1405" spans="1:2" x14ac:dyDescent="0.3">
      <c r="A1405" s="11"/>
      <c r="B1405" s="8"/>
    </row>
    <row r="1406" spans="1:2" x14ac:dyDescent="0.3">
      <c r="A1406" s="11"/>
      <c r="B1406" s="8"/>
    </row>
    <row r="1407" spans="1:2" x14ac:dyDescent="0.3">
      <c r="A1407" s="11"/>
      <c r="B1407" s="8"/>
    </row>
    <row r="1408" spans="1:2" x14ac:dyDescent="0.3">
      <c r="A1408" s="11"/>
      <c r="B1408" s="8"/>
    </row>
    <row r="1409" spans="1:2" x14ac:dyDescent="0.3">
      <c r="A1409" s="11"/>
      <c r="B1409" s="8"/>
    </row>
    <row r="1410" spans="1:2" x14ac:dyDescent="0.3">
      <c r="A1410" s="11"/>
      <c r="B1410" s="8"/>
    </row>
    <row r="1411" spans="1:2" x14ac:dyDescent="0.3">
      <c r="A1411" s="11"/>
      <c r="B1411" s="8"/>
    </row>
    <row r="1412" spans="1:2" x14ac:dyDescent="0.3">
      <c r="A1412" s="11"/>
      <c r="B1412" s="8"/>
    </row>
    <row r="1413" spans="1:2" x14ac:dyDescent="0.3">
      <c r="A1413" s="11"/>
      <c r="B1413" s="8"/>
    </row>
    <row r="1414" spans="1:2" x14ac:dyDescent="0.3">
      <c r="A1414" s="11"/>
      <c r="B1414" s="8"/>
    </row>
    <row r="1415" spans="1:2" x14ac:dyDescent="0.3">
      <c r="A1415" s="11"/>
      <c r="B1415" s="8"/>
    </row>
    <row r="1416" spans="1:2" x14ac:dyDescent="0.3">
      <c r="A1416" s="11"/>
      <c r="B1416" s="8"/>
    </row>
    <row r="1417" spans="1:2" x14ac:dyDescent="0.3">
      <c r="A1417" s="11"/>
      <c r="B1417" s="8"/>
    </row>
    <row r="1418" spans="1:2" x14ac:dyDescent="0.3">
      <c r="A1418" s="11"/>
      <c r="B1418" s="8"/>
    </row>
    <row r="1419" spans="1:2" x14ac:dyDescent="0.3">
      <c r="A1419" s="11"/>
      <c r="B1419" s="8"/>
    </row>
    <row r="1420" spans="1:2" x14ac:dyDescent="0.3">
      <c r="A1420" s="11"/>
      <c r="B1420" s="8"/>
    </row>
    <row r="1421" spans="1:2" x14ac:dyDescent="0.3">
      <c r="A1421" s="11"/>
      <c r="B1421" s="8"/>
    </row>
    <row r="1422" spans="1:2" x14ac:dyDescent="0.3">
      <c r="A1422" s="11"/>
      <c r="B1422" s="8"/>
    </row>
    <row r="1423" spans="1:2" x14ac:dyDescent="0.3">
      <c r="A1423" s="11"/>
      <c r="B1423" s="8"/>
    </row>
    <row r="1424" spans="1:2" x14ac:dyDescent="0.3">
      <c r="A1424" s="11"/>
      <c r="B1424" s="8"/>
    </row>
    <row r="1425" spans="1:2" x14ac:dyDescent="0.3">
      <c r="A1425" s="11"/>
      <c r="B1425" s="8"/>
    </row>
    <row r="1426" spans="1:2" x14ac:dyDescent="0.3">
      <c r="A1426" s="11"/>
      <c r="B1426" s="8"/>
    </row>
    <row r="1427" spans="1:2" x14ac:dyDescent="0.3">
      <c r="A1427" s="11"/>
      <c r="B1427" s="8"/>
    </row>
    <row r="1428" spans="1:2" x14ac:dyDescent="0.3">
      <c r="A1428" s="11"/>
      <c r="B1428" s="8"/>
    </row>
    <row r="1429" spans="1:2" x14ac:dyDescent="0.3">
      <c r="A1429" s="11"/>
      <c r="B1429" s="8"/>
    </row>
    <row r="1430" spans="1:2" x14ac:dyDescent="0.3">
      <c r="A1430" s="11"/>
      <c r="B1430" s="8"/>
    </row>
    <row r="1431" spans="1:2" x14ac:dyDescent="0.3">
      <c r="A1431" s="11"/>
      <c r="B1431" s="8"/>
    </row>
    <row r="1432" spans="1:2" x14ac:dyDescent="0.3">
      <c r="A1432" s="11"/>
      <c r="B1432" s="8"/>
    </row>
    <row r="1433" spans="1:2" x14ac:dyDescent="0.3">
      <c r="A1433" s="11"/>
      <c r="B1433" s="8"/>
    </row>
    <row r="1434" spans="1:2" x14ac:dyDescent="0.3">
      <c r="A1434" s="11"/>
      <c r="B1434" s="8"/>
    </row>
    <row r="1435" spans="1:2" x14ac:dyDescent="0.3">
      <c r="A1435" s="11"/>
      <c r="B1435" s="8"/>
    </row>
    <row r="1436" spans="1:2" x14ac:dyDescent="0.3">
      <c r="A1436" s="11"/>
      <c r="B1436" s="8"/>
    </row>
    <row r="1437" spans="1:2" x14ac:dyDescent="0.3">
      <c r="A1437" s="11"/>
      <c r="B1437" s="8"/>
    </row>
    <row r="1438" spans="1:2" x14ac:dyDescent="0.3">
      <c r="A1438" s="11"/>
      <c r="B1438" s="8"/>
    </row>
    <row r="1439" spans="1:2" x14ac:dyDescent="0.3">
      <c r="A1439" s="11"/>
      <c r="B1439" s="8"/>
    </row>
    <row r="1440" spans="1:2" x14ac:dyDescent="0.3">
      <c r="A1440" s="11"/>
      <c r="B1440" s="8"/>
    </row>
    <row r="1441" spans="1:2" x14ac:dyDescent="0.3">
      <c r="A1441" s="11"/>
      <c r="B1441" s="8"/>
    </row>
    <row r="1442" spans="1:2" x14ac:dyDescent="0.3">
      <c r="A1442" s="11"/>
      <c r="B1442" s="8"/>
    </row>
    <row r="1443" spans="1:2" x14ac:dyDescent="0.3">
      <c r="A1443" s="11"/>
      <c r="B1443" s="8"/>
    </row>
    <row r="1444" spans="1:2" x14ac:dyDescent="0.3">
      <c r="A1444" s="11"/>
      <c r="B1444" s="8"/>
    </row>
    <row r="1445" spans="1:2" x14ac:dyDescent="0.3">
      <c r="A1445" s="11"/>
      <c r="B1445" s="8"/>
    </row>
    <row r="1446" spans="1:2" x14ac:dyDescent="0.3">
      <c r="A1446" s="11"/>
      <c r="B1446" s="8"/>
    </row>
    <row r="1447" spans="1:2" x14ac:dyDescent="0.3">
      <c r="A1447" s="11"/>
      <c r="B1447" s="8"/>
    </row>
    <row r="1448" spans="1:2" x14ac:dyDescent="0.3">
      <c r="A1448" s="11"/>
      <c r="B1448" s="8"/>
    </row>
    <row r="1449" spans="1:2" x14ac:dyDescent="0.3">
      <c r="A1449" s="11"/>
      <c r="B1449" s="8"/>
    </row>
    <row r="1450" spans="1:2" x14ac:dyDescent="0.3">
      <c r="A1450" s="11"/>
      <c r="B1450" s="8"/>
    </row>
    <row r="1451" spans="1:2" x14ac:dyDescent="0.3">
      <c r="A1451" s="11"/>
      <c r="B1451" s="8"/>
    </row>
    <row r="1452" spans="1:2" x14ac:dyDescent="0.3">
      <c r="A1452" s="11"/>
      <c r="B1452" s="8"/>
    </row>
    <row r="1453" spans="1:2" x14ac:dyDescent="0.3">
      <c r="A1453" s="11"/>
      <c r="B1453" s="8"/>
    </row>
    <row r="1454" spans="1:2" x14ac:dyDescent="0.3">
      <c r="A1454" s="11"/>
      <c r="B1454" s="8"/>
    </row>
    <row r="1455" spans="1:2" x14ac:dyDescent="0.3">
      <c r="A1455" s="11"/>
      <c r="B1455" s="8"/>
    </row>
    <row r="1456" spans="1:2" x14ac:dyDescent="0.3">
      <c r="A1456" s="11"/>
      <c r="B1456" s="8"/>
    </row>
    <row r="1457" spans="1:2" x14ac:dyDescent="0.3">
      <c r="A1457" s="11"/>
      <c r="B1457" s="8"/>
    </row>
    <row r="1458" spans="1:2" x14ac:dyDescent="0.3">
      <c r="A1458" s="11"/>
      <c r="B1458" s="8"/>
    </row>
    <row r="1459" spans="1:2" x14ac:dyDescent="0.3">
      <c r="A1459" s="11"/>
      <c r="B1459" s="8"/>
    </row>
    <row r="1460" spans="1:2" x14ac:dyDescent="0.3">
      <c r="A1460" s="11"/>
      <c r="B1460" s="8"/>
    </row>
    <row r="1461" spans="1:2" x14ac:dyDescent="0.3">
      <c r="A1461" s="11"/>
      <c r="B1461" s="8"/>
    </row>
    <row r="1462" spans="1:2" x14ac:dyDescent="0.3">
      <c r="A1462" s="11"/>
      <c r="B1462" s="8"/>
    </row>
    <row r="1463" spans="1:2" x14ac:dyDescent="0.3">
      <c r="A1463" s="11"/>
      <c r="B1463" s="8"/>
    </row>
    <row r="1464" spans="1:2" x14ac:dyDescent="0.3">
      <c r="A1464" s="11"/>
      <c r="B1464" s="8"/>
    </row>
    <row r="1465" spans="1:2" x14ac:dyDescent="0.3">
      <c r="A1465" s="11"/>
      <c r="B1465" s="8"/>
    </row>
    <row r="1466" spans="1:2" x14ac:dyDescent="0.3">
      <c r="A1466" s="11"/>
      <c r="B1466" s="8"/>
    </row>
    <row r="1467" spans="1:2" x14ac:dyDescent="0.3">
      <c r="A1467" s="11"/>
      <c r="B1467" s="8"/>
    </row>
    <row r="1468" spans="1:2" x14ac:dyDescent="0.3">
      <c r="A1468" s="11"/>
      <c r="B1468" s="8"/>
    </row>
    <row r="1469" spans="1:2" x14ac:dyDescent="0.3">
      <c r="A1469" s="11"/>
      <c r="B1469" s="8"/>
    </row>
    <row r="1470" spans="1:2" x14ac:dyDescent="0.3">
      <c r="A1470" s="11"/>
      <c r="B1470" s="8"/>
    </row>
    <row r="1471" spans="1:2" x14ac:dyDescent="0.3">
      <c r="A1471" s="11"/>
      <c r="B1471" s="8"/>
    </row>
    <row r="1472" spans="1:2" x14ac:dyDescent="0.3">
      <c r="A1472" s="11"/>
      <c r="B1472" s="8"/>
    </row>
    <row r="1473" spans="1:2" x14ac:dyDescent="0.3">
      <c r="A1473" s="11"/>
      <c r="B1473" s="8"/>
    </row>
    <row r="1474" spans="1:2" x14ac:dyDescent="0.3">
      <c r="A1474" s="11"/>
      <c r="B1474" s="8"/>
    </row>
    <row r="1475" spans="1:2" x14ac:dyDescent="0.3">
      <c r="A1475" s="11"/>
      <c r="B1475" s="8"/>
    </row>
    <row r="1476" spans="1:2" x14ac:dyDescent="0.3">
      <c r="A1476" s="11"/>
      <c r="B1476" s="8"/>
    </row>
    <row r="1477" spans="1:2" x14ac:dyDescent="0.3">
      <c r="A1477" s="11"/>
      <c r="B1477" s="8"/>
    </row>
    <row r="1478" spans="1:2" x14ac:dyDescent="0.3">
      <c r="A1478" s="11"/>
      <c r="B1478" s="8"/>
    </row>
    <row r="1479" spans="1:2" x14ac:dyDescent="0.3">
      <c r="A1479" s="11"/>
      <c r="B1479" s="8"/>
    </row>
    <row r="1480" spans="1:2" x14ac:dyDescent="0.3">
      <c r="A1480" s="11"/>
      <c r="B1480" s="8"/>
    </row>
    <row r="1481" spans="1:2" x14ac:dyDescent="0.3">
      <c r="A1481" s="11"/>
      <c r="B1481" s="8"/>
    </row>
    <row r="1482" spans="1:2" x14ac:dyDescent="0.3">
      <c r="A1482" s="11"/>
      <c r="B1482" s="8"/>
    </row>
    <row r="1483" spans="1:2" x14ac:dyDescent="0.3">
      <c r="A1483" s="11"/>
      <c r="B1483" s="8"/>
    </row>
    <row r="1484" spans="1:2" x14ac:dyDescent="0.3">
      <c r="A1484" s="11"/>
      <c r="B1484" s="8"/>
    </row>
    <row r="1485" spans="1:2" x14ac:dyDescent="0.3">
      <c r="A1485" s="11"/>
      <c r="B1485" s="8"/>
    </row>
    <row r="1486" spans="1:2" x14ac:dyDescent="0.3">
      <c r="A1486" s="11"/>
      <c r="B1486" s="8"/>
    </row>
    <row r="1487" spans="1:2" x14ac:dyDescent="0.3">
      <c r="A1487" s="11"/>
      <c r="B1487" s="8"/>
    </row>
    <row r="1488" spans="1:2" x14ac:dyDescent="0.3">
      <c r="A1488" s="11"/>
      <c r="B1488" s="8"/>
    </row>
    <row r="1489" spans="1:2" x14ac:dyDescent="0.3">
      <c r="A1489" s="11"/>
      <c r="B1489" s="8"/>
    </row>
    <row r="1490" spans="1:2" x14ac:dyDescent="0.3">
      <c r="A1490" s="11"/>
      <c r="B1490" s="8"/>
    </row>
    <row r="1491" spans="1:2" x14ac:dyDescent="0.3">
      <c r="A1491" s="11"/>
      <c r="B1491" s="8"/>
    </row>
    <row r="1492" spans="1:2" x14ac:dyDescent="0.3">
      <c r="A1492" s="11"/>
      <c r="B1492" s="8"/>
    </row>
    <row r="1493" spans="1:2" x14ac:dyDescent="0.3">
      <c r="A1493" s="11"/>
      <c r="B1493" s="8"/>
    </row>
    <row r="1494" spans="1:2" x14ac:dyDescent="0.3">
      <c r="A1494" s="11"/>
      <c r="B1494" s="8"/>
    </row>
    <row r="1495" spans="1:2" x14ac:dyDescent="0.3">
      <c r="A1495" s="11"/>
      <c r="B1495" s="8"/>
    </row>
    <row r="1496" spans="1:2" x14ac:dyDescent="0.3">
      <c r="A1496" s="11"/>
      <c r="B1496" s="8"/>
    </row>
    <row r="1497" spans="1:2" x14ac:dyDescent="0.3">
      <c r="A1497" s="11"/>
      <c r="B1497" s="8"/>
    </row>
    <row r="1498" spans="1:2" x14ac:dyDescent="0.3">
      <c r="A1498" s="11"/>
      <c r="B1498" s="8"/>
    </row>
    <row r="1499" spans="1:2" x14ac:dyDescent="0.3">
      <c r="A1499" s="11"/>
      <c r="B1499" s="8"/>
    </row>
    <row r="1500" spans="1:2" x14ac:dyDescent="0.3">
      <c r="A1500" s="11"/>
      <c r="B1500" s="8"/>
    </row>
    <row r="1501" spans="1:2" x14ac:dyDescent="0.3">
      <c r="A1501" s="11"/>
      <c r="B1501" s="8"/>
    </row>
    <row r="1502" spans="1:2" x14ac:dyDescent="0.3">
      <c r="A1502" s="11"/>
      <c r="B1502" s="8"/>
    </row>
    <row r="1503" spans="1:2" x14ac:dyDescent="0.3">
      <c r="A1503" s="11"/>
      <c r="B1503" s="8"/>
    </row>
    <row r="1504" spans="1:2" x14ac:dyDescent="0.3">
      <c r="A1504" s="11"/>
      <c r="B1504" s="8"/>
    </row>
    <row r="1505" spans="1:2" x14ac:dyDescent="0.3">
      <c r="A1505" s="11"/>
      <c r="B1505" s="8"/>
    </row>
    <row r="1506" spans="1:2" x14ac:dyDescent="0.3">
      <c r="A1506" s="11"/>
      <c r="B1506" s="8"/>
    </row>
    <row r="1507" spans="1:2" x14ac:dyDescent="0.3">
      <c r="A1507" s="11"/>
      <c r="B1507" s="8"/>
    </row>
    <row r="1508" spans="1:2" x14ac:dyDescent="0.3">
      <c r="A1508" s="11"/>
      <c r="B1508" s="8"/>
    </row>
    <row r="1509" spans="1:2" x14ac:dyDescent="0.3">
      <c r="A1509" s="11"/>
      <c r="B1509" s="8"/>
    </row>
    <row r="1510" spans="1:2" x14ac:dyDescent="0.3">
      <c r="A1510" s="11"/>
      <c r="B1510" s="8"/>
    </row>
    <row r="1511" spans="1:2" x14ac:dyDescent="0.3">
      <c r="A1511" s="11"/>
      <c r="B1511" s="8"/>
    </row>
    <row r="1512" spans="1:2" x14ac:dyDescent="0.3">
      <c r="A1512" s="11"/>
      <c r="B1512" s="8"/>
    </row>
    <row r="1513" spans="1:2" x14ac:dyDescent="0.3">
      <c r="A1513" s="11"/>
      <c r="B1513" s="8"/>
    </row>
    <row r="1514" spans="1:2" x14ac:dyDescent="0.3">
      <c r="A1514" s="11"/>
      <c r="B1514" s="8"/>
    </row>
    <row r="1515" spans="1:2" x14ac:dyDescent="0.3">
      <c r="A1515" s="11"/>
      <c r="B1515" s="8"/>
    </row>
    <row r="1516" spans="1:2" x14ac:dyDescent="0.3">
      <c r="A1516" s="11"/>
      <c r="B1516" s="8"/>
    </row>
    <row r="1517" spans="1:2" x14ac:dyDescent="0.3">
      <c r="A1517" s="11"/>
      <c r="B1517" s="8"/>
    </row>
    <row r="1518" spans="1:2" x14ac:dyDescent="0.3">
      <c r="A1518" s="11"/>
      <c r="B1518" s="8"/>
    </row>
    <row r="1519" spans="1:2" x14ac:dyDescent="0.3">
      <c r="A1519" s="11"/>
      <c r="B1519" s="8"/>
    </row>
    <row r="1520" spans="1:2" x14ac:dyDescent="0.3">
      <c r="A1520" s="11"/>
      <c r="B1520" s="8"/>
    </row>
    <row r="1521" spans="1:2" x14ac:dyDescent="0.3">
      <c r="A1521" s="11"/>
      <c r="B1521" s="8"/>
    </row>
    <row r="1522" spans="1:2" x14ac:dyDescent="0.3">
      <c r="A1522" s="11"/>
      <c r="B1522" s="8"/>
    </row>
    <row r="1523" spans="1:2" x14ac:dyDescent="0.3">
      <c r="A1523" s="11"/>
      <c r="B1523" s="8"/>
    </row>
    <row r="1524" spans="1:2" x14ac:dyDescent="0.3">
      <c r="A1524" s="11"/>
      <c r="B1524" s="8"/>
    </row>
    <row r="1525" spans="1:2" x14ac:dyDescent="0.3">
      <c r="A1525" s="11"/>
      <c r="B1525" s="8"/>
    </row>
    <row r="1526" spans="1:2" x14ac:dyDescent="0.3">
      <c r="A1526" s="11"/>
      <c r="B1526" s="8"/>
    </row>
    <row r="1527" spans="1:2" x14ac:dyDescent="0.3">
      <c r="A1527" s="11"/>
      <c r="B1527" s="8"/>
    </row>
    <row r="1528" spans="1:2" x14ac:dyDescent="0.3">
      <c r="A1528" s="11"/>
      <c r="B1528" s="8"/>
    </row>
    <row r="1529" spans="1:2" x14ac:dyDescent="0.3">
      <c r="A1529" s="11"/>
      <c r="B1529" s="8"/>
    </row>
    <row r="1530" spans="1:2" x14ac:dyDescent="0.3">
      <c r="A1530" s="11"/>
      <c r="B1530" s="8"/>
    </row>
    <row r="1531" spans="1:2" x14ac:dyDescent="0.3">
      <c r="A1531" s="11"/>
      <c r="B1531" s="8"/>
    </row>
    <row r="1532" spans="1:2" x14ac:dyDescent="0.3">
      <c r="A1532" s="11"/>
      <c r="B1532" s="8"/>
    </row>
    <row r="1533" spans="1:2" x14ac:dyDescent="0.3">
      <c r="A1533" s="11"/>
      <c r="B1533" s="8"/>
    </row>
    <row r="1534" spans="1:2" x14ac:dyDescent="0.3">
      <c r="A1534" s="11"/>
      <c r="B1534" s="8"/>
    </row>
    <row r="1535" spans="1:2" x14ac:dyDescent="0.3">
      <c r="A1535" s="11"/>
      <c r="B1535" s="8"/>
    </row>
    <row r="1536" spans="1:2" x14ac:dyDescent="0.3">
      <c r="A1536" s="11"/>
      <c r="B1536" s="8"/>
    </row>
    <row r="1537" spans="1:2" x14ac:dyDescent="0.3">
      <c r="A1537" s="11"/>
      <c r="B1537" s="8"/>
    </row>
    <row r="1538" spans="1:2" x14ac:dyDescent="0.3">
      <c r="A1538" s="11"/>
      <c r="B1538" s="8"/>
    </row>
    <row r="1539" spans="1:2" x14ac:dyDescent="0.3">
      <c r="A1539" s="11"/>
      <c r="B1539" s="8"/>
    </row>
    <row r="1540" spans="1:2" x14ac:dyDescent="0.3">
      <c r="A1540" s="11"/>
      <c r="B1540" s="8"/>
    </row>
    <row r="1541" spans="1:2" x14ac:dyDescent="0.3">
      <c r="A1541" s="11"/>
      <c r="B1541" s="8"/>
    </row>
    <row r="1542" spans="1:2" x14ac:dyDescent="0.3">
      <c r="A1542" s="11"/>
      <c r="B1542" s="8"/>
    </row>
    <row r="1543" spans="1:2" x14ac:dyDescent="0.3">
      <c r="A1543" s="11"/>
      <c r="B1543" s="8"/>
    </row>
    <row r="1544" spans="1:2" x14ac:dyDescent="0.3">
      <c r="A1544" s="11"/>
      <c r="B1544" s="8"/>
    </row>
    <row r="1545" spans="1:2" x14ac:dyDescent="0.3">
      <c r="A1545" s="11"/>
      <c r="B1545" s="8"/>
    </row>
    <row r="1546" spans="1:2" x14ac:dyDescent="0.3">
      <c r="A1546" s="11"/>
      <c r="B1546" s="8"/>
    </row>
    <row r="1547" spans="1:2" x14ac:dyDescent="0.3">
      <c r="A1547" s="11"/>
      <c r="B1547" s="8"/>
    </row>
    <row r="1548" spans="1:2" x14ac:dyDescent="0.3">
      <c r="A1548" s="11"/>
      <c r="B1548" s="8"/>
    </row>
    <row r="1549" spans="1:2" x14ac:dyDescent="0.3">
      <c r="A1549" s="11"/>
      <c r="B1549" s="8"/>
    </row>
    <row r="1550" spans="1:2" x14ac:dyDescent="0.3">
      <c r="A1550" s="11"/>
      <c r="B1550" s="8"/>
    </row>
    <row r="1551" spans="1:2" x14ac:dyDescent="0.3">
      <c r="A1551" s="11"/>
      <c r="B1551" s="8"/>
    </row>
    <row r="1552" spans="1:2" x14ac:dyDescent="0.3">
      <c r="A1552" s="11"/>
      <c r="B1552" s="8"/>
    </row>
    <row r="1553" spans="1:2" x14ac:dyDescent="0.3">
      <c r="A1553" s="11"/>
      <c r="B1553" s="8"/>
    </row>
    <row r="1554" spans="1:2" x14ac:dyDescent="0.3">
      <c r="A1554" s="11"/>
      <c r="B1554" s="8"/>
    </row>
    <row r="1555" spans="1:2" x14ac:dyDescent="0.3">
      <c r="A1555" s="11"/>
      <c r="B1555" s="8"/>
    </row>
    <row r="1556" spans="1:2" x14ac:dyDescent="0.3">
      <c r="A1556" s="11"/>
      <c r="B1556" s="8"/>
    </row>
    <row r="1557" spans="1:2" x14ac:dyDescent="0.3">
      <c r="A1557" s="11"/>
      <c r="B1557" s="8"/>
    </row>
    <row r="1558" spans="1:2" x14ac:dyDescent="0.3">
      <c r="A1558" s="11"/>
      <c r="B1558" s="8"/>
    </row>
    <row r="1559" spans="1:2" x14ac:dyDescent="0.3">
      <c r="A1559" s="11"/>
      <c r="B1559" s="8"/>
    </row>
    <row r="1560" spans="1:2" x14ac:dyDescent="0.3">
      <c r="A1560" s="11"/>
      <c r="B1560" s="8"/>
    </row>
    <row r="1561" spans="1:2" x14ac:dyDescent="0.3">
      <c r="A1561" s="11"/>
      <c r="B1561" s="8"/>
    </row>
    <row r="1562" spans="1:2" x14ac:dyDescent="0.3">
      <c r="A1562" s="11"/>
      <c r="B1562" s="8"/>
    </row>
    <row r="1563" spans="1:2" x14ac:dyDescent="0.3">
      <c r="A1563" s="11"/>
      <c r="B1563" s="8"/>
    </row>
    <row r="1564" spans="1:2" x14ac:dyDescent="0.3">
      <c r="A1564" s="11"/>
      <c r="B1564" s="8"/>
    </row>
    <row r="1565" spans="1:2" x14ac:dyDescent="0.3">
      <c r="A1565" s="11"/>
      <c r="B1565" s="8"/>
    </row>
    <row r="1566" spans="1:2" x14ac:dyDescent="0.3">
      <c r="A1566" s="11"/>
      <c r="B1566" s="8"/>
    </row>
    <row r="1567" spans="1:2" x14ac:dyDescent="0.3">
      <c r="A1567" s="11"/>
      <c r="B1567" s="8"/>
    </row>
    <row r="1568" spans="1:2" x14ac:dyDescent="0.3">
      <c r="A1568" s="11"/>
      <c r="B1568" s="8"/>
    </row>
    <row r="1569" spans="1:2" x14ac:dyDescent="0.3">
      <c r="A1569" s="11"/>
      <c r="B1569" s="8"/>
    </row>
    <row r="1570" spans="1:2" x14ac:dyDescent="0.3">
      <c r="A1570" s="11"/>
      <c r="B1570" s="8"/>
    </row>
    <row r="1571" spans="1:2" x14ac:dyDescent="0.3">
      <c r="A1571" s="11"/>
      <c r="B1571" s="8"/>
    </row>
    <row r="1572" spans="1:2" x14ac:dyDescent="0.3">
      <c r="A1572" s="11"/>
      <c r="B1572" s="8"/>
    </row>
    <row r="1573" spans="1:2" x14ac:dyDescent="0.3">
      <c r="A1573" s="11"/>
      <c r="B1573" s="8"/>
    </row>
    <row r="1574" spans="1:2" x14ac:dyDescent="0.3">
      <c r="A1574" s="11"/>
      <c r="B1574" s="8"/>
    </row>
    <row r="1575" spans="1:2" x14ac:dyDescent="0.3">
      <c r="A1575" s="11"/>
      <c r="B1575" s="8"/>
    </row>
    <row r="1576" spans="1:2" x14ac:dyDescent="0.3">
      <c r="A1576" s="11"/>
      <c r="B1576" s="8"/>
    </row>
    <row r="1577" spans="1:2" x14ac:dyDescent="0.3">
      <c r="A1577" s="11"/>
      <c r="B1577" s="8"/>
    </row>
    <row r="1578" spans="1:2" x14ac:dyDescent="0.3">
      <c r="A1578" s="11"/>
      <c r="B1578" s="8"/>
    </row>
    <row r="1579" spans="1:2" x14ac:dyDescent="0.3">
      <c r="A1579" s="11"/>
      <c r="B1579" s="8"/>
    </row>
    <row r="1580" spans="1:2" x14ac:dyDescent="0.3">
      <c r="A1580" s="11"/>
      <c r="B1580" s="8"/>
    </row>
    <row r="1581" spans="1:2" x14ac:dyDescent="0.3">
      <c r="A1581" s="11"/>
      <c r="B1581" s="8"/>
    </row>
    <row r="1582" spans="1:2" x14ac:dyDescent="0.3">
      <c r="A1582" s="11"/>
      <c r="B1582" s="8"/>
    </row>
    <row r="1583" spans="1:2" x14ac:dyDescent="0.3">
      <c r="A1583" s="11"/>
      <c r="B1583" s="8"/>
    </row>
    <row r="1584" spans="1:2" x14ac:dyDescent="0.3">
      <c r="A1584" s="11"/>
      <c r="B1584" s="8"/>
    </row>
    <row r="1585" spans="1:2" x14ac:dyDescent="0.3">
      <c r="A1585" s="11"/>
      <c r="B1585" s="8"/>
    </row>
    <row r="1586" spans="1:2" x14ac:dyDescent="0.3">
      <c r="A1586" s="11"/>
      <c r="B1586" s="8"/>
    </row>
    <row r="1587" spans="1:2" x14ac:dyDescent="0.3">
      <c r="A1587" s="11"/>
      <c r="B1587" s="8"/>
    </row>
    <row r="1588" spans="1:2" x14ac:dyDescent="0.3">
      <c r="A1588" s="11"/>
      <c r="B1588" s="8"/>
    </row>
    <row r="1589" spans="1:2" x14ac:dyDescent="0.3">
      <c r="A1589" s="11"/>
      <c r="B1589" s="8"/>
    </row>
    <row r="1590" spans="1:2" x14ac:dyDescent="0.3">
      <c r="A1590" s="11"/>
      <c r="B1590" s="8"/>
    </row>
    <row r="1591" spans="1:2" x14ac:dyDescent="0.3">
      <c r="A1591" s="11"/>
      <c r="B1591" s="8"/>
    </row>
    <row r="1592" spans="1:2" x14ac:dyDescent="0.3">
      <c r="A1592" s="11"/>
      <c r="B1592" s="8"/>
    </row>
    <row r="1593" spans="1:2" x14ac:dyDescent="0.3">
      <c r="A1593" s="11"/>
      <c r="B1593" s="8"/>
    </row>
    <row r="1594" spans="1:2" x14ac:dyDescent="0.3">
      <c r="A1594" s="11"/>
      <c r="B1594" s="8"/>
    </row>
    <row r="1595" spans="1:2" x14ac:dyDescent="0.3">
      <c r="A1595" s="11"/>
      <c r="B1595" s="8"/>
    </row>
    <row r="1596" spans="1:2" x14ac:dyDescent="0.3">
      <c r="A1596" s="11"/>
      <c r="B1596" s="8"/>
    </row>
    <row r="1597" spans="1:2" x14ac:dyDescent="0.3">
      <c r="A1597" s="11"/>
      <c r="B1597" s="8"/>
    </row>
    <row r="1598" spans="1:2" x14ac:dyDescent="0.3">
      <c r="A1598" s="11"/>
      <c r="B1598" s="8"/>
    </row>
    <row r="1599" spans="1:2" x14ac:dyDescent="0.3">
      <c r="A1599" s="11"/>
      <c r="B1599" s="8"/>
    </row>
    <row r="1600" spans="1:2" x14ac:dyDescent="0.3">
      <c r="A1600" s="11"/>
      <c r="B1600" s="8"/>
    </row>
    <row r="1601" spans="1:2" x14ac:dyDescent="0.3">
      <c r="A1601" s="11"/>
      <c r="B1601" s="8"/>
    </row>
    <row r="1602" spans="1:2" x14ac:dyDescent="0.3">
      <c r="A1602" s="11"/>
      <c r="B1602" s="8"/>
    </row>
    <row r="1603" spans="1:2" x14ac:dyDescent="0.3">
      <c r="A1603" s="11"/>
      <c r="B1603" s="8"/>
    </row>
    <row r="1604" spans="1:2" x14ac:dyDescent="0.3">
      <c r="A1604" s="11"/>
      <c r="B1604" s="8"/>
    </row>
    <row r="1605" spans="1:2" x14ac:dyDescent="0.3">
      <c r="A1605" s="11"/>
      <c r="B1605" s="8"/>
    </row>
    <row r="1606" spans="1:2" x14ac:dyDescent="0.3">
      <c r="A1606" s="11"/>
      <c r="B1606" s="8"/>
    </row>
    <row r="1607" spans="1:2" x14ac:dyDescent="0.3">
      <c r="A1607" s="11"/>
      <c r="B1607" s="8"/>
    </row>
    <row r="1608" spans="1:2" x14ac:dyDescent="0.3">
      <c r="A1608" s="11"/>
      <c r="B1608" s="8"/>
    </row>
    <row r="1609" spans="1:2" x14ac:dyDescent="0.3">
      <c r="A1609" s="11"/>
      <c r="B1609" s="8"/>
    </row>
    <row r="1610" spans="1:2" x14ac:dyDescent="0.3">
      <c r="A1610" s="11"/>
      <c r="B1610" s="8"/>
    </row>
    <row r="1611" spans="1:2" x14ac:dyDescent="0.3">
      <c r="A1611" s="11"/>
      <c r="B1611" s="8"/>
    </row>
    <row r="1612" spans="1:2" x14ac:dyDescent="0.3">
      <c r="A1612" s="11"/>
      <c r="B1612" s="8"/>
    </row>
    <row r="1613" spans="1:2" x14ac:dyDescent="0.3">
      <c r="A1613" s="11"/>
      <c r="B1613" s="8"/>
    </row>
    <row r="1614" spans="1:2" x14ac:dyDescent="0.3">
      <c r="A1614" s="11"/>
      <c r="B1614" s="8"/>
    </row>
    <row r="1615" spans="1:2" x14ac:dyDescent="0.3">
      <c r="A1615" s="11"/>
      <c r="B1615" s="8"/>
    </row>
    <row r="1616" spans="1:2" x14ac:dyDescent="0.3">
      <c r="A1616" s="11"/>
      <c r="B1616" s="8"/>
    </row>
    <row r="1617" spans="1:2" x14ac:dyDescent="0.3">
      <c r="A1617" s="11"/>
      <c r="B1617" s="8"/>
    </row>
    <row r="1618" spans="1:2" x14ac:dyDescent="0.3">
      <c r="A1618" s="11"/>
      <c r="B1618" s="8"/>
    </row>
    <row r="1619" spans="1:2" x14ac:dyDescent="0.3">
      <c r="A1619" s="11"/>
      <c r="B1619" s="8"/>
    </row>
    <row r="1620" spans="1:2" x14ac:dyDescent="0.3">
      <c r="A1620" s="11"/>
      <c r="B1620" s="8"/>
    </row>
    <row r="1621" spans="1:2" x14ac:dyDescent="0.3">
      <c r="A1621" s="11"/>
      <c r="B1621" s="8"/>
    </row>
    <row r="1622" spans="1:2" x14ac:dyDescent="0.3">
      <c r="A1622" s="11"/>
      <c r="B1622" s="8"/>
    </row>
    <row r="1623" spans="1:2" x14ac:dyDescent="0.3">
      <c r="A1623" s="11"/>
      <c r="B1623" s="8"/>
    </row>
    <row r="1624" spans="1:2" x14ac:dyDescent="0.3">
      <c r="A1624" s="11"/>
      <c r="B1624" s="8"/>
    </row>
    <row r="1625" spans="1:2" x14ac:dyDescent="0.3">
      <c r="A1625" s="11"/>
      <c r="B1625" s="8"/>
    </row>
    <row r="1626" spans="1:2" x14ac:dyDescent="0.3">
      <c r="A1626" s="11"/>
      <c r="B1626" s="8"/>
    </row>
    <row r="1627" spans="1:2" x14ac:dyDescent="0.3">
      <c r="A1627" s="11"/>
      <c r="B1627" s="8"/>
    </row>
    <row r="1628" spans="1:2" x14ac:dyDescent="0.3">
      <c r="A1628" s="11"/>
      <c r="B1628" s="8"/>
    </row>
    <row r="1629" spans="1:2" x14ac:dyDescent="0.3">
      <c r="A1629" s="11"/>
      <c r="B1629" s="8"/>
    </row>
    <row r="1630" spans="1:2" x14ac:dyDescent="0.3">
      <c r="A1630" s="11"/>
      <c r="B1630" s="8"/>
    </row>
    <row r="1631" spans="1:2" x14ac:dyDescent="0.3">
      <c r="A1631" s="11"/>
      <c r="B1631" s="8"/>
    </row>
    <row r="1632" spans="1:2" x14ac:dyDescent="0.3">
      <c r="A1632" s="11"/>
      <c r="B1632" s="8"/>
    </row>
    <row r="1633" spans="1:2" x14ac:dyDescent="0.3">
      <c r="A1633" s="11"/>
      <c r="B1633" s="8"/>
    </row>
    <row r="1634" spans="1:2" x14ac:dyDescent="0.3">
      <c r="A1634" s="11"/>
      <c r="B1634" s="8"/>
    </row>
    <row r="1635" spans="1:2" x14ac:dyDescent="0.3">
      <c r="A1635" s="11"/>
      <c r="B1635" s="8"/>
    </row>
    <row r="1636" spans="1:2" x14ac:dyDescent="0.3">
      <c r="A1636" s="11"/>
      <c r="B1636" s="8"/>
    </row>
    <row r="1637" spans="1:2" x14ac:dyDescent="0.3">
      <c r="A1637" s="11"/>
      <c r="B1637" s="8"/>
    </row>
    <row r="1638" spans="1:2" x14ac:dyDescent="0.3">
      <c r="A1638" s="11"/>
      <c r="B1638" s="8"/>
    </row>
    <row r="1639" spans="1:2" x14ac:dyDescent="0.3">
      <c r="A1639" s="11"/>
      <c r="B1639" s="8"/>
    </row>
    <row r="1640" spans="1:2" x14ac:dyDescent="0.3">
      <c r="A1640" s="11"/>
      <c r="B1640" s="8"/>
    </row>
    <row r="1641" spans="1:2" x14ac:dyDescent="0.3">
      <c r="A1641" s="11"/>
      <c r="B1641" s="8"/>
    </row>
    <row r="1642" spans="1:2" x14ac:dyDescent="0.3">
      <c r="A1642" s="11"/>
      <c r="B1642" s="8"/>
    </row>
    <row r="1643" spans="1:2" x14ac:dyDescent="0.3">
      <c r="A1643" s="11"/>
      <c r="B1643" s="8"/>
    </row>
    <row r="1644" spans="1:2" x14ac:dyDescent="0.3">
      <c r="A1644" s="11"/>
      <c r="B1644" s="8"/>
    </row>
    <row r="1645" spans="1:2" x14ac:dyDescent="0.3">
      <c r="A1645" s="11"/>
      <c r="B1645" s="8"/>
    </row>
    <row r="1646" spans="1:2" x14ac:dyDescent="0.3">
      <c r="A1646" s="11"/>
      <c r="B1646" s="8"/>
    </row>
    <row r="1647" spans="1:2" x14ac:dyDescent="0.3">
      <c r="A1647" s="11"/>
      <c r="B1647" s="8"/>
    </row>
    <row r="1648" spans="1:2" x14ac:dyDescent="0.3">
      <c r="A1648" s="11"/>
      <c r="B1648" s="8"/>
    </row>
    <row r="1649" spans="1:2" x14ac:dyDescent="0.3">
      <c r="A1649" s="11"/>
      <c r="B1649" s="8"/>
    </row>
    <row r="1650" spans="1:2" x14ac:dyDescent="0.3">
      <c r="A1650" s="11"/>
      <c r="B1650" s="8"/>
    </row>
    <row r="1651" spans="1:2" x14ac:dyDescent="0.3">
      <c r="A1651" s="11"/>
      <c r="B1651" s="8"/>
    </row>
    <row r="1652" spans="1:2" x14ac:dyDescent="0.3">
      <c r="A1652" s="11"/>
      <c r="B1652" s="8"/>
    </row>
    <row r="1653" spans="1:2" x14ac:dyDescent="0.3">
      <c r="A1653" s="11"/>
      <c r="B1653" s="8"/>
    </row>
    <row r="1654" spans="1:2" x14ac:dyDescent="0.3">
      <c r="A1654" s="11"/>
      <c r="B1654" s="8"/>
    </row>
    <row r="1655" spans="1:2" x14ac:dyDescent="0.3">
      <c r="A1655" s="11"/>
      <c r="B1655" s="8"/>
    </row>
    <row r="1656" spans="1:2" x14ac:dyDescent="0.3">
      <c r="A1656" s="11"/>
      <c r="B1656" s="8"/>
    </row>
    <row r="1657" spans="1:2" x14ac:dyDescent="0.3">
      <c r="A1657" s="11"/>
      <c r="B1657" s="8"/>
    </row>
    <row r="1658" spans="1:2" x14ac:dyDescent="0.3">
      <c r="A1658" s="11"/>
      <c r="B1658" s="8"/>
    </row>
    <row r="1659" spans="1:2" x14ac:dyDescent="0.3">
      <c r="A1659" s="11"/>
      <c r="B1659" s="8"/>
    </row>
    <row r="1660" spans="1:2" x14ac:dyDescent="0.3">
      <c r="A1660" s="11"/>
      <c r="B1660" s="8"/>
    </row>
    <row r="1661" spans="1:2" x14ac:dyDescent="0.3">
      <c r="A1661" s="11"/>
      <c r="B1661" s="8"/>
    </row>
    <row r="1662" spans="1:2" x14ac:dyDescent="0.3">
      <c r="A1662" s="11"/>
      <c r="B1662" s="8"/>
    </row>
    <row r="1663" spans="1:2" x14ac:dyDescent="0.3">
      <c r="A1663" s="11"/>
      <c r="B1663" s="8"/>
    </row>
    <row r="1664" spans="1:2" x14ac:dyDescent="0.3">
      <c r="A1664" s="11"/>
      <c r="B1664" s="8"/>
    </row>
    <row r="1665" spans="1:2" x14ac:dyDescent="0.3">
      <c r="A1665" s="11"/>
      <c r="B1665" s="8"/>
    </row>
    <row r="1666" spans="1:2" x14ac:dyDescent="0.3">
      <c r="A1666" s="11"/>
      <c r="B1666" s="8"/>
    </row>
    <row r="1667" spans="1:2" x14ac:dyDescent="0.3">
      <c r="A1667" s="11"/>
      <c r="B1667" s="8"/>
    </row>
    <row r="1668" spans="1:2" x14ac:dyDescent="0.3">
      <c r="A1668" s="11"/>
      <c r="B1668" s="8"/>
    </row>
    <row r="1669" spans="1:2" x14ac:dyDescent="0.3">
      <c r="A1669" s="11"/>
      <c r="B1669" s="8"/>
    </row>
    <row r="1670" spans="1:2" x14ac:dyDescent="0.3">
      <c r="A1670" s="11"/>
      <c r="B1670" s="8"/>
    </row>
    <row r="1671" spans="1:2" x14ac:dyDescent="0.3">
      <c r="A1671" s="11"/>
      <c r="B1671" s="8"/>
    </row>
    <row r="1672" spans="1:2" x14ac:dyDescent="0.3">
      <c r="A1672" s="11"/>
      <c r="B1672" s="8"/>
    </row>
    <row r="1673" spans="1:2" x14ac:dyDescent="0.3">
      <c r="A1673" s="11"/>
      <c r="B1673" s="8"/>
    </row>
    <row r="1674" spans="1:2" x14ac:dyDescent="0.3">
      <c r="A1674" s="11"/>
      <c r="B1674" s="8"/>
    </row>
    <row r="1675" spans="1:2" x14ac:dyDescent="0.3">
      <c r="A1675" s="11"/>
      <c r="B1675" s="8"/>
    </row>
    <row r="1676" spans="1:2" x14ac:dyDescent="0.3">
      <c r="A1676" s="11"/>
      <c r="B1676" s="8"/>
    </row>
    <row r="1677" spans="1:2" x14ac:dyDescent="0.3">
      <c r="A1677" s="11"/>
      <c r="B1677" s="8"/>
    </row>
    <row r="1678" spans="1:2" x14ac:dyDescent="0.3">
      <c r="A1678" s="11"/>
      <c r="B1678" s="8"/>
    </row>
    <row r="1679" spans="1:2" x14ac:dyDescent="0.3">
      <c r="A1679" s="11"/>
      <c r="B1679" s="8"/>
    </row>
    <row r="1680" spans="1:2" x14ac:dyDescent="0.3">
      <c r="A1680" s="11"/>
      <c r="B1680" s="8"/>
    </row>
    <row r="1681" spans="1:2" x14ac:dyDescent="0.3">
      <c r="A1681" s="11"/>
      <c r="B1681" s="8"/>
    </row>
    <row r="1682" spans="1:2" x14ac:dyDescent="0.3">
      <c r="A1682" s="11"/>
      <c r="B1682" s="8"/>
    </row>
    <row r="1683" spans="1:2" x14ac:dyDescent="0.3">
      <c r="A1683" s="11"/>
      <c r="B1683" s="8"/>
    </row>
    <row r="1684" spans="1:2" x14ac:dyDescent="0.3">
      <c r="A1684" s="11"/>
      <c r="B1684" s="8"/>
    </row>
    <row r="1685" spans="1:2" x14ac:dyDescent="0.3">
      <c r="A1685" s="11"/>
      <c r="B1685" s="8"/>
    </row>
    <row r="1686" spans="1:2" x14ac:dyDescent="0.3">
      <c r="A1686" s="11"/>
      <c r="B1686" s="8"/>
    </row>
    <row r="1687" spans="1:2" x14ac:dyDescent="0.3">
      <c r="A1687" s="11"/>
      <c r="B1687" s="8"/>
    </row>
    <row r="1688" spans="1:2" x14ac:dyDescent="0.3">
      <c r="A1688" s="11"/>
      <c r="B1688" s="8"/>
    </row>
    <row r="1689" spans="1:2" x14ac:dyDescent="0.3">
      <c r="A1689" s="11"/>
      <c r="B1689" s="8"/>
    </row>
    <row r="1690" spans="1:2" x14ac:dyDescent="0.3">
      <c r="A1690" s="11"/>
      <c r="B1690" s="8"/>
    </row>
    <row r="1691" spans="1:2" x14ac:dyDescent="0.3">
      <c r="A1691" s="11"/>
      <c r="B1691" s="8"/>
    </row>
    <row r="1692" spans="1:2" x14ac:dyDescent="0.3">
      <c r="A1692" s="11"/>
      <c r="B1692" s="8"/>
    </row>
    <row r="1693" spans="1:2" x14ac:dyDescent="0.3">
      <c r="A1693" s="11"/>
      <c r="B1693" s="8"/>
    </row>
    <row r="1694" spans="1:2" x14ac:dyDescent="0.3">
      <c r="A1694" s="11"/>
      <c r="B1694" s="8"/>
    </row>
    <row r="1695" spans="1:2" x14ac:dyDescent="0.3">
      <c r="A1695" s="11"/>
      <c r="B1695" s="8"/>
    </row>
    <row r="1696" spans="1:2" x14ac:dyDescent="0.3">
      <c r="A1696" s="11"/>
      <c r="B1696" s="8"/>
    </row>
    <row r="1697" spans="1:2" x14ac:dyDescent="0.3">
      <c r="A1697" s="11"/>
      <c r="B1697" s="8"/>
    </row>
    <row r="1698" spans="1:2" x14ac:dyDescent="0.3">
      <c r="A1698" s="11"/>
      <c r="B1698" s="8"/>
    </row>
    <row r="1699" spans="1:2" x14ac:dyDescent="0.3">
      <c r="A1699" s="11"/>
      <c r="B1699" s="8"/>
    </row>
    <row r="1700" spans="1:2" x14ac:dyDescent="0.3">
      <c r="A1700" s="11"/>
      <c r="B1700" s="8"/>
    </row>
    <row r="1701" spans="1:2" x14ac:dyDescent="0.3">
      <c r="A1701" s="11"/>
      <c r="B1701" s="8"/>
    </row>
    <row r="1702" spans="1:2" x14ac:dyDescent="0.3">
      <c r="A1702" s="11"/>
      <c r="B1702" s="8"/>
    </row>
    <row r="1703" spans="1:2" x14ac:dyDescent="0.3">
      <c r="A1703" s="11"/>
      <c r="B1703" s="8"/>
    </row>
    <row r="1704" spans="1:2" x14ac:dyDescent="0.3">
      <c r="A1704" s="11"/>
      <c r="B1704" s="8"/>
    </row>
    <row r="1705" spans="1:2" x14ac:dyDescent="0.3">
      <c r="A1705" s="11"/>
      <c r="B1705" s="8"/>
    </row>
    <row r="1706" spans="1:2" x14ac:dyDescent="0.3">
      <c r="A1706" s="11"/>
      <c r="B1706" s="8"/>
    </row>
    <row r="1707" spans="1:2" x14ac:dyDescent="0.3">
      <c r="A1707" s="11"/>
      <c r="B1707" s="8"/>
    </row>
    <row r="1708" spans="1:2" x14ac:dyDescent="0.3">
      <c r="A1708" s="11"/>
      <c r="B1708" s="8"/>
    </row>
    <row r="1709" spans="1:2" x14ac:dyDescent="0.3">
      <c r="A1709" s="11"/>
      <c r="B1709" s="8"/>
    </row>
    <row r="1710" spans="1:2" x14ac:dyDescent="0.3">
      <c r="A1710" s="11"/>
      <c r="B1710" s="8"/>
    </row>
    <row r="1711" spans="1:2" x14ac:dyDescent="0.3">
      <c r="A1711" s="11"/>
      <c r="B1711" s="8"/>
    </row>
    <row r="1712" spans="1:2" x14ac:dyDescent="0.3">
      <c r="A1712" s="11"/>
      <c r="B1712" s="8"/>
    </row>
    <row r="1713" spans="1:2" x14ac:dyDescent="0.3">
      <c r="A1713" s="11"/>
      <c r="B1713" s="8"/>
    </row>
    <row r="1714" spans="1:2" x14ac:dyDescent="0.3">
      <c r="A1714" s="11"/>
      <c r="B1714" s="8"/>
    </row>
    <row r="1715" spans="1:2" x14ac:dyDescent="0.3">
      <c r="A1715" s="11"/>
      <c r="B1715" s="8"/>
    </row>
    <row r="1716" spans="1:2" x14ac:dyDescent="0.3">
      <c r="A1716" s="11"/>
      <c r="B1716" s="8"/>
    </row>
    <row r="1717" spans="1:2" x14ac:dyDescent="0.3">
      <c r="A1717" s="11"/>
      <c r="B1717" s="8"/>
    </row>
    <row r="1718" spans="1:2" x14ac:dyDescent="0.3">
      <c r="A1718" s="11"/>
      <c r="B1718" s="8"/>
    </row>
    <row r="1719" spans="1:2" x14ac:dyDescent="0.3">
      <c r="A1719" s="11"/>
      <c r="B1719" s="8"/>
    </row>
    <row r="1720" spans="1:2" x14ac:dyDescent="0.3">
      <c r="A1720" s="11"/>
      <c r="B1720" s="8"/>
    </row>
    <row r="1721" spans="1:2" x14ac:dyDescent="0.3">
      <c r="A1721" s="11"/>
      <c r="B1721" s="8"/>
    </row>
    <row r="1722" spans="1:2" x14ac:dyDescent="0.3">
      <c r="A1722" s="11"/>
      <c r="B1722" s="8"/>
    </row>
    <row r="1723" spans="1:2" x14ac:dyDescent="0.3">
      <c r="A1723" s="11"/>
      <c r="B1723" s="8"/>
    </row>
    <row r="1724" spans="1:2" x14ac:dyDescent="0.3">
      <c r="A1724" s="11"/>
      <c r="B1724" s="8"/>
    </row>
    <row r="1725" spans="1:2" x14ac:dyDescent="0.3">
      <c r="A1725" s="11"/>
      <c r="B1725" s="8"/>
    </row>
    <row r="1726" spans="1:2" x14ac:dyDescent="0.3">
      <c r="A1726" s="11"/>
      <c r="B1726" s="8"/>
    </row>
    <row r="1727" spans="1:2" x14ac:dyDescent="0.3">
      <c r="A1727" s="11"/>
      <c r="B1727" s="8"/>
    </row>
    <row r="1728" spans="1:2" x14ac:dyDescent="0.3">
      <c r="A1728" s="11"/>
      <c r="B1728" s="8"/>
    </row>
    <row r="1729" spans="1:2" x14ac:dyDescent="0.3">
      <c r="A1729" s="11"/>
      <c r="B1729" s="8"/>
    </row>
    <row r="1730" spans="1:2" x14ac:dyDescent="0.3">
      <c r="A1730" s="11"/>
      <c r="B1730" s="8"/>
    </row>
    <row r="1731" spans="1:2" x14ac:dyDescent="0.3">
      <c r="A1731" s="11"/>
      <c r="B1731" s="8"/>
    </row>
    <row r="1732" spans="1:2" x14ac:dyDescent="0.3">
      <c r="A1732" s="11"/>
      <c r="B1732" s="8"/>
    </row>
    <row r="1733" spans="1:2" x14ac:dyDescent="0.3">
      <c r="A1733" s="11"/>
      <c r="B1733" s="8"/>
    </row>
    <row r="1734" spans="1:2" x14ac:dyDescent="0.3">
      <c r="A1734" s="11"/>
      <c r="B1734" s="8"/>
    </row>
    <row r="1735" spans="1:2" x14ac:dyDescent="0.3">
      <c r="A1735" s="11"/>
      <c r="B1735" s="8"/>
    </row>
    <row r="1736" spans="1:2" x14ac:dyDescent="0.3">
      <c r="A1736" s="11"/>
      <c r="B1736" s="8"/>
    </row>
    <row r="1737" spans="1:2" x14ac:dyDescent="0.3">
      <c r="A1737" s="11"/>
      <c r="B1737" s="8"/>
    </row>
    <row r="1738" spans="1:2" x14ac:dyDescent="0.3">
      <c r="A1738" s="11"/>
      <c r="B1738" s="8"/>
    </row>
    <row r="1739" spans="1:2" x14ac:dyDescent="0.3">
      <c r="A1739" s="11"/>
      <c r="B1739" s="8"/>
    </row>
    <row r="1740" spans="1:2" x14ac:dyDescent="0.3">
      <c r="A1740" s="11"/>
      <c r="B1740" s="8"/>
    </row>
    <row r="1741" spans="1:2" x14ac:dyDescent="0.3">
      <c r="A1741" s="11"/>
      <c r="B1741" s="8"/>
    </row>
    <row r="1742" spans="1:2" x14ac:dyDescent="0.3">
      <c r="A1742" s="11"/>
      <c r="B1742" s="8"/>
    </row>
    <row r="1743" spans="1:2" x14ac:dyDescent="0.3">
      <c r="A1743" s="11"/>
      <c r="B1743" s="8"/>
    </row>
    <row r="1744" spans="1:2" x14ac:dyDescent="0.3">
      <c r="A1744" s="11"/>
      <c r="B1744" s="8"/>
    </row>
    <row r="1745" spans="1:2" x14ac:dyDescent="0.3">
      <c r="A1745" s="11"/>
      <c r="B1745" s="8"/>
    </row>
    <row r="1746" spans="1:2" x14ac:dyDescent="0.3">
      <c r="A1746" s="11"/>
      <c r="B1746" s="8"/>
    </row>
    <row r="1747" spans="1:2" x14ac:dyDescent="0.3">
      <c r="A1747" s="11"/>
      <c r="B1747" s="8"/>
    </row>
    <row r="1748" spans="1:2" x14ac:dyDescent="0.3">
      <c r="A1748" s="11"/>
      <c r="B1748" s="8"/>
    </row>
    <row r="1749" spans="1:2" x14ac:dyDescent="0.3">
      <c r="A1749" s="11"/>
      <c r="B1749" s="8"/>
    </row>
    <row r="1750" spans="1:2" x14ac:dyDescent="0.3">
      <c r="A1750" s="11"/>
      <c r="B1750" s="8"/>
    </row>
    <row r="1751" spans="1:2" x14ac:dyDescent="0.3">
      <c r="A1751" s="11"/>
      <c r="B1751" s="8"/>
    </row>
    <row r="1752" spans="1:2" x14ac:dyDescent="0.3">
      <c r="A1752" s="11"/>
      <c r="B1752" s="8"/>
    </row>
    <row r="1753" spans="1:2" x14ac:dyDescent="0.3">
      <c r="A1753" s="11"/>
      <c r="B1753" s="8"/>
    </row>
    <row r="1754" spans="1:2" x14ac:dyDescent="0.3">
      <c r="A1754" s="11"/>
      <c r="B1754" s="8"/>
    </row>
    <row r="1755" spans="1:2" x14ac:dyDescent="0.3">
      <c r="A1755" s="11"/>
      <c r="B1755" s="8"/>
    </row>
    <row r="1756" spans="1:2" x14ac:dyDescent="0.3">
      <c r="A1756" s="11"/>
      <c r="B1756" s="8"/>
    </row>
    <row r="1757" spans="1:2" x14ac:dyDescent="0.3">
      <c r="A1757" s="11"/>
      <c r="B1757" s="8"/>
    </row>
    <row r="1758" spans="1:2" x14ac:dyDescent="0.3">
      <c r="A1758" s="11"/>
      <c r="B1758" s="8"/>
    </row>
    <row r="1759" spans="1:2" x14ac:dyDescent="0.3">
      <c r="A1759" s="11"/>
      <c r="B1759" s="8"/>
    </row>
    <row r="1760" spans="1:2" x14ac:dyDescent="0.3">
      <c r="A1760" s="11"/>
      <c r="B1760" s="8"/>
    </row>
    <row r="1761" spans="1:2" x14ac:dyDescent="0.3">
      <c r="A1761" s="11"/>
      <c r="B1761" s="8"/>
    </row>
    <row r="1762" spans="1:2" x14ac:dyDescent="0.3">
      <c r="A1762" s="11"/>
      <c r="B1762" s="8"/>
    </row>
    <row r="1763" spans="1:2" x14ac:dyDescent="0.3">
      <c r="A1763" s="11"/>
      <c r="B1763" s="8"/>
    </row>
    <row r="1764" spans="1:2" x14ac:dyDescent="0.3">
      <c r="A1764" s="11"/>
      <c r="B1764" s="8"/>
    </row>
    <row r="1765" spans="1:2" x14ac:dyDescent="0.3">
      <c r="A1765" s="11"/>
      <c r="B1765" s="8"/>
    </row>
    <row r="1766" spans="1:2" x14ac:dyDescent="0.3">
      <c r="A1766" s="11"/>
      <c r="B1766" s="8"/>
    </row>
    <row r="1767" spans="1:2" x14ac:dyDescent="0.3">
      <c r="A1767" s="11"/>
      <c r="B1767" s="8"/>
    </row>
    <row r="1768" spans="1:2" x14ac:dyDescent="0.3">
      <c r="A1768" s="11"/>
      <c r="B1768" s="8"/>
    </row>
    <row r="1769" spans="1:2" x14ac:dyDescent="0.3">
      <c r="A1769" s="11"/>
      <c r="B1769" s="8"/>
    </row>
    <row r="1770" spans="1:2" x14ac:dyDescent="0.3">
      <c r="A1770" s="11"/>
      <c r="B1770" s="8"/>
    </row>
    <row r="1771" spans="1:2" x14ac:dyDescent="0.3">
      <c r="A1771" s="11"/>
      <c r="B1771" s="8"/>
    </row>
    <row r="1772" spans="1:2" x14ac:dyDescent="0.3">
      <c r="A1772" s="11"/>
      <c r="B1772" s="8"/>
    </row>
    <row r="1773" spans="1:2" x14ac:dyDescent="0.3">
      <c r="A1773" s="11"/>
      <c r="B1773" s="8"/>
    </row>
    <row r="1774" spans="1:2" x14ac:dyDescent="0.3">
      <c r="A1774" s="11"/>
      <c r="B1774" s="8"/>
    </row>
    <row r="1775" spans="1:2" x14ac:dyDescent="0.3">
      <c r="A1775" s="11"/>
      <c r="B1775" s="8"/>
    </row>
    <row r="1776" spans="1:2" x14ac:dyDescent="0.3">
      <c r="A1776" s="11"/>
      <c r="B1776" s="8"/>
    </row>
    <row r="1777" spans="1:2" x14ac:dyDescent="0.3">
      <c r="A1777" s="11"/>
      <c r="B1777" s="8"/>
    </row>
    <row r="1778" spans="1:2" x14ac:dyDescent="0.3">
      <c r="A1778" s="11"/>
      <c r="B1778" s="8"/>
    </row>
    <row r="1779" spans="1:2" x14ac:dyDescent="0.3">
      <c r="A1779" s="11"/>
      <c r="B1779" s="8"/>
    </row>
    <row r="1780" spans="1:2" x14ac:dyDescent="0.3">
      <c r="A1780" s="11"/>
      <c r="B1780" s="8"/>
    </row>
    <row r="1781" spans="1:2" x14ac:dyDescent="0.3">
      <c r="A1781" s="11"/>
      <c r="B1781" s="8"/>
    </row>
    <row r="1782" spans="1:2" x14ac:dyDescent="0.3">
      <c r="A1782" s="11"/>
      <c r="B1782" s="8"/>
    </row>
    <row r="1783" spans="1:2" x14ac:dyDescent="0.3">
      <c r="A1783" s="11"/>
      <c r="B1783" s="8"/>
    </row>
    <row r="1784" spans="1:2" x14ac:dyDescent="0.3">
      <c r="A1784" s="11"/>
      <c r="B1784" s="8"/>
    </row>
    <row r="1785" spans="1:2" x14ac:dyDescent="0.3">
      <c r="A1785" s="11"/>
      <c r="B1785" s="8"/>
    </row>
    <row r="1786" spans="1:2" x14ac:dyDescent="0.3">
      <c r="A1786" s="11"/>
      <c r="B1786" s="8"/>
    </row>
    <row r="1787" spans="1:2" x14ac:dyDescent="0.3">
      <c r="A1787" s="11"/>
      <c r="B1787" s="8"/>
    </row>
    <row r="1788" spans="1:2" x14ac:dyDescent="0.3">
      <c r="A1788" s="11"/>
      <c r="B1788" s="8"/>
    </row>
    <row r="1789" spans="1:2" x14ac:dyDescent="0.3">
      <c r="A1789" s="11"/>
      <c r="B1789" s="8"/>
    </row>
    <row r="1790" spans="1:2" x14ac:dyDescent="0.3">
      <c r="A1790" s="11"/>
      <c r="B1790" s="8"/>
    </row>
    <row r="1791" spans="1:2" x14ac:dyDescent="0.3">
      <c r="A1791" s="11"/>
      <c r="B1791" s="8"/>
    </row>
    <row r="1792" spans="1:2" x14ac:dyDescent="0.3">
      <c r="A1792" s="11"/>
      <c r="B1792" s="8"/>
    </row>
    <row r="1793" spans="1:2" x14ac:dyDescent="0.3">
      <c r="A1793" s="11"/>
      <c r="B1793" s="8"/>
    </row>
    <row r="1794" spans="1:2" x14ac:dyDescent="0.3">
      <c r="A1794" s="11"/>
      <c r="B1794" s="8"/>
    </row>
    <row r="1795" spans="1:2" x14ac:dyDescent="0.3">
      <c r="A1795" s="11"/>
      <c r="B1795" s="8"/>
    </row>
    <row r="1796" spans="1:2" x14ac:dyDescent="0.3">
      <c r="A1796" s="11"/>
      <c r="B1796" s="8"/>
    </row>
    <row r="1797" spans="1:2" x14ac:dyDescent="0.3">
      <c r="A1797" s="11"/>
      <c r="B1797" s="8"/>
    </row>
    <row r="1798" spans="1:2" x14ac:dyDescent="0.3">
      <c r="A1798" s="11"/>
      <c r="B1798" s="8"/>
    </row>
    <row r="1799" spans="1:2" x14ac:dyDescent="0.3">
      <c r="A1799" s="11"/>
      <c r="B1799" s="8"/>
    </row>
    <row r="1800" spans="1:2" x14ac:dyDescent="0.3">
      <c r="A1800" s="11"/>
      <c r="B1800" s="8"/>
    </row>
    <row r="1801" spans="1:2" x14ac:dyDescent="0.3">
      <c r="A1801" s="11"/>
      <c r="B1801" s="8"/>
    </row>
    <row r="1802" spans="1:2" x14ac:dyDescent="0.3">
      <c r="A1802" s="11"/>
      <c r="B1802" s="8"/>
    </row>
    <row r="1803" spans="1:2" x14ac:dyDescent="0.3">
      <c r="A1803" s="11"/>
      <c r="B1803" s="8"/>
    </row>
    <row r="1804" spans="1:2" x14ac:dyDescent="0.3">
      <c r="A1804" s="11"/>
      <c r="B1804" s="8"/>
    </row>
    <row r="1805" spans="1:2" x14ac:dyDescent="0.3">
      <c r="A1805" s="11"/>
      <c r="B1805" s="8"/>
    </row>
    <row r="1806" spans="1:2" x14ac:dyDescent="0.3">
      <c r="A1806" s="11"/>
      <c r="B1806" s="8"/>
    </row>
    <row r="1807" spans="1:2" x14ac:dyDescent="0.3">
      <c r="A1807" s="11"/>
      <c r="B1807" s="8"/>
    </row>
    <row r="1808" spans="1:2" x14ac:dyDescent="0.3">
      <c r="A1808" s="11"/>
      <c r="B1808" s="8"/>
    </row>
    <row r="1809" spans="1:2" x14ac:dyDescent="0.3">
      <c r="A1809" s="11"/>
      <c r="B1809" s="8"/>
    </row>
    <row r="1810" spans="1:2" x14ac:dyDescent="0.3">
      <c r="A1810" s="11"/>
      <c r="B1810" s="8"/>
    </row>
    <row r="1811" spans="1:2" x14ac:dyDescent="0.3">
      <c r="A1811" s="11"/>
      <c r="B1811" s="8"/>
    </row>
    <row r="1812" spans="1:2" x14ac:dyDescent="0.3">
      <c r="A1812" s="11"/>
      <c r="B1812" s="8"/>
    </row>
    <row r="1813" spans="1:2" x14ac:dyDescent="0.3">
      <c r="A1813" s="11"/>
      <c r="B1813" s="8"/>
    </row>
    <row r="1814" spans="1:2" x14ac:dyDescent="0.3">
      <c r="A1814" s="11"/>
      <c r="B1814" s="8"/>
    </row>
    <row r="1815" spans="1:2" x14ac:dyDescent="0.3">
      <c r="A1815" s="11"/>
      <c r="B1815" s="8"/>
    </row>
    <row r="1816" spans="1:2" x14ac:dyDescent="0.3">
      <c r="A1816" s="11"/>
      <c r="B1816" s="8"/>
    </row>
    <row r="1817" spans="1:2" x14ac:dyDescent="0.3">
      <c r="A1817" s="11"/>
      <c r="B1817" s="8"/>
    </row>
    <row r="1818" spans="1:2" x14ac:dyDescent="0.3">
      <c r="A1818" s="11"/>
      <c r="B1818" s="8"/>
    </row>
    <row r="1819" spans="1:2" x14ac:dyDescent="0.3">
      <c r="A1819" s="11"/>
      <c r="B1819" s="8"/>
    </row>
    <row r="1820" spans="1:2" x14ac:dyDescent="0.3">
      <c r="A1820" s="11"/>
      <c r="B1820" s="8"/>
    </row>
    <row r="1821" spans="1:2" x14ac:dyDescent="0.3">
      <c r="A1821" s="11"/>
      <c r="B1821" s="8"/>
    </row>
    <row r="1822" spans="1:2" x14ac:dyDescent="0.3">
      <c r="A1822" s="11"/>
      <c r="B1822" s="8"/>
    </row>
    <row r="1823" spans="1:2" x14ac:dyDescent="0.3">
      <c r="A1823" s="11"/>
      <c r="B1823" s="8"/>
    </row>
    <row r="1824" spans="1:2" x14ac:dyDescent="0.3">
      <c r="A1824" s="11"/>
      <c r="B1824" s="8"/>
    </row>
    <row r="1825" spans="1:2" x14ac:dyDescent="0.3">
      <c r="A1825" s="11"/>
      <c r="B1825" s="8"/>
    </row>
    <row r="1826" spans="1:2" x14ac:dyDescent="0.3">
      <c r="A1826" s="11"/>
      <c r="B1826" s="8"/>
    </row>
    <row r="1827" spans="1:2" x14ac:dyDescent="0.3">
      <c r="A1827" s="11"/>
      <c r="B1827" s="8"/>
    </row>
    <row r="1828" spans="1:2" x14ac:dyDescent="0.3">
      <c r="A1828" s="11"/>
      <c r="B1828" s="8"/>
    </row>
    <row r="1829" spans="1:2" x14ac:dyDescent="0.3">
      <c r="A1829" s="11"/>
      <c r="B1829" s="8"/>
    </row>
    <row r="1830" spans="1:2" x14ac:dyDescent="0.3">
      <c r="A1830" s="11"/>
      <c r="B1830" s="8"/>
    </row>
    <row r="1831" spans="1:2" x14ac:dyDescent="0.3">
      <c r="A1831" s="11"/>
      <c r="B1831" s="8"/>
    </row>
    <row r="1832" spans="1:2" x14ac:dyDescent="0.3">
      <c r="A1832" s="11"/>
      <c r="B1832" s="8"/>
    </row>
    <row r="1833" spans="1:2" x14ac:dyDescent="0.3">
      <c r="A1833" s="11"/>
      <c r="B1833" s="8"/>
    </row>
    <row r="1834" spans="1:2" x14ac:dyDescent="0.3">
      <c r="A1834" s="11"/>
      <c r="B1834" s="8"/>
    </row>
    <row r="1835" spans="1:2" x14ac:dyDescent="0.3">
      <c r="A1835" s="11"/>
      <c r="B1835" s="8"/>
    </row>
    <row r="1836" spans="1:2" x14ac:dyDescent="0.3">
      <c r="A1836" s="11"/>
      <c r="B1836" s="8"/>
    </row>
    <row r="1837" spans="1:2" x14ac:dyDescent="0.3">
      <c r="A1837" s="11"/>
      <c r="B1837" s="8"/>
    </row>
    <row r="1838" spans="1:2" x14ac:dyDescent="0.3">
      <c r="A1838" s="11"/>
      <c r="B1838" s="8"/>
    </row>
    <row r="1839" spans="1:2" x14ac:dyDescent="0.3">
      <c r="A1839" s="11"/>
      <c r="B1839" s="8"/>
    </row>
    <row r="1840" spans="1:2" x14ac:dyDescent="0.3">
      <c r="A1840" s="11"/>
      <c r="B1840" s="8"/>
    </row>
    <row r="1841" spans="1:2" x14ac:dyDescent="0.3">
      <c r="A1841" s="11"/>
      <c r="B1841" s="8"/>
    </row>
    <row r="1842" spans="1:2" x14ac:dyDescent="0.3">
      <c r="A1842" s="11"/>
      <c r="B1842" s="8"/>
    </row>
    <row r="1843" spans="1:2" x14ac:dyDescent="0.3">
      <c r="A1843" s="11"/>
      <c r="B1843" s="8"/>
    </row>
    <row r="1844" spans="1:2" x14ac:dyDescent="0.3">
      <c r="A1844" s="11"/>
      <c r="B1844" s="8"/>
    </row>
    <row r="1845" spans="1:2" x14ac:dyDescent="0.3">
      <c r="A1845" s="11"/>
      <c r="B1845" s="8"/>
    </row>
    <row r="1846" spans="1:2" x14ac:dyDescent="0.3">
      <c r="A1846" s="11"/>
      <c r="B1846" s="8"/>
    </row>
    <row r="1847" spans="1:2" x14ac:dyDescent="0.3">
      <c r="A1847" s="11"/>
      <c r="B1847" s="8"/>
    </row>
    <row r="1848" spans="1:2" x14ac:dyDescent="0.3">
      <c r="A1848" s="11"/>
      <c r="B1848" s="8"/>
    </row>
    <row r="1849" spans="1:2" x14ac:dyDescent="0.3">
      <c r="A1849" s="11"/>
      <c r="B1849" s="8"/>
    </row>
    <row r="1850" spans="1:2" x14ac:dyDescent="0.3">
      <c r="A1850" s="11"/>
      <c r="B1850" s="8"/>
    </row>
    <row r="1851" spans="1:2" x14ac:dyDescent="0.3">
      <c r="A1851" s="11"/>
      <c r="B1851" s="8"/>
    </row>
    <row r="1852" spans="1:2" x14ac:dyDescent="0.3">
      <c r="A1852" s="11"/>
      <c r="B1852" s="8"/>
    </row>
    <row r="1853" spans="1:2" x14ac:dyDescent="0.3">
      <c r="A1853" s="11"/>
      <c r="B1853" s="8"/>
    </row>
    <row r="1854" spans="1:2" x14ac:dyDescent="0.3">
      <c r="A1854" s="11"/>
      <c r="B1854" s="8"/>
    </row>
    <row r="1855" spans="1:2" x14ac:dyDescent="0.3">
      <c r="A1855" s="11"/>
      <c r="B1855" s="8"/>
    </row>
    <row r="1856" spans="1:2" x14ac:dyDescent="0.3">
      <c r="A1856" s="11"/>
      <c r="B1856" s="8"/>
    </row>
    <row r="1857" spans="1:2" x14ac:dyDescent="0.3">
      <c r="A1857" s="11"/>
      <c r="B1857" s="8"/>
    </row>
    <row r="1858" spans="1:2" x14ac:dyDescent="0.3">
      <c r="A1858" s="11"/>
      <c r="B1858" s="8"/>
    </row>
    <row r="1859" spans="1:2" x14ac:dyDescent="0.3">
      <c r="A1859" s="11"/>
      <c r="B1859" s="8"/>
    </row>
    <row r="1860" spans="1:2" x14ac:dyDescent="0.3">
      <c r="A1860" s="11"/>
      <c r="B1860" s="8"/>
    </row>
    <row r="1861" spans="1:2" x14ac:dyDescent="0.3">
      <c r="A1861" s="11"/>
      <c r="B1861" s="8"/>
    </row>
    <row r="1862" spans="1:2" x14ac:dyDescent="0.3">
      <c r="A1862" s="11"/>
      <c r="B1862" s="8"/>
    </row>
    <row r="1863" spans="1:2" x14ac:dyDescent="0.3">
      <c r="A1863" s="11"/>
      <c r="B1863" s="8"/>
    </row>
    <row r="1864" spans="1:2" x14ac:dyDescent="0.3">
      <c r="A1864" s="11"/>
      <c r="B1864" s="8"/>
    </row>
    <row r="1865" spans="1:2" x14ac:dyDescent="0.3">
      <c r="A1865" s="11"/>
      <c r="B1865" s="8"/>
    </row>
    <row r="1866" spans="1:2" x14ac:dyDescent="0.3">
      <c r="A1866" s="11"/>
      <c r="B1866" s="8"/>
    </row>
    <row r="1867" spans="1:2" x14ac:dyDescent="0.3">
      <c r="A1867" s="11"/>
      <c r="B1867" s="8"/>
    </row>
    <row r="1868" spans="1:2" x14ac:dyDescent="0.3">
      <c r="A1868" s="11"/>
      <c r="B1868" s="8"/>
    </row>
    <row r="1869" spans="1:2" x14ac:dyDescent="0.3">
      <c r="A1869" s="11"/>
      <c r="B1869" s="8"/>
    </row>
    <row r="1870" spans="1:2" x14ac:dyDescent="0.3">
      <c r="A1870" s="11"/>
      <c r="B1870" s="8"/>
    </row>
    <row r="1871" spans="1:2" x14ac:dyDescent="0.3">
      <c r="A1871" s="11"/>
      <c r="B1871" s="8"/>
    </row>
    <row r="1872" spans="1:2" x14ac:dyDescent="0.3">
      <c r="A1872" s="11"/>
      <c r="B1872" s="8"/>
    </row>
    <row r="1873" spans="1:2" x14ac:dyDescent="0.3">
      <c r="A1873" s="11"/>
      <c r="B1873" s="8"/>
    </row>
    <row r="1874" spans="1:2" x14ac:dyDescent="0.3">
      <c r="A1874" s="11"/>
      <c r="B1874" s="8"/>
    </row>
    <row r="1875" spans="1:2" x14ac:dyDescent="0.3">
      <c r="A1875" s="11"/>
      <c r="B1875" s="8"/>
    </row>
    <row r="1876" spans="1:2" x14ac:dyDescent="0.3">
      <c r="A1876" s="11"/>
      <c r="B1876" s="8"/>
    </row>
    <row r="1877" spans="1:2" x14ac:dyDescent="0.3">
      <c r="A1877" s="11"/>
      <c r="B1877" s="8"/>
    </row>
    <row r="1878" spans="1:2" x14ac:dyDescent="0.3">
      <c r="A1878" s="11"/>
      <c r="B1878" s="8"/>
    </row>
    <row r="1879" spans="1:2" x14ac:dyDescent="0.3">
      <c r="A1879" s="11"/>
      <c r="B1879" s="8"/>
    </row>
    <row r="1880" spans="1:2" x14ac:dyDescent="0.3">
      <c r="A1880" s="11"/>
      <c r="B1880" s="8"/>
    </row>
    <row r="1881" spans="1:2" x14ac:dyDescent="0.3">
      <c r="A1881" s="11"/>
      <c r="B1881" s="8"/>
    </row>
    <row r="1882" spans="1:2" x14ac:dyDescent="0.3">
      <c r="A1882" s="11"/>
      <c r="B1882" s="8"/>
    </row>
    <row r="1883" spans="1:2" x14ac:dyDescent="0.3">
      <c r="A1883" s="11"/>
      <c r="B1883" s="8"/>
    </row>
    <row r="1884" spans="1:2" x14ac:dyDescent="0.3">
      <c r="A1884" s="11"/>
      <c r="B1884" s="8"/>
    </row>
    <row r="1885" spans="1:2" x14ac:dyDescent="0.3">
      <c r="A1885" s="11"/>
      <c r="B1885" s="8"/>
    </row>
    <row r="1886" spans="1:2" x14ac:dyDescent="0.3">
      <c r="A1886" s="11"/>
      <c r="B1886" s="8"/>
    </row>
    <row r="1887" spans="1:2" x14ac:dyDescent="0.3">
      <c r="A1887" s="11"/>
      <c r="B1887" s="8"/>
    </row>
    <row r="1888" spans="1:2" x14ac:dyDescent="0.3">
      <c r="A1888" s="11"/>
      <c r="B1888" s="8"/>
    </row>
    <row r="1889" spans="1:2" x14ac:dyDescent="0.3">
      <c r="A1889" s="11"/>
      <c r="B1889" s="8"/>
    </row>
    <row r="1890" spans="1:2" x14ac:dyDescent="0.3">
      <c r="A1890" s="11"/>
      <c r="B1890" s="8"/>
    </row>
    <row r="1891" spans="1:2" x14ac:dyDescent="0.3">
      <c r="A1891" s="11"/>
      <c r="B1891" s="8"/>
    </row>
    <row r="1892" spans="1:2" x14ac:dyDescent="0.3">
      <c r="A1892" s="11"/>
      <c r="B1892" s="8"/>
    </row>
    <row r="1893" spans="1:2" x14ac:dyDescent="0.3">
      <c r="A1893" s="11"/>
      <c r="B1893" s="8"/>
    </row>
    <row r="1894" spans="1:2" x14ac:dyDescent="0.3">
      <c r="A1894" s="11"/>
      <c r="B1894" s="8"/>
    </row>
    <row r="1895" spans="1:2" x14ac:dyDescent="0.3">
      <c r="A1895" s="11"/>
      <c r="B1895" s="8"/>
    </row>
    <row r="1896" spans="1:2" x14ac:dyDescent="0.3">
      <c r="A1896" s="11"/>
      <c r="B1896" s="8"/>
    </row>
    <row r="1897" spans="1:2" x14ac:dyDescent="0.3">
      <c r="A1897" s="11"/>
      <c r="B1897" s="8"/>
    </row>
    <row r="1898" spans="1:2" x14ac:dyDescent="0.3">
      <c r="A1898" s="11"/>
      <c r="B1898" s="8"/>
    </row>
    <row r="1899" spans="1:2" x14ac:dyDescent="0.3">
      <c r="A1899" s="11"/>
      <c r="B1899" s="8"/>
    </row>
    <row r="1900" spans="1:2" x14ac:dyDescent="0.3">
      <c r="A1900" s="11"/>
      <c r="B1900" s="8"/>
    </row>
    <row r="1901" spans="1:2" x14ac:dyDescent="0.3">
      <c r="A1901" s="11"/>
      <c r="B1901" s="8"/>
    </row>
    <row r="1902" spans="1:2" x14ac:dyDescent="0.3">
      <c r="A1902" s="11"/>
      <c r="B1902" s="8"/>
    </row>
    <row r="1903" spans="1:2" x14ac:dyDescent="0.3">
      <c r="A1903" s="11"/>
      <c r="B1903" s="8"/>
    </row>
    <row r="1904" spans="1:2" x14ac:dyDescent="0.3">
      <c r="A1904" s="11"/>
      <c r="B1904" s="8"/>
    </row>
    <row r="1905" spans="1:2" x14ac:dyDescent="0.3">
      <c r="A1905" s="11"/>
      <c r="B1905" s="8"/>
    </row>
    <row r="1906" spans="1:2" x14ac:dyDescent="0.3">
      <c r="A1906" s="11"/>
      <c r="B1906" s="8"/>
    </row>
    <row r="1907" spans="1:2" x14ac:dyDescent="0.3">
      <c r="A1907" s="11"/>
      <c r="B1907" s="8"/>
    </row>
    <row r="1908" spans="1:2" x14ac:dyDescent="0.3">
      <c r="A1908" s="11"/>
      <c r="B1908" s="8"/>
    </row>
    <row r="1909" spans="1:2" x14ac:dyDescent="0.3">
      <c r="A1909" s="11"/>
      <c r="B1909" s="8"/>
    </row>
    <row r="1910" spans="1:2" x14ac:dyDescent="0.3">
      <c r="A1910" s="11"/>
      <c r="B1910" s="8"/>
    </row>
    <row r="1911" spans="1:2" x14ac:dyDescent="0.3">
      <c r="A1911" s="11"/>
      <c r="B1911" s="8"/>
    </row>
    <row r="1912" spans="1:2" x14ac:dyDescent="0.3">
      <c r="A1912" s="11"/>
      <c r="B1912" s="8"/>
    </row>
    <row r="1913" spans="1:2" x14ac:dyDescent="0.3">
      <c r="A1913" s="11"/>
      <c r="B1913" s="8"/>
    </row>
    <row r="1914" spans="1:2" x14ac:dyDescent="0.3">
      <c r="A1914" s="11"/>
      <c r="B1914" s="8"/>
    </row>
    <row r="1915" spans="1:2" x14ac:dyDescent="0.3">
      <c r="A1915" s="11"/>
      <c r="B1915" s="8"/>
    </row>
    <row r="1916" spans="1:2" x14ac:dyDescent="0.3">
      <c r="A1916" s="11"/>
      <c r="B1916" s="8"/>
    </row>
    <row r="1917" spans="1:2" x14ac:dyDescent="0.3">
      <c r="A1917" s="11"/>
      <c r="B1917" s="8"/>
    </row>
    <row r="1918" spans="1:2" x14ac:dyDescent="0.3">
      <c r="A1918" s="11"/>
      <c r="B1918" s="8"/>
    </row>
    <row r="1919" spans="1:2" x14ac:dyDescent="0.3">
      <c r="A1919" s="11"/>
      <c r="B1919" s="8"/>
    </row>
    <row r="1920" spans="1:2" x14ac:dyDescent="0.3">
      <c r="A1920" s="11"/>
      <c r="B1920" s="8"/>
    </row>
    <row r="1921" spans="1:2" x14ac:dyDescent="0.3">
      <c r="A1921" s="11"/>
      <c r="B1921" s="8"/>
    </row>
    <row r="1922" spans="1:2" x14ac:dyDescent="0.3">
      <c r="A1922" s="11"/>
      <c r="B1922" s="8"/>
    </row>
    <row r="1923" spans="1:2" x14ac:dyDescent="0.3">
      <c r="A1923" s="11"/>
      <c r="B1923" s="8"/>
    </row>
    <row r="1924" spans="1:2" x14ac:dyDescent="0.3">
      <c r="A1924" s="11"/>
      <c r="B1924" s="8"/>
    </row>
    <row r="1925" spans="1:2" x14ac:dyDescent="0.3">
      <c r="A1925" s="11"/>
      <c r="B1925" s="8"/>
    </row>
    <row r="1926" spans="1:2" x14ac:dyDescent="0.3">
      <c r="A1926" s="11"/>
      <c r="B1926" s="8"/>
    </row>
    <row r="1927" spans="1:2" x14ac:dyDescent="0.3">
      <c r="A1927" s="11"/>
      <c r="B1927" s="8"/>
    </row>
    <row r="1928" spans="1:2" x14ac:dyDescent="0.3">
      <c r="A1928" s="11"/>
      <c r="B1928" s="8"/>
    </row>
    <row r="1929" spans="1:2" x14ac:dyDescent="0.3">
      <c r="A1929" s="11"/>
      <c r="B1929" s="8"/>
    </row>
    <row r="1930" spans="1:2" x14ac:dyDescent="0.3">
      <c r="A1930" s="11"/>
      <c r="B1930" s="8"/>
    </row>
    <row r="1931" spans="1:2" x14ac:dyDescent="0.3">
      <c r="A1931" s="11"/>
      <c r="B1931" s="8"/>
    </row>
    <row r="1932" spans="1:2" x14ac:dyDescent="0.3">
      <c r="A1932" s="11"/>
      <c r="B1932" s="8"/>
    </row>
    <row r="1933" spans="1:2" x14ac:dyDescent="0.3">
      <c r="A1933" s="11"/>
      <c r="B1933" s="8"/>
    </row>
    <row r="1934" spans="1:2" x14ac:dyDescent="0.3">
      <c r="A1934" s="11"/>
      <c r="B1934" s="8"/>
    </row>
    <row r="1935" spans="1:2" x14ac:dyDescent="0.3">
      <c r="A1935" s="11"/>
      <c r="B1935" s="8"/>
    </row>
    <row r="1936" spans="1:2" x14ac:dyDescent="0.3">
      <c r="A1936" s="11"/>
      <c r="B1936" s="8"/>
    </row>
    <row r="1937" spans="1:2" x14ac:dyDescent="0.3">
      <c r="A1937" s="11"/>
      <c r="B1937" s="8"/>
    </row>
    <row r="1938" spans="1:2" x14ac:dyDescent="0.3">
      <c r="A1938" s="11"/>
      <c r="B1938" s="8"/>
    </row>
    <row r="1939" spans="1:2" x14ac:dyDescent="0.3">
      <c r="A1939" s="11"/>
      <c r="B1939" s="8"/>
    </row>
    <row r="1940" spans="1:2" x14ac:dyDescent="0.3">
      <c r="A1940" s="11"/>
      <c r="B1940" s="8"/>
    </row>
    <row r="1941" spans="1:2" x14ac:dyDescent="0.3">
      <c r="A1941" s="11"/>
      <c r="B1941" s="8"/>
    </row>
    <row r="1942" spans="1:2" x14ac:dyDescent="0.3">
      <c r="A1942" s="11"/>
      <c r="B1942" s="8"/>
    </row>
    <row r="1943" spans="1:2" x14ac:dyDescent="0.3">
      <c r="A1943" s="11"/>
      <c r="B1943" s="8"/>
    </row>
    <row r="1944" spans="1:2" x14ac:dyDescent="0.3">
      <c r="A1944" s="11"/>
      <c r="B1944" s="8"/>
    </row>
    <row r="1945" spans="1:2" x14ac:dyDescent="0.3">
      <c r="A1945" s="11"/>
      <c r="B1945" s="8"/>
    </row>
    <row r="1946" spans="1:2" x14ac:dyDescent="0.3">
      <c r="A1946" s="11"/>
      <c r="B1946" s="8"/>
    </row>
    <row r="1947" spans="1:2" x14ac:dyDescent="0.3">
      <c r="A1947" s="11"/>
      <c r="B1947" s="8"/>
    </row>
    <row r="1948" spans="1:2" x14ac:dyDescent="0.3">
      <c r="A1948" s="11"/>
      <c r="B1948" s="8"/>
    </row>
    <row r="1949" spans="1:2" x14ac:dyDescent="0.3">
      <c r="A1949" s="11"/>
      <c r="B1949" s="8"/>
    </row>
    <row r="1950" spans="1:2" x14ac:dyDescent="0.3">
      <c r="A1950" s="11"/>
      <c r="B1950" s="8"/>
    </row>
    <row r="1951" spans="1:2" x14ac:dyDescent="0.3">
      <c r="A1951" s="11"/>
      <c r="B1951" s="8"/>
    </row>
    <row r="1952" spans="1:2" x14ac:dyDescent="0.3">
      <c r="A1952" s="11"/>
      <c r="B1952" s="8"/>
    </row>
    <row r="1953" spans="1:2" x14ac:dyDescent="0.3">
      <c r="A1953" s="11"/>
      <c r="B1953" s="8"/>
    </row>
    <row r="1954" spans="1:2" x14ac:dyDescent="0.3">
      <c r="A1954" s="11"/>
      <c r="B1954" s="8"/>
    </row>
    <row r="1955" spans="1:2" x14ac:dyDescent="0.3">
      <c r="A1955" s="11"/>
      <c r="B1955" s="8"/>
    </row>
    <row r="1956" spans="1:2" x14ac:dyDescent="0.3">
      <c r="A1956" s="11"/>
      <c r="B1956" s="8"/>
    </row>
    <row r="1957" spans="1:2" x14ac:dyDescent="0.3">
      <c r="A1957" s="11"/>
      <c r="B1957" s="8"/>
    </row>
    <row r="1958" spans="1:2" x14ac:dyDescent="0.3">
      <c r="A1958" s="11"/>
      <c r="B1958" s="8"/>
    </row>
    <row r="1959" spans="1:2" x14ac:dyDescent="0.3">
      <c r="A1959" s="11"/>
      <c r="B1959" s="8"/>
    </row>
    <row r="1960" spans="1:2" x14ac:dyDescent="0.3">
      <c r="A1960" s="11"/>
      <c r="B1960" s="8"/>
    </row>
    <row r="1961" spans="1:2" x14ac:dyDescent="0.3">
      <c r="A1961" s="11"/>
      <c r="B1961" s="8"/>
    </row>
    <row r="1962" spans="1:2" x14ac:dyDescent="0.3">
      <c r="A1962" s="11"/>
      <c r="B1962" s="8"/>
    </row>
    <row r="1963" spans="1:2" x14ac:dyDescent="0.3">
      <c r="A1963" s="11"/>
      <c r="B1963" s="8"/>
    </row>
    <row r="1964" spans="1:2" x14ac:dyDescent="0.3">
      <c r="A1964" s="11"/>
      <c r="B1964" s="8"/>
    </row>
    <row r="1965" spans="1:2" x14ac:dyDescent="0.3">
      <c r="A1965" s="11"/>
      <c r="B1965" s="8"/>
    </row>
    <row r="1966" spans="1:2" x14ac:dyDescent="0.3">
      <c r="A1966" s="11"/>
      <c r="B1966" s="8"/>
    </row>
    <row r="1967" spans="1:2" x14ac:dyDescent="0.3">
      <c r="A1967" s="11"/>
      <c r="B1967" s="8"/>
    </row>
    <row r="1968" spans="1:2" x14ac:dyDescent="0.3">
      <c r="A1968" s="11"/>
      <c r="B1968" s="8"/>
    </row>
    <row r="1969" spans="1:2" x14ac:dyDescent="0.3">
      <c r="A1969" s="11"/>
      <c r="B1969" s="8"/>
    </row>
    <row r="1970" spans="1:2" x14ac:dyDescent="0.3">
      <c r="A1970" s="11"/>
      <c r="B1970" s="8"/>
    </row>
    <row r="1971" spans="1:2" x14ac:dyDescent="0.3">
      <c r="A1971" s="11"/>
      <c r="B1971" s="8"/>
    </row>
    <row r="1972" spans="1:2" x14ac:dyDescent="0.3">
      <c r="A1972" s="11"/>
      <c r="B1972" s="8"/>
    </row>
    <row r="1973" spans="1:2" x14ac:dyDescent="0.3">
      <c r="A1973" s="11"/>
      <c r="B1973" s="8"/>
    </row>
    <row r="1974" spans="1:2" x14ac:dyDescent="0.3">
      <c r="A1974" s="11"/>
      <c r="B1974" s="8"/>
    </row>
    <row r="1975" spans="1:2" x14ac:dyDescent="0.3">
      <c r="A1975" s="11"/>
      <c r="B1975" s="8"/>
    </row>
    <row r="1976" spans="1:2" x14ac:dyDescent="0.3">
      <c r="A1976" s="11"/>
      <c r="B1976" s="8"/>
    </row>
    <row r="1977" spans="1:2" x14ac:dyDescent="0.3">
      <c r="A1977" s="11"/>
      <c r="B1977" s="8"/>
    </row>
    <row r="1978" spans="1:2" x14ac:dyDescent="0.3">
      <c r="A1978" s="11"/>
      <c r="B1978" s="8"/>
    </row>
    <row r="1979" spans="1:2" x14ac:dyDescent="0.3">
      <c r="A1979" s="11"/>
      <c r="B1979" s="8"/>
    </row>
    <row r="1980" spans="1:2" x14ac:dyDescent="0.3">
      <c r="A1980" s="11"/>
      <c r="B1980" s="8"/>
    </row>
    <row r="1981" spans="1:2" x14ac:dyDescent="0.3">
      <c r="A1981" s="11"/>
      <c r="B1981" s="8"/>
    </row>
    <row r="1982" spans="1:2" x14ac:dyDescent="0.3">
      <c r="A1982" s="11"/>
      <c r="B1982" s="8"/>
    </row>
    <row r="1983" spans="1:2" x14ac:dyDescent="0.3">
      <c r="A1983" s="11"/>
      <c r="B1983" s="8"/>
    </row>
    <row r="1984" spans="1:2" x14ac:dyDescent="0.3">
      <c r="A1984" s="11"/>
      <c r="B1984" s="8"/>
    </row>
    <row r="1985" spans="1:2" x14ac:dyDescent="0.3">
      <c r="A1985" s="11"/>
      <c r="B1985" s="8"/>
    </row>
    <row r="1986" spans="1:2" x14ac:dyDescent="0.3">
      <c r="A1986" s="11"/>
      <c r="B1986" s="8"/>
    </row>
    <row r="1987" spans="1:2" x14ac:dyDescent="0.3">
      <c r="A1987" s="11"/>
      <c r="B1987" s="8"/>
    </row>
    <row r="1988" spans="1:2" x14ac:dyDescent="0.3">
      <c r="A1988" s="11"/>
      <c r="B1988" s="8"/>
    </row>
    <row r="1989" spans="1:2" x14ac:dyDescent="0.3">
      <c r="A1989" s="11"/>
      <c r="B1989" s="8"/>
    </row>
    <row r="1990" spans="1:2" x14ac:dyDescent="0.3">
      <c r="A1990" s="11"/>
      <c r="B1990" s="8"/>
    </row>
    <row r="1991" spans="1:2" x14ac:dyDescent="0.3">
      <c r="A1991" s="11"/>
      <c r="B1991" s="8"/>
    </row>
    <row r="1992" spans="1:2" x14ac:dyDescent="0.3">
      <c r="A1992" s="11"/>
      <c r="B1992" s="8"/>
    </row>
    <row r="1993" spans="1:2" x14ac:dyDescent="0.3">
      <c r="A1993" s="11"/>
      <c r="B1993" s="8"/>
    </row>
    <row r="1994" spans="1:2" x14ac:dyDescent="0.3">
      <c r="A1994" s="11"/>
      <c r="B1994" s="8"/>
    </row>
    <row r="1995" spans="1:2" x14ac:dyDescent="0.3">
      <c r="A1995" s="11"/>
      <c r="B1995" s="8"/>
    </row>
    <row r="1996" spans="1:2" x14ac:dyDescent="0.3">
      <c r="A1996" s="11"/>
      <c r="B1996" s="8"/>
    </row>
    <row r="1997" spans="1:2" x14ac:dyDescent="0.3">
      <c r="A1997" s="11"/>
      <c r="B1997" s="8"/>
    </row>
    <row r="1998" spans="1:2" x14ac:dyDescent="0.3">
      <c r="A1998" s="11"/>
      <c r="B1998" s="8"/>
    </row>
    <row r="1999" spans="1:2" x14ac:dyDescent="0.3">
      <c r="A1999" s="11"/>
      <c r="B1999" s="8"/>
    </row>
    <row r="2000" spans="1:2" x14ac:dyDescent="0.3">
      <c r="A2000" s="11"/>
      <c r="B2000" s="8"/>
    </row>
    <row r="2001" spans="1:2" x14ac:dyDescent="0.3">
      <c r="A2001" s="11"/>
      <c r="B2001" s="8"/>
    </row>
    <row r="2002" spans="1:2" x14ac:dyDescent="0.3">
      <c r="A2002" s="11"/>
      <c r="B2002" s="8"/>
    </row>
    <row r="2003" spans="1:2" x14ac:dyDescent="0.3">
      <c r="A2003" s="11"/>
      <c r="B2003" s="8"/>
    </row>
    <row r="2004" spans="1:2" x14ac:dyDescent="0.3">
      <c r="A2004" s="11"/>
      <c r="B2004" s="8"/>
    </row>
    <row r="2005" spans="1:2" x14ac:dyDescent="0.3">
      <c r="A2005" s="11"/>
      <c r="B2005" s="8"/>
    </row>
    <row r="2006" spans="1:2" x14ac:dyDescent="0.3">
      <c r="A2006" s="11"/>
      <c r="B2006" s="8"/>
    </row>
    <row r="2007" spans="1:2" x14ac:dyDescent="0.3">
      <c r="A2007" s="11"/>
      <c r="B2007" s="8"/>
    </row>
    <row r="2008" spans="1:2" x14ac:dyDescent="0.3">
      <c r="A2008" s="11"/>
      <c r="B2008" s="8"/>
    </row>
    <row r="2009" spans="1:2" x14ac:dyDescent="0.3">
      <c r="A2009" s="11"/>
      <c r="B2009" s="8"/>
    </row>
    <row r="2010" spans="1:2" x14ac:dyDescent="0.3">
      <c r="A2010" s="11"/>
      <c r="B2010" s="8"/>
    </row>
    <row r="2011" spans="1:2" x14ac:dyDescent="0.3">
      <c r="A2011" s="11"/>
      <c r="B2011" s="8"/>
    </row>
    <row r="2012" spans="1:2" x14ac:dyDescent="0.3">
      <c r="A2012" s="11"/>
      <c r="B2012" s="8"/>
    </row>
    <row r="2013" spans="1:2" x14ac:dyDescent="0.3">
      <c r="A2013" s="11"/>
      <c r="B2013" s="8"/>
    </row>
    <row r="2014" spans="1:2" x14ac:dyDescent="0.3">
      <c r="A2014" s="11"/>
      <c r="B2014" s="8"/>
    </row>
    <row r="2015" spans="1:2" x14ac:dyDescent="0.3">
      <c r="A2015" s="11"/>
      <c r="B2015" s="8"/>
    </row>
    <row r="2016" spans="1:2" x14ac:dyDescent="0.3">
      <c r="A2016" s="11"/>
      <c r="B2016" s="8"/>
    </row>
    <row r="2017" spans="1:2" x14ac:dyDescent="0.3">
      <c r="A2017" s="11"/>
      <c r="B2017" s="8"/>
    </row>
    <row r="2018" spans="1:2" x14ac:dyDescent="0.3">
      <c r="A2018" s="11"/>
      <c r="B2018" s="8"/>
    </row>
    <row r="2019" spans="1:2" x14ac:dyDescent="0.3">
      <c r="A2019" s="11"/>
      <c r="B2019" s="8"/>
    </row>
    <row r="2020" spans="1:2" x14ac:dyDescent="0.3">
      <c r="A2020" s="11"/>
      <c r="B2020" s="8"/>
    </row>
    <row r="2021" spans="1:2" x14ac:dyDescent="0.3">
      <c r="A2021" s="11"/>
      <c r="B2021" s="8"/>
    </row>
    <row r="2022" spans="1:2" x14ac:dyDescent="0.3">
      <c r="A2022" s="11"/>
      <c r="B2022" s="8"/>
    </row>
    <row r="2023" spans="1:2" x14ac:dyDescent="0.3">
      <c r="A2023" s="11"/>
      <c r="B2023" s="8"/>
    </row>
    <row r="2024" spans="1:2" x14ac:dyDescent="0.3">
      <c r="A2024" s="11"/>
      <c r="B2024" s="8"/>
    </row>
    <row r="2025" spans="1:2" x14ac:dyDescent="0.3">
      <c r="A2025" s="11"/>
      <c r="B2025" s="8"/>
    </row>
    <row r="2026" spans="1:2" x14ac:dyDescent="0.3">
      <c r="A2026" s="11"/>
      <c r="B2026" s="8"/>
    </row>
    <row r="2027" spans="1:2" x14ac:dyDescent="0.3">
      <c r="A2027" s="11"/>
      <c r="B2027" s="8"/>
    </row>
    <row r="2028" spans="1:2" x14ac:dyDescent="0.3">
      <c r="A2028" s="11"/>
      <c r="B2028" s="8"/>
    </row>
    <row r="2029" spans="1:2" x14ac:dyDescent="0.3">
      <c r="A2029" s="11"/>
      <c r="B2029" s="8"/>
    </row>
    <row r="2030" spans="1:2" x14ac:dyDescent="0.3">
      <c r="A2030" s="11"/>
      <c r="B2030" s="8"/>
    </row>
    <row r="2031" spans="1:2" x14ac:dyDescent="0.3">
      <c r="A2031" s="11"/>
      <c r="B2031" s="8"/>
    </row>
    <row r="2032" spans="1:2" x14ac:dyDescent="0.3">
      <c r="A2032" s="11"/>
      <c r="B2032" s="8"/>
    </row>
    <row r="2033" spans="1:2" x14ac:dyDescent="0.3">
      <c r="A2033" s="11"/>
      <c r="B2033" s="8"/>
    </row>
    <row r="2034" spans="1:2" x14ac:dyDescent="0.3">
      <c r="A2034" s="11"/>
      <c r="B2034" s="8"/>
    </row>
    <row r="2035" spans="1:2" x14ac:dyDescent="0.3">
      <c r="A2035" s="11"/>
      <c r="B2035" s="8"/>
    </row>
    <row r="2036" spans="1:2" x14ac:dyDescent="0.3">
      <c r="A2036" s="11"/>
      <c r="B2036" s="8"/>
    </row>
    <row r="2037" spans="1:2" x14ac:dyDescent="0.3">
      <c r="A2037" s="11"/>
      <c r="B2037" s="8"/>
    </row>
    <row r="2038" spans="1:2" x14ac:dyDescent="0.3">
      <c r="A2038" s="11"/>
      <c r="B2038" s="8"/>
    </row>
    <row r="2039" spans="1:2" x14ac:dyDescent="0.3">
      <c r="A2039" s="11"/>
      <c r="B2039" s="8"/>
    </row>
    <row r="2040" spans="1:2" x14ac:dyDescent="0.3">
      <c r="A2040" s="11"/>
      <c r="B2040" s="8"/>
    </row>
    <row r="2041" spans="1:2" x14ac:dyDescent="0.3">
      <c r="A2041" s="11"/>
      <c r="B2041" s="8"/>
    </row>
    <row r="2042" spans="1:2" x14ac:dyDescent="0.3">
      <c r="A2042" s="11"/>
      <c r="B2042" s="8"/>
    </row>
    <row r="2043" spans="1:2" x14ac:dyDescent="0.3">
      <c r="A2043" s="11"/>
      <c r="B2043" s="8"/>
    </row>
    <row r="2044" spans="1:2" x14ac:dyDescent="0.3">
      <c r="A2044" s="11"/>
      <c r="B2044" s="8"/>
    </row>
    <row r="2045" spans="1:2" x14ac:dyDescent="0.3">
      <c r="A2045" s="11"/>
      <c r="B2045" s="8"/>
    </row>
    <row r="2046" spans="1:2" x14ac:dyDescent="0.3">
      <c r="A2046" s="11"/>
      <c r="B2046" s="8"/>
    </row>
    <row r="2047" spans="1:2" x14ac:dyDescent="0.3">
      <c r="A2047" s="11"/>
      <c r="B2047" s="8"/>
    </row>
    <row r="2048" spans="1:2" x14ac:dyDescent="0.3">
      <c r="A2048" s="11"/>
      <c r="B2048" s="8"/>
    </row>
    <row r="2049" spans="1:2" x14ac:dyDescent="0.3">
      <c r="A2049" s="11"/>
      <c r="B2049" s="8"/>
    </row>
    <row r="2050" spans="1:2" x14ac:dyDescent="0.3">
      <c r="A2050" s="11"/>
      <c r="B2050" s="8"/>
    </row>
    <row r="2051" spans="1:2" x14ac:dyDescent="0.3">
      <c r="A2051" s="11"/>
      <c r="B2051" s="8"/>
    </row>
    <row r="2052" spans="1:2" x14ac:dyDescent="0.3">
      <c r="A2052" s="11"/>
      <c r="B2052" s="8"/>
    </row>
    <row r="2053" spans="1:2" x14ac:dyDescent="0.3">
      <c r="A2053" s="11"/>
      <c r="B2053" s="8"/>
    </row>
    <row r="2054" spans="1:2" x14ac:dyDescent="0.3">
      <c r="A2054" s="11"/>
      <c r="B2054" s="8"/>
    </row>
    <row r="2055" spans="1:2" x14ac:dyDescent="0.3">
      <c r="A2055" s="11"/>
      <c r="B2055" s="8"/>
    </row>
    <row r="2056" spans="1:2" x14ac:dyDescent="0.3">
      <c r="A2056" s="11"/>
      <c r="B2056" s="8"/>
    </row>
    <row r="2057" spans="1:2" x14ac:dyDescent="0.3">
      <c r="A2057" s="11"/>
      <c r="B2057" s="8"/>
    </row>
    <row r="2058" spans="1:2" x14ac:dyDescent="0.3">
      <c r="A2058" s="11"/>
      <c r="B2058" s="8"/>
    </row>
    <row r="2059" spans="1:2" x14ac:dyDescent="0.3">
      <c r="A2059" s="11"/>
      <c r="B2059" s="8"/>
    </row>
    <row r="2060" spans="1:2" x14ac:dyDescent="0.3">
      <c r="A2060" s="11"/>
      <c r="B2060" s="8"/>
    </row>
    <row r="2061" spans="1:2" x14ac:dyDescent="0.3">
      <c r="A2061" s="11"/>
      <c r="B2061" s="8"/>
    </row>
    <row r="2062" spans="1:2" x14ac:dyDescent="0.3">
      <c r="A2062" s="11"/>
      <c r="B2062" s="8"/>
    </row>
    <row r="2063" spans="1:2" x14ac:dyDescent="0.3">
      <c r="A2063" s="11"/>
      <c r="B2063" s="8"/>
    </row>
    <row r="2064" spans="1:2" x14ac:dyDescent="0.3">
      <c r="A2064" s="11"/>
      <c r="B2064" s="8"/>
    </row>
    <row r="2065" spans="1:2" x14ac:dyDescent="0.3">
      <c r="A2065" s="11"/>
      <c r="B2065" s="8"/>
    </row>
    <row r="2066" spans="1:2" x14ac:dyDescent="0.3">
      <c r="A2066" s="11"/>
      <c r="B2066" s="8"/>
    </row>
    <row r="2067" spans="1:2" x14ac:dyDescent="0.3">
      <c r="A2067" s="11"/>
      <c r="B2067" s="8"/>
    </row>
    <row r="2068" spans="1:2" x14ac:dyDescent="0.3">
      <c r="A2068" s="11"/>
      <c r="B2068" s="8"/>
    </row>
    <row r="2069" spans="1:2" x14ac:dyDescent="0.3">
      <c r="A2069" s="11"/>
      <c r="B2069" s="8"/>
    </row>
    <row r="2070" spans="1:2" x14ac:dyDescent="0.3">
      <c r="A2070" s="11"/>
      <c r="B2070" s="8"/>
    </row>
    <row r="2071" spans="1:2" x14ac:dyDescent="0.3">
      <c r="A2071" s="11"/>
      <c r="B2071" s="8"/>
    </row>
    <row r="2072" spans="1:2" x14ac:dyDescent="0.3">
      <c r="A2072" s="11"/>
      <c r="B2072" s="8"/>
    </row>
    <row r="2073" spans="1:2" x14ac:dyDescent="0.3">
      <c r="A2073" s="11"/>
      <c r="B2073" s="8"/>
    </row>
    <row r="2074" spans="1:2" x14ac:dyDescent="0.3">
      <c r="A2074" s="11"/>
      <c r="B2074" s="8"/>
    </row>
    <row r="2075" spans="1:2" x14ac:dyDescent="0.3">
      <c r="A2075" s="11"/>
      <c r="B2075" s="8"/>
    </row>
    <row r="2076" spans="1:2" x14ac:dyDescent="0.3">
      <c r="A2076" s="11"/>
      <c r="B2076" s="8"/>
    </row>
    <row r="2077" spans="1:2" x14ac:dyDescent="0.3">
      <c r="A2077" s="11"/>
      <c r="B2077" s="8"/>
    </row>
    <row r="2078" spans="1:2" x14ac:dyDescent="0.3">
      <c r="A2078" s="11"/>
      <c r="B2078" s="8"/>
    </row>
    <row r="2079" spans="1:2" x14ac:dyDescent="0.3">
      <c r="A2079" s="11"/>
      <c r="B2079" s="8"/>
    </row>
    <row r="2080" spans="1:2" x14ac:dyDescent="0.3">
      <c r="A2080" s="11"/>
      <c r="B2080" s="8"/>
    </row>
    <row r="2081" spans="1:2" x14ac:dyDescent="0.3">
      <c r="A2081" s="11"/>
      <c r="B2081" s="8"/>
    </row>
    <row r="2082" spans="1:2" x14ac:dyDescent="0.3">
      <c r="A2082" s="11"/>
      <c r="B2082" s="8"/>
    </row>
    <row r="2083" spans="1:2" x14ac:dyDescent="0.3">
      <c r="A2083" s="11"/>
      <c r="B2083" s="8"/>
    </row>
    <row r="2084" spans="1:2" x14ac:dyDescent="0.3">
      <c r="A2084" s="11"/>
      <c r="B2084" s="8"/>
    </row>
    <row r="2085" spans="1:2" x14ac:dyDescent="0.3">
      <c r="A2085" s="11"/>
      <c r="B2085" s="8"/>
    </row>
    <row r="2086" spans="1:2" x14ac:dyDescent="0.3">
      <c r="A2086" s="11"/>
      <c r="B2086" s="8"/>
    </row>
    <row r="2087" spans="1:2" x14ac:dyDescent="0.3">
      <c r="A2087" s="11"/>
      <c r="B2087" s="8"/>
    </row>
    <row r="2088" spans="1:2" x14ac:dyDescent="0.3">
      <c r="A2088" s="11"/>
      <c r="B2088" s="8"/>
    </row>
    <row r="2089" spans="1:2" x14ac:dyDescent="0.3">
      <c r="A2089" s="11"/>
      <c r="B2089" s="8"/>
    </row>
    <row r="2090" spans="1:2" x14ac:dyDescent="0.3">
      <c r="A2090" s="11"/>
      <c r="B2090" s="8"/>
    </row>
    <row r="2091" spans="1:2" x14ac:dyDescent="0.3">
      <c r="A2091" s="11"/>
      <c r="B2091" s="8"/>
    </row>
    <row r="2092" spans="1:2" x14ac:dyDescent="0.3">
      <c r="A2092" s="11"/>
      <c r="B2092" s="8"/>
    </row>
    <row r="2093" spans="1:2" x14ac:dyDescent="0.3">
      <c r="A2093" s="11"/>
      <c r="B2093" s="8"/>
    </row>
    <row r="2094" spans="1:2" x14ac:dyDescent="0.3">
      <c r="A2094" s="11"/>
      <c r="B2094" s="8"/>
    </row>
    <row r="2095" spans="1:2" x14ac:dyDescent="0.3">
      <c r="A2095" s="11"/>
      <c r="B2095" s="8"/>
    </row>
    <row r="2096" spans="1:2" x14ac:dyDescent="0.3">
      <c r="A2096" s="11"/>
      <c r="B2096" s="8"/>
    </row>
    <row r="2097" spans="1:2" x14ac:dyDescent="0.3">
      <c r="A2097" s="11"/>
      <c r="B2097" s="8"/>
    </row>
    <row r="2098" spans="1:2" x14ac:dyDescent="0.3">
      <c r="A2098" s="11"/>
      <c r="B2098" s="8"/>
    </row>
    <row r="2099" spans="1:2" x14ac:dyDescent="0.3">
      <c r="A2099" s="11"/>
      <c r="B2099" s="8"/>
    </row>
    <row r="2100" spans="1:2" x14ac:dyDescent="0.3">
      <c r="A2100" s="11"/>
      <c r="B2100" s="8"/>
    </row>
    <row r="2101" spans="1:2" x14ac:dyDescent="0.3">
      <c r="A2101" s="11"/>
      <c r="B2101" s="8"/>
    </row>
    <row r="2102" spans="1:2" x14ac:dyDescent="0.3">
      <c r="A2102" s="11"/>
      <c r="B2102" s="8"/>
    </row>
    <row r="2103" spans="1:2" x14ac:dyDescent="0.3">
      <c r="A2103" s="11"/>
      <c r="B2103" s="8"/>
    </row>
    <row r="2104" spans="1:2" x14ac:dyDescent="0.3">
      <c r="A2104" s="11"/>
      <c r="B2104" s="8"/>
    </row>
    <row r="2105" spans="1:2" x14ac:dyDescent="0.3">
      <c r="A2105" s="11"/>
      <c r="B2105" s="8"/>
    </row>
    <row r="2106" spans="1:2" x14ac:dyDescent="0.3">
      <c r="A2106" s="11"/>
      <c r="B2106" s="8"/>
    </row>
    <row r="2107" spans="1:2" x14ac:dyDescent="0.3">
      <c r="A2107" s="11"/>
      <c r="B2107" s="8"/>
    </row>
    <row r="2108" spans="1:2" x14ac:dyDescent="0.3">
      <c r="A2108" s="11"/>
      <c r="B2108" s="8"/>
    </row>
    <row r="2109" spans="1:2" x14ac:dyDescent="0.3">
      <c r="A2109" s="11"/>
      <c r="B2109" s="8"/>
    </row>
    <row r="2110" spans="1:2" x14ac:dyDescent="0.3">
      <c r="A2110" s="11"/>
      <c r="B2110" s="8"/>
    </row>
    <row r="2111" spans="1:2" x14ac:dyDescent="0.3">
      <c r="A2111" s="11"/>
      <c r="B2111" s="8"/>
    </row>
    <row r="2112" spans="1:2" x14ac:dyDescent="0.3">
      <c r="A2112" s="11"/>
      <c r="B2112" s="8"/>
    </row>
    <row r="2113" spans="1:2" x14ac:dyDescent="0.3">
      <c r="A2113" s="11"/>
      <c r="B2113" s="8"/>
    </row>
    <row r="2114" spans="1:2" x14ac:dyDescent="0.3">
      <c r="A2114" s="11"/>
      <c r="B2114" s="8"/>
    </row>
    <row r="2115" spans="1:2" x14ac:dyDescent="0.3">
      <c r="A2115" s="11"/>
      <c r="B2115" s="8"/>
    </row>
    <row r="2116" spans="1:2" x14ac:dyDescent="0.3">
      <c r="A2116" s="11"/>
      <c r="B2116" s="8"/>
    </row>
    <row r="2117" spans="1:2" x14ac:dyDescent="0.3">
      <c r="A2117" s="11"/>
      <c r="B2117" s="8"/>
    </row>
    <row r="2118" spans="1:2" x14ac:dyDescent="0.3">
      <c r="A2118" s="11"/>
      <c r="B2118" s="8"/>
    </row>
    <row r="2119" spans="1:2" x14ac:dyDescent="0.3">
      <c r="A2119" s="11"/>
      <c r="B2119" s="8"/>
    </row>
    <row r="2120" spans="1:2" x14ac:dyDescent="0.3">
      <c r="A2120" s="11"/>
      <c r="B2120" s="8"/>
    </row>
    <row r="2121" spans="1:2" x14ac:dyDescent="0.3">
      <c r="A2121" s="11"/>
      <c r="B2121" s="8"/>
    </row>
    <row r="2122" spans="1:2" x14ac:dyDescent="0.3">
      <c r="A2122" s="11"/>
      <c r="B2122" s="8"/>
    </row>
    <row r="2123" spans="1:2" x14ac:dyDescent="0.3">
      <c r="A2123" s="11"/>
      <c r="B2123" s="8"/>
    </row>
    <row r="2124" spans="1:2" x14ac:dyDescent="0.3">
      <c r="A2124" s="11"/>
      <c r="B2124" s="8"/>
    </row>
    <row r="2125" spans="1:2" x14ac:dyDescent="0.3">
      <c r="A2125" s="11"/>
      <c r="B2125" s="8"/>
    </row>
    <row r="2126" spans="1:2" x14ac:dyDescent="0.3">
      <c r="A2126" s="11"/>
      <c r="B2126" s="8"/>
    </row>
    <row r="2127" spans="1:2" x14ac:dyDescent="0.3">
      <c r="A2127" s="11"/>
      <c r="B2127" s="8"/>
    </row>
    <row r="2128" spans="1:2" x14ac:dyDescent="0.3">
      <c r="A2128" s="11"/>
      <c r="B2128" s="8"/>
    </row>
    <row r="2129" spans="1:2" x14ac:dyDescent="0.3">
      <c r="A2129" s="11"/>
      <c r="B2129" s="8"/>
    </row>
    <row r="2130" spans="1:2" x14ac:dyDescent="0.3">
      <c r="A2130" s="11"/>
      <c r="B2130" s="8"/>
    </row>
    <row r="2131" spans="1:2" x14ac:dyDescent="0.3">
      <c r="A2131" s="11"/>
      <c r="B2131" s="8"/>
    </row>
    <row r="2132" spans="1:2" x14ac:dyDescent="0.3">
      <c r="A2132" s="11"/>
      <c r="B2132" s="8"/>
    </row>
    <row r="2133" spans="1:2" x14ac:dyDescent="0.3">
      <c r="A2133" s="11"/>
      <c r="B2133" s="8"/>
    </row>
    <row r="2134" spans="1:2" x14ac:dyDescent="0.3">
      <c r="A2134" s="11"/>
      <c r="B2134" s="8"/>
    </row>
    <row r="2135" spans="1:2" x14ac:dyDescent="0.3">
      <c r="A2135" s="11"/>
      <c r="B2135" s="8"/>
    </row>
    <row r="2136" spans="1:2" x14ac:dyDescent="0.3">
      <c r="A2136" s="11"/>
      <c r="B2136" s="8"/>
    </row>
    <row r="2137" spans="1:2" x14ac:dyDescent="0.3">
      <c r="A2137" s="11"/>
      <c r="B2137" s="8"/>
    </row>
    <row r="2138" spans="1:2" x14ac:dyDescent="0.3">
      <c r="A2138" s="11"/>
      <c r="B2138" s="8"/>
    </row>
    <row r="2139" spans="1:2" x14ac:dyDescent="0.3">
      <c r="A2139" s="11"/>
      <c r="B2139" s="8"/>
    </row>
    <row r="2140" spans="1:2" x14ac:dyDescent="0.3">
      <c r="A2140" s="11"/>
      <c r="B2140" s="8"/>
    </row>
    <row r="2141" spans="1:2" x14ac:dyDescent="0.3">
      <c r="A2141" s="11"/>
      <c r="B2141" s="8"/>
    </row>
    <row r="2142" spans="1:2" x14ac:dyDescent="0.3">
      <c r="A2142" s="11"/>
      <c r="B2142" s="8"/>
    </row>
    <row r="2143" spans="1:2" x14ac:dyDescent="0.3">
      <c r="A2143" s="11"/>
      <c r="B2143" s="8"/>
    </row>
    <row r="2144" spans="1:2" x14ac:dyDescent="0.3">
      <c r="A2144" s="11"/>
      <c r="B2144" s="8"/>
    </row>
    <row r="2145" spans="1:2" x14ac:dyDescent="0.3">
      <c r="A2145" s="11"/>
      <c r="B2145" s="8"/>
    </row>
    <row r="2146" spans="1:2" x14ac:dyDescent="0.3">
      <c r="A2146" s="11"/>
      <c r="B2146" s="8"/>
    </row>
    <row r="2147" spans="1:2" x14ac:dyDescent="0.3">
      <c r="A2147" s="11"/>
      <c r="B2147" s="8"/>
    </row>
    <row r="2148" spans="1:2" x14ac:dyDescent="0.3">
      <c r="A2148" s="11"/>
      <c r="B2148" s="8"/>
    </row>
    <row r="2149" spans="1:2" x14ac:dyDescent="0.3">
      <c r="A2149" s="11"/>
      <c r="B2149" s="8"/>
    </row>
    <row r="2150" spans="1:2" x14ac:dyDescent="0.3">
      <c r="A2150" s="11"/>
      <c r="B2150" s="8"/>
    </row>
    <row r="2151" spans="1:2" x14ac:dyDescent="0.3">
      <c r="A2151" s="11"/>
      <c r="B2151" s="8"/>
    </row>
    <row r="2152" spans="1:2" x14ac:dyDescent="0.3">
      <c r="A2152" s="11"/>
      <c r="B2152" s="8"/>
    </row>
    <row r="2153" spans="1:2" x14ac:dyDescent="0.3">
      <c r="A2153" s="11"/>
      <c r="B2153" s="8"/>
    </row>
    <row r="2154" spans="1:2" x14ac:dyDescent="0.3">
      <c r="A2154" s="11"/>
      <c r="B2154" s="8"/>
    </row>
    <row r="2155" spans="1:2" x14ac:dyDescent="0.3">
      <c r="A2155" s="11"/>
      <c r="B2155" s="8"/>
    </row>
    <row r="2156" spans="1:2" x14ac:dyDescent="0.3">
      <c r="A2156" s="11"/>
      <c r="B2156" s="8"/>
    </row>
    <row r="2157" spans="1:2" x14ac:dyDescent="0.3">
      <c r="A2157" s="11"/>
      <c r="B2157" s="8"/>
    </row>
    <row r="2158" spans="1:2" x14ac:dyDescent="0.3">
      <c r="A2158" s="11"/>
      <c r="B2158" s="8"/>
    </row>
    <row r="2159" spans="1:2" x14ac:dyDescent="0.3">
      <c r="A2159" s="11"/>
      <c r="B2159" s="8"/>
    </row>
    <row r="2160" spans="1:2" x14ac:dyDescent="0.3">
      <c r="A2160" s="11"/>
      <c r="B2160" s="8"/>
    </row>
    <row r="2161" spans="1:2" x14ac:dyDescent="0.3">
      <c r="A2161" s="11"/>
      <c r="B2161" s="8"/>
    </row>
    <row r="2162" spans="1:2" x14ac:dyDescent="0.3">
      <c r="A2162" s="11"/>
      <c r="B2162" s="8"/>
    </row>
    <row r="2163" spans="1:2" x14ac:dyDescent="0.3">
      <c r="A2163" s="11"/>
      <c r="B2163" s="8"/>
    </row>
    <row r="2164" spans="1:2" x14ac:dyDescent="0.3">
      <c r="A2164" s="11"/>
      <c r="B2164" s="8"/>
    </row>
    <row r="2165" spans="1:2" x14ac:dyDescent="0.3">
      <c r="A2165" s="11"/>
      <c r="B2165" s="8"/>
    </row>
    <row r="2166" spans="1:2" x14ac:dyDescent="0.3">
      <c r="A2166" s="11"/>
      <c r="B2166" s="8"/>
    </row>
    <row r="2167" spans="1:2" x14ac:dyDescent="0.3">
      <c r="A2167" s="11"/>
      <c r="B2167" s="8"/>
    </row>
    <row r="2168" spans="1:2" x14ac:dyDescent="0.3">
      <c r="A2168" s="11"/>
      <c r="B2168" s="8"/>
    </row>
    <row r="2169" spans="1:2" x14ac:dyDescent="0.3">
      <c r="A2169" s="11"/>
      <c r="B2169" s="8"/>
    </row>
    <row r="2170" spans="1:2" x14ac:dyDescent="0.3">
      <c r="A2170" s="11"/>
      <c r="B2170" s="8"/>
    </row>
    <row r="2171" spans="1:2" x14ac:dyDescent="0.3">
      <c r="A2171" s="11"/>
      <c r="B2171" s="8"/>
    </row>
    <row r="2172" spans="1:2" x14ac:dyDescent="0.3">
      <c r="A2172" s="11"/>
      <c r="B2172" s="8"/>
    </row>
    <row r="2173" spans="1:2" x14ac:dyDescent="0.3">
      <c r="A2173" s="11"/>
      <c r="B2173" s="8"/>
    </row>
    <row r="2174" spans="1:2" x14ac:dyDescent="0.3">
      <c r="A2174" s="11"/>
      <c r="B2174" s="8"/>
    </row>
    <row r="2175" spans="1:2" x14ac:dyDescent="0.3">
      <c r="A2175" s="11"/>
      <c r="B2175" s="8"/>
    </row>
    <row r="2176" spans="1:2" x14ac:dyDescent="0.3">
      <c r="A2176" s="11"/>
      <c r="B2176" s="8"/>
    </row>
    <row r="2177" spans="1:2" x14ac:dyDescent="0.3">
      <c r="A2177" s="11"/>
      <c r="B2177" s="8"/>
    </row>
    <row r="2178" spans="1:2" x14ac:dyDescent="0.3">
      <c r="A2178" s="11"/>
      <c r="B2178" s="8"/>
    </row>
    <row r="2179" spans="1:2" x14ac:dyDescent="0.3">
      <c r="A2179" s="11"/>
      <c r="B2179" s="8"/>
    </row>
    <row r="2180" spans="1:2" x14ac:dyDescent="0.3">
      <c r="A2180" s="11"/>
      <c r="B2180" s="8"/>
    </row>
    <row r="2181" spans="1:2" x14ac:dyDescent="0.3">
      <c r="A2181" s="11"/>
      <c r="B2181" s="8"/>
    </row>
    <row r="2182" spans="1:2" x14ac:dyDescent="0.3">
      <c r="A2182" s="11"/>
      <c r="B2182" s="8"/>
    </row>
    <row r="2183" spans="1:2" x14ac:dyDescent="0.3">
      <c r="A2183" s="11"/>
      <c r="B2183" s="8"/>
    </row>
    <row r="2184" spans="1:2" x14ac:dyDescent="0.3">
      <c r="A2184" s="11"/>
      <c r="B2184" s="8"/>
    </row>
    <row r="2185" spans="1:2" x14ac:dyDescent="0.3">
      <c r="A2185" s="11"/>
      <c r="B2185" s="8"/>
    </row>
    <row r="2186" spans="1:2" x14ac:dyDescent="0.3">
      <c r="A2186" s="11"/>
      <c r="B2186" s="8"/>
    </row>
    <row r="2187" spans="1:2" x14ac:dyDescent="0.3">
      <c r="A2187" s="11"/>
      <c r="B2187" s="8"/>
    </row>
    <row r="2188" spans="1:2" x14ac:dyDescent="0.3">
      <c r="A2188" s="11"/>
      <c r="B2188" s="8"/>
    </row>
    <row r="2189" spans="1:2" x14ac:dyDescent="0.3">
      <c r="A2189" s="11"/>
      <c r="B2189" s="8"/>
    </row>
    <row r="2190" spans="1:2" x14ac:dyDescent="0.3">
      <c r="A2190" s="11"/>
      <c r="B2190" s="8"/>
    </row>
    <row r="2191" spans="1:2" x14ac:dyDescent="0.3">
      <c r="A2191" s="11"/>
      <c r="B2191" s="8"/>
    </row>
    <row r="2192" spans="1:2" x14ac:dyDescent="0.3">
      <c r="A2192" s="11"/>
      <c r="B2192" s="8"/>
    </row>
    <row r="2193" spans="1:2" x14ac:dyDescent="0.3">
      <c r="A2193" s="11"/>
      <c r="B2193" s="8"/>
    </row>
    <row r="2194" spans="1:2" x14ac:dyDescent="0.3">
      <c r="A2194" s="11"/>
      <c r="B2194" s="8"/>
    </row>
    <row r="2195" spans="1:2" x14ac:dyDescent="0.3">
      <c r="A2195" s="11"/>
      <c r="B2195" s="8"/>
    </row>
    <row r="2196" spans="1:2" x14ac:dyDescent="0.3">
      <c r="A2196" s="11"/>
      <c r="B2196" s="8"/>
    </row>
    <row r="2197" spans="1:2" x14ac:dyDescent="0.3">
      <c r="A2197" s="11"/>
      <c r="B2197" s="8"/>
    </row>
    <row r="2198" spans="1:2" x14ac:dyDescent="0.3">
      <c r="A2198" s="11"/>
      <c r="B2198" s="8"/>
    </row>
    <row r="2199" spans="1:2" x14ac:dyDescent="0.3">
      <c r="A2199" s="11"/>
      <c r="B2199" s="8"/>
    </row>
    <row r="2200" spans="1:2" x14ac:dyDescent="0.3">
      <c r="A2200" s="11"/>
      <c r="B2200" s="8"/>
    </row>
    <row r="2201" spans="1:2" x14ac:dyDescent="0.3">
      <c r="A2201" s="11"/>
      <c r="B2201" s="8"/>
    </row>
    <row r="2202" spans="1:2" x14ac:dyDescent="0.3">
      <c r="A2202" s="11"/>
      <c r="B2202" s="8"/>
    </row>
    <row r="2203" spans="1:2" x14ac:dyDescent="0.3">
      <c r="A2203" s="11"/>
      <c r="B2203" s="8"/>
    </row>
    <row r="2204" spans="1:2" x14ac:dyDescent="0.3">
      <c r="A2204" s="11"/>
      <c r="B2204" s="8"/>
    </row>
    <row r="2205" spans="1:2" x14ac:dyDescent="0.3">
      <c r="A2205" s="11"/>
      <c r="B2205" s="8"/>
    </row>
    <row r="2206" spans="1:2" x14ac:dyDescent="0.3">
      <c r="A2206" s="11"/>
      <c r="B2206" s="8"/>
    </row>
    <row r="2207" spans="1:2" x14ac:dyDescent="0.3">
      <c r="A2207" s="11"/>
      <c r="B2207" s="8"/>
    </row>
    <row r="2208" spans="1:2" x14ac:dyDescent="0.3">
      <c r="A2208" s="11"/>
      <c r="B2208" s="8"/>
    </row>
    <row r="2209" spans="1:2" x14ac:dyDescent="0.3">
      <c r="A2209" s="11"/>
      <c r="B2209" s="8"/>
    </row>
    <row r="2210" spans="1:2" x14ac:dyDescent="0.3">
      <c r="A2210" s="11"/>
      <c r="B2210" s="8"/>
    </row>
    <row r="2211" spans="1:2" x14ac:dyDescent="0.3">
      <c r="A2211" s="11"/>
      <c r="B2211" s="8"/>
    </row>
    <row r="2212" spans="1:2" x14ac:dyDescent="0.3">
      <c r="A2212" s="11"/>
      <c r="B2212" s="8"/>
    </row>
    <row r="2213" spans="1:2" x14ac:dyDescent="0.3">
      <c r="A2213" s="11"/>
      <c r="B2213" s="8"/>
    </row>
    <row r="2214" spans="1:2" x14ac:dyDescent="0.3">
      <c r="A2214" s="11"/>
      <c r="B2214" s="8"/>
    </row>
    <row r="2215" spans="1:2" x14ac:dyDescent="0.3">
      <c r="A2215" s="11"/>
      <c r="B2215" s="8"/>
    </row>
    <row r="2216" spans="1:2" x14ac:dyDescent="0.3">
      <c r="A2216" s="11"/>
      <c r="B2216" s="8"/>
    </row>
    <row r="2217" spans="1:2" x14ac:dyDescent="0.3">
      <c r="A2217" s="11"/>
      <c r="B2217" s="8"/>
    </row>
    <row r="2218" spans="1:2" x14ac:dyDescent="0.3">
      <c r="A2218" s="11"/>
      <c r="B2218" s="8"/>
    </row>
    <row r="2219" spans="1:2" x14ac:dyDescent="0.3">
      <c r="A2219" s="11"/>
      <c r="B2219" s="8"/>
    </row>
    <row r="2220" spans="1:2" x14ac:dyDescent="0.3">
      <c r="A2220" s="11"/>
      <c r="B2220" s="8"/>
    </row>
    <row r="2221" spans="1:2" x14ac:dyDescent="0.3">
      <c r="A2221" s="11"/>
      <c r="B2221" s="8"/>
    </row>
    <row r="2222" spans="1:2" x14ac:dyDescent="0.3">
      <c r="A2222" s="11"/>
      <c r="B2222" s="8"/>
    </row>
    <row r="2223" spans="1:2" x14ac:dyDescent="0.3">
      <c r="A2223" s="11"/>
      <c r="B2223" s="8"/>
    </row>
    <row r="2224" spans="1:2" x14ac:dyDescent="0.3">
      <c r="A2224" s="11"/>
      <c r="B2224" s="8"/>
    </row>
    <row r="2225" spans="1:2" x14ac:dyDescent="0.3">
      <c r="A2225" s="11"/>
      <c r="B2225" s="8"/>
    </row>
    <row r="2226" spans="1:2" x14ac:dyDescent="0.3">
      <c r="A2226" s="11"/>
      <c r="B2226" s="8"/>
    </row>
    <row r="2227" spans="1:2" x14ac:dyDescent="0.3">
      <c r="A2227" s="11"/>
      <c r="B2227" s="8"/>
    </row>
    <row r="2228" spans="1:2" x14ac:dyDescent="0.3">
      <c r="A2228" s="11"/>
      <c r="B2228" s="8"/>
    </row>
    <row r="2229" spans="1:2" x14ac:dyDescent="0.3">
      <c r="A2229" s="11"/>
      <c r="B2229" s="8"/>
    </row>
    <row r="2230" spans="1:2" x14ac:dyDescent="0.3">
      <c r="A2230" s="11"/>
      <c r="B2230" s="8"/>
    </row>
    <row r="2231" spans="1:2" x14ac:dyDescent="0.3">
      <c r="A2231" s="11"/>
      <c r="B2231" s="8"/>
    </row>
    <row r="2232" spans="1:2" x14ac:dyDescent="0.3">
      <c r="A2232" s="11"/>
      <c r="B2232" s="8"/>
    </row>
    <row r="2233" spans="1:2" x14ac:dyDescent="0.3">
      <c r="A2233" s="11"/>
      <c r="B2233" s="8"/>
    </row>
    <row r="2234" spans="1:2" x14ac:dyDescent="0.3">
      <c r="A2234" s="11"/>
      <c r="B2234" s="8"/>
    </row>
    <row r="2235" spans="1:2" x14ac:dyDescent="0.3">
      <c r="A2235" s="11"/>
      <c r="B2235" s="8"/>
    </row>
    <row r="2236" spans="1:2" x14ac:dyDescent="0.3">
      <c r="A2236" s="11"/>
      <c r="B2236" s="8"/>
    </row>
    <row r="2237" spans="1:2" x14ac:dyDescent="0.3">
      <c r="A2237" s="11"/>
      <c r="B2237" s="8"/>
    </row>
    <row r="2238" spans="1:2" x14ac:dyDescent="0.3">
      <c r="A2238" s="11"/>
      <c r="B2238" s="8"/>
    </row>
    <row r="2239" spans="1:2" x14ac:dyDescent="0.3">
      <c r="A2239" s="11"/>
      <c r="B2239" s="8"/>
    </row>
    <row r="2240" spans="1:2" x14ac:dyDescent="0.3">
      <c r="A2240" s="11"/>
      <c r="B2240" s="8"/>
    </row>
    <row r="2241" spans="1:2" x14ac:dyDescent="0.3">
      <c r="A2241" s="11"/>
      <c r="B2241" s="8"/>
    </row>
    <row r="2242" spans="1:2" x14ac:dyDescent="0.3">
      <c r="A2242" s="11"/>
      <c r="B2242" s="8"/>
    </row>
    <row r="2243" spans="1:2" x14ac:dyDescent="0.3">
      <c r="A2243" s="11"/>
      <c r="B2243" s="8"/>
    </row>
    <row r="2244" spans="1:2" x14ac:dyDescent="0.3">
      <c r="A2244" s="11"/>
      <c r="B2244" s="8"/>
    </row>
    <row r="2245" spans="1:2" x14ac:dyDescent="0.3">
      <c r="A2245" s="11"/>
      <c r="B2245" s="8"/>
    </row>
    <row r="2246" spans="1:2" x14ac:dyDescent="0.3">
      <c r="A2246" s="11"/>
      <c r="B2246" s="8"/>
    </row>
    <row r="2247" spans="1:2" x14ac:dyDescent="0.3">
      <c r="A2247" s="11"/>
      <c r="B2247" s="8"/>
    </row>
    <row r="2248" spans="1:2" x14ac:dyDescent="0.3">
      <c r="A2248" s="11"/>
      <c r="B2248" s="8"/>
    </row>
    <row r="2249" spans="1:2" x14ac:dyDescent="0.3">
      <c r="A2249" s="11"/>
      <c r="B2249" s="8"/>
    </row>
    <row r="2250" spans="1:2" x14ac:dyDescent="0.3">
      <c r="A2250" s="11"/>
      <c r="B2250" s="8"/>
    </row>
    <row r="2251" spans="1:2" x14ac:dyDescent="0.3">
      <c r="A2251" s="11"/>
      <c r="B2251" s="8"/>
    </row>
    <row r="2252" spans="1:2" x14ac:dyDescent="0.3">
      <c r="A2252" s="11"/>
      <c r="B2252" s="8"/>
    </row>
    <row r="2253" spans="1:2" x14ac:dyDescent="0.3">
      <c r="A2253" s="11"/>
      <c r="B2253" s="8"/>
    </row>
    <row r="2254" spans="1:2" x14ac:dyDescent="0.3">
      <c r="A2254" s="11"/>
      <c r="B2254" s="8"/>
    </row>
    <row r="2255" spans="1:2" x14ac:dyDescent="0.3">
      <c r="A2255" s="11"/>
      <c r="B2255" s="8"/>
    </row>
    <row r="2256" spans="1:2" x14ac:dyDescent="0.3">
      <c r="A2256" s="11"/>
      <c r="B2256" s="8"/>
    </row>
    <row r="2257" spans="1:2" x14ac:dyDescent="0.3">
      <c r="A2257" s="11"/>
      <c r="B2257" s="8"/>
    </row>
    <row r="2258" spans="1:2" x14ac:dyDescent="0.3">
      <c r="A2258" s="11"/>
      <c r="B2258" s="8"/>
    </row>
    <row r="2259" spans="1:2" x14ac:dyDescent="0.3">
      <c r="A2259" s="11"/>
      <c r="B2259" s="8"/>
    </row>
    <row r="2260" spans="1:2" x14ac:dyDescent="0.3">
      <c r="A2260" s="11"/>
      <c r="B2260" s="8"/>
    </row>
    <row r="2261" spans="1:2" x14ac:dyDescent="0.3">
      <c r="A2261" s="11"/>
      <c r="B2261" s="8"/>
    </row>
    <row r="2262" spans="1:2" x14ac:dyDescent="0.3">
      <c r="A2262" s="11"/>
      <c r="B2262" s="8"/>
    </row>
    <row r="2263" spans="1:2" x14ac:dyDescent="0.3">
      <c r="A2263" s="11"/>
      <c r="B2263" s="8"/>
    </row>
    <row r="2264" spans="1:2" x14ac:dyDescent="0.3">
      <c r="A2264" s="11"/>
      <c r="B2264" s="8"/>
    </row>
    <row r="2265" spans="1:2" x14ac:dyDescent="0.3">
      <c r="A2265" s="11"/>
      <c r="B2265" s="8"/>
    </row>
    <row r="2266" spans="1:2" x14ac:dyDescent="0.3">
      <c r="A2266" s="11"/>
      <c r="B2266" s="8"/>
    </row>
    <row r="2267" spans="1:2" x14ac:dyDescent="0.3">
      <c r="A2267" s="11"/>
      <c r="B2267" s="8"/>
    </row>
    <row r="2268" spans="1:2" x14ac:dyDescent="0.3">
      <c r="A2268" s="11"/>
      <c r="B2268" s="8"/>
    </row>
    <row r="2269" spans="1:2" x14ac:dyDescent="0.3">
      <c r="A2269" s="11"/>
      <c r="B2269" s="8"/>
    </row>
    <row r="2270" spans="1:2" x14ac:dyDescent="0.3">
      <c r="A2270" s="11"/>
      <c r="B2270" s="8"/>
    </row>
    <row r="2271" spans="1:2" x14ac:dyDescent="0.3">
      <c r="A2271" s="11"/>
      <c r="B2271" s="8"/>
    </row>
    <row r="2272" spans="1:2" x14ac:dyDescent="0.3">
      <c r="A2272" s="11"/>
      <c r="B2272" s="8"/>
    </row>
    <row r="2273" spans="1:2" x14ac:dyDescent="0.3">
      <c r="A2273" s="11"/>
      <c r="B2273" s="8"/>
    </row>
    <row r="2274" spans="1:2" x14ac:dyDescent="0.3">
      <c r="A2274" s="11"/>
      <c r="B2274" s="8"/>
    </row>
    <row r="2275" spans="1:2" x14ac:dyDescent="0.3">
      <c r="A2275" s="11"/>
      <c r="B2275" s="8"/>
    </row>
    <row r="2276" spans="1:2" x14ac:dyDescent="0.3">
      <c r="A2276" s="11"/>
      <c r="B2276" s="8"/>
    </row>
    <row r="2277" spans="1:2" x14ac:dyDescent="0.3">
      <c r="A2277" s="11"/>
      <c r="B2277" s="8"/>
    </row>
    <row r="2278" spans="1:2" x14ac:dyDescent="0.3">
      <c r="A2278" s="11"/>
      <c r="B2278" s="8"/>
    </row>
    <row r="2279" spans="1:2" x14ac:dyDescent="0.3">
      <c r="A2279" s="11"/>
      <c r="B2279" s="8"/>
    </row>
    <row r="2280" spans="1:2" x14ac:dyDescent="0.3">
      <c r="A2280" s="11"/>
      <c r="B2280" s="8"/>
    </row>
    <row r="2281" spans="1:2" x14ac:dyDescent="0.3">
      <c r="A2281" s="11"/>
      <c r="B2281" s="8"/>
    </row>
    <row r="2282" spans="1:2" x14ac:dyDescent="0.3">
      <c r="A2282" s="11"/>
      <c r="B2282" s="8"/>
    </row>
    <row r="2283" spans="1:2" x14ac:dyDescent="0.3">
      <c r="A2283" s="11"/>
      <c r="B2283" s="8"/>
    </row>
    <row r="2284" spans="1:2" x14ac:dyDescent="0.3">
      <c r="A2284" s="11"/>
      <c r="B2284" s="8"/>
    </row>
    <row r="2285" spans="1:2" x14ac:dyDescent="0.3">
      <c r="A2285" s="11"/>
      <c r="B2285" s="8"/>
    </row>
    <row r="2286" spans="1:2" x14ac:dyDescent="0.3">
      <c r="A2286" s="11"/>
      <c r="B2286" s="8"/>
    </row>
    <row r="2287" spans="1:2" x14ac:dyDescent="0.3">
      <c r="A2287" s="11"/>
      <c r="B2287" s="8"/>
    </row>
    <row r="2288" spans="1:2" x14ac:dyDescent="0.3">
      <c r="A2288" s="11"/>
      <c r="B2288" s="8"/>
    </row>
    <row r="2289" spans="1:2" x14ac:dyDescent="0.3">
      <c r="A2289" s="11"/>
      <c r="B2289" s="8"/>
    </row>
    <row r="2290" spans="1:2" x14ac:dyDescent="0.3">
      <c r="A2290" s="11"/>
      <c r="B2290" s="8"/>
    </row>
    <row r="2291" spans="1:2" x14ac:dyDescent="0.3">
      <c r="A2291" s="11"/>
      <c r="B2291" s="8"/>
    </row>
    <row r="2292" spans="1:2" x14ac:dyDescent="0.3">
      <c r="A2292" s="11"/>
      <c r="B2292" s="8"/>
    </row>
    <row r="2293" spans="1:2" x14ac:dyDescent="0.3">
      <c r="A2293" s="11"/>
      <c r="B2293" s="8"/>
    </row>
    <row r="2294" spans="1:2" x14ac:dyDescent="0.3">
      <c r="A2294" s="11"/>
      <c r="B2294" s="8"/>
    </row>
    <row r="2295" spans="1:2" x14ac:dyDescent="0.3">
      <c r="A2295" s="11"/>
      <c r="B2295" s="8"/>
    </row>
    <row r="2296" spans="1:2" x14ac:dyDescent="0.3">
      <c r="A2296" s="11"/>
      <c r="B2296" s="8"/>
    </row>
    <row r="2297" spans="1:2" x14ac:dyDescent="0.3">
      <c r="A2297" s="11"/>
      <c r="B2297" s="8"/>
    </row>
    <row r="2298" spans="1:2" x14ac:dyDescent="0.3">
      <c r="A2298" s="11"/>
      <c r="B2298" s="8"/>
    </row>
    <row r="2299" spans="1:2" x14ac:dyDescent="0.3">
      <c r="A2299" s="11"/>
      <c r="B2299" s="8"/>
    </row>
    <row r="2300" spans="1:2" x14ac:dyDescent="0.3">
      <c r="A2300" s="11"/>
      <c r="B2300" s="8"/>
    </row>
    <row r="2301" spans="1:2" x14ac:dyDescent="0.3">
      <c r="A2301" s="11"/>
      <c r="B2301" s="8"/>
    </row>
    <row r="2302" spans="1:2" x14ac:dyDescent="0.3">
      <c r="A2302" s="11"/>
      <c r="B2302" s="8"/>
    </row>
    <row r="2303" spans="1:2" x14ac:dyDescent="0.3">
      <c r="A2303" s="11"/>
      <c r="B2303" s="8"/>
    </row>
    <row r="2304" spans="1:2" x14ac:dyDescent="0.3">
      <c r="A2304" s="11"/>
      <c r="B2304" s="8"/>
    </row>
    <row r="2305" spans="1:2" x14ac:dyDescent="0.3">
      <c r="A2305" s="11"/>
      <c r="B2305" s="8"/>
    </row>
    <row r="2306" spans="1:2" x14ac:dyDescent="0.3">
      <c r="A2306" s="11"/>
      <c r="B2306" s="8"/>
    </row>
    <row r="2307" spans="1:2" x14ac:dyDescent="0.3">
      <c r="A2307" s="11"/>
      <c r="B2307" s="8"/>
    </row>
    <row r="2308" spans="1:2" x14ac:dyDescent="0.3">
      <c r="A2308" s="11"/>
      <c r="B2308" s="8"/>
    </row>
    <row r="2309" spans="1:2" x14ac:dyDescent="0.3">
      <c r="A2309" s="11"/>
      <c r="B2309" s="8"/>
    </row>
    <row r="2310" spans="1:2" x14ac:dyDescent="0.3">
      <c r="A2310" s="11"/>
      <c r="B2310" s="8"/>
    </row>
    <row r="2311" spans="1:2" x14ac:dyDescent="0.3">
      <c r="A2311" s="11"/>
      <c r="B2311" s="8"/>
    </row>
    <row r="2312" spans="1:2" x14ac:dyDescent="0.3">
      <c r="A2312" s="11"/>
      <c r="B2312" s="8"/>
    </row>
    <row r="2313" spans="1:2" x14ac:dyDescent="0.3">
      <c r="A2313" s="11"/>
      <c r="B2313" s="8"/>
    </row>
    <row r="2314" spans="1:2" x14ac:dyDescent="0.3">
      <c r="A2314" s="11"/>
      <c r="B2314" s="8"/>
    </row>
    <row r="2315" spans="1:2" x14ac:dyDescent="0.3">
      <c r="A2315" s="11"/>
      <c r="B2315" s="8"/>
    </row>
    <row r="2316" spans="1:2" x14ac:dyDescent="0.3">
      <c r="A2316" s="11"/>
      <c r="B2316" s="8"/>
    </row>
    <row r="2317" spans="1:2" x14ac:dyDescent="0.3">
      <c r="A2317" s="11"/>
      <c r="B2317" s="8"/>
    </row>
    <row r="2318" spans="1:2" x14ac:dyDescent="0.3">
      <c r="A2318" s="11"/>
      <c r="B2318" s="8"/>
    </row>
    <row r="2319" spans="1:2" x14ac:dyDescent="0.3">
      <c r="A2319" s="11"/>
      <c r="B2319" s="8"/>
    </row>
    <row r="2320" spans="1:2" x14ac:dyDescent="0.3">
      <c r="A2320" s="11"/>
      <c r="B2320" s="8"/>
    </row>
    <row r="2321" spans="1:2" x14ac:dyDescent="0.3">
      <c r="A2321" s="11"/>
      <c r="B2321" s="8"/>
    </row>
    <row r="2322" spans="1:2" x14ac:dyDescent="0.3">
      <c r="A2322" s="11"/>
      <c r="B2322" s="8"/>
    </row>
    <row r="2323" spans="1:2" x14ac:dyDescent="0.3">
      <c r="A2323" s="11"/>
      <c r="B2323" s="8"/>
    </row>
    <row r="2324" spans="1:2" x14ac:dyDescent="0.3">
      <c r="A2324" s="11"/>
      <c r="B2324" s="8"/>
    </row>
    <row r="2325" spans="1:2" x14ac:dyDescent="0.3">
      <c r="A2325" s="11"/>
      <c r="B2325" s="8"/>
    </row>
    <row r="2326" spans="1:2" x14ac:dyDescent="0.3">
      <c r="A2326" s="11"/>
      <c r="B2326" s="8"/>
    </row>
    <row r="2327" spans="1:2" x14ac:dyDescent="0.3">
      <c r="A2327" s="11"/>
      <c r="B2327" s="8"/>
    </row>
    <row r="2328" spans="1:2" x14ac:dyDescent="0.3">
      <c r="A2328" s="11"/>
      <c r="B2328" s="8"/>
    </row>
    <row r="2329" spans="1:2" x14ac:dyDescent="0.3">
      <c r="A2329" s="11"/>
      <c r="B2329" s="8"/>
    </row>
    <row r="2330" spans="1:2" x14ac:dyDescent="0.3">
      <c r="A2330" s="11"/>
      <c r="B2330" s="8"/>
    </row>
    <row r="2331" spans="1:2" x14ac:dyDescent="0.3">
      <c r="A2331" s="11"/>
      <c r="B2331" s="8"/>
    </row>
    <row r="2332" spans="1:2" x14ac:dyDescent="0.3">
      <c r="A2332" s="11"/>
      <c r="B2332" s="8"/>
    </row>
    <row r="2333" spans="1:2" x14ac:dyDescent="0.3">
      <c r="A2333" s="11"/>
      <c r="B2333" s="8"/>
    </row>
    <row r="2334" spans="1:2" x14ac:dyDescent="0.3">
      <c r="A2334" s="11"/>
      <c r="B2334" s="8"/>
    </row>
    <row r="2335" spans="1:2" x14ac:dyDescent="0.3">
      <c r="A2335" s="11"/>
      <c r="B2335" s="8"/>
    </row>
    <row r="2336" spans="1:2" x14ac:dyDescent="0.3">
      <c r="A2336" s="11"/>
      <c r="B2336" s="8"/>
    </row>
    <row r="2337" spans="1:2" x14ac:dyDescent="0.3">
      <c r="A2337" s="11"/>
      <c r="B2337" s="8"/>
    </row>
    <row r="2338" spans="1:2" x14ac:dyDescent="0.3">
      <c r="A2338" s="11"/>
      <c r="B2338" s="8"/>
    </row>
    <row r="2339" spans="1:2" x14ac:dyDescent="0.3">
      <c r="A2339" s="11"/>
      <c r="B2339" s="8"/>
    </row>
    <row r="2340" spans="1:2" x14ac:dyDescent="0.3">
      <c r="A2340" s="11"/>
      <c r="B2340" s="8"/>
    </row>
    <row r="2341" spans="1:2" x14ac:dyDescent="0.3">
      <c r="A2341" s="11"/>
      <c r="B2341" s="8"/>
    </row>
    <row r="2342" spans="1:2" x14ac:dyDescent="0.3">
      <c r="A2342" s="11"/>
      <c r="B2342" s="8"/>
    </row>
    <row r="2343" spans="1:2" x14ac:dyDescent="0.3">
      <c r="A2343" s="11"/>
      <c r="B2343" s="8"/>
    </row>
    <row r="2344" spans="1:2" x14ac:dyDescent="0.3">
      <c r="A2344" s="11"/>
      <c r="B2344" s="8"/>
    </row>
    <row r="2345" spans="1:2" x14ac:dyDescent="0.3">
      <c r="A2345" s="11"/>
      <c r="B2345" s="8"/>
    </row>
    <row r="2346" spans="1:2" x14ac:dyDescent="0.3">
      <c r="A2346" s="11"/>
      <c r="B2346" s="8"/>
    </row>
    <row r="2347" spans="1:2" x14ac:dyDescent="0.3">
      <c r="A2347" s="11"/>
      <c r="B2347" s="8"/>
    </row>
    <row r="2348" spans="1:2" x14ac:dyDescent="0.3">
      <c r="A2348" s="11"/>
      <c r="B2348" s="8"/>
    </row>
    <row r="2349" spans="1:2" x14ac:dyDescent="0.3">
      <c r="A2349" s="11"/>
      <c r="B2349" s="8"/>
    </row>
    <row r="2350" spans="1:2" x14ac:dyDescent="0.3">
      <c r="A2350" s="11"/>
      <c r="B2350" s="8"/>
    </row>
    <row r="2351" spans="1:2" x14ac:dyDescent="0.3">
      <c r="A2351" s="11"/>
      <c r="B2351" s="8"/>
    </row>
    <row r="2352" spans="1:2" x14ac:dyDescent="0.3">
      <c r="A2352" s="11"/>
      <c r="B2352" s="8"/>
    </row>
    <row r="2353" spans="1:2" x14ac:dyDescent="0.3">
      <c r="A2353" s="11"/>
      <c r="B2353" s="8"/>
    </row>
    <row r="2354" spans="1:2" x14ac:dyDescent="0.3">
      <c r="A2354" s="11"/>
      <c r="B2354" s="8"/>
    </row>
    <row r="2355" spans="1:2" x14ac:dyDescent="0.3">
      <c r="A2355" s="11"/>
      <c r="B2355" s="8"/>
    </row>
    <row r="2356" spans="1:2" x14ac:dyDescent="0.3">
      <c r="A2356" s="11"/>
      <c r="B2356" s="8"/>
    </row>
    <row r="2357" spans="1:2" x14ac:dyDescent="0.3">
      <c r="A2357" s="11"/>
      <c r="B2357" s="8"/>
    </row>
    <row r="2358" spans="1:2" x14ac:dyDescent="0.3">
      <c r="A2358" s="11"/>
      <c r="B2358" s="8"/>
    </row>
    <row r="2359" spans="1:2" x14ac:dyDescent="0.3">
      <c r="A2359" s="11"/>
      <c r="B2359" s="8"/>
    </row>
    <row r="2360" spans="1:2" x14ac:dyDescent="0.3">
      <c r="A2360" s="11"/>
      <c r="B2360" s="8"/>
    </row>
    <row r="2361" spans="1:2" x14ac:dyDescent="0.3">
      <c r="A2361" s="11"/>
      <c r="B2361" s="8"/>
    </row>
    <row r="2362" spans="1:2" x14ac:dyDescent="0.3">
      <c r="A2362" s="11"/>
      <c r="B2362" s="8"/>
    </row>
    <row r="2363" spans="1:2" x14ac:dyDescent="0.3">
      <c r="A2363" s="11"/>
      <c r="B2363" s="8"/>
    </row>
    <row r="2364" spans="1:2" x14ac:dyDescent="0.3">
      <c r="A2364" s="11"/>
      <c r="B2364" s="8"/>
    </row>
    <row r="2365" spans="1:2" x14ac:dyDescent="0.3">
      <c r="A2365" s="11"/>
      <c r="B2365" s="8"/>
    </row>
    <row r="2366" spans="1:2" x14ac:dyDescent="0.3">
      <c r="A2366" s="11"/>
      <c r="B2366" s="8"/>
    </row>
    <row r="2367" spans="1:2" x14ac:dyDescent="0.3">
      <c r="A2367" s="11"/>
      <c r="B2367" s="8"/>
    </row>
    <row r="2368" spans="1:2" x14ac:dyDescent="0.3">
      <c r="A2368" s="11"/>
      <c r="B2368" s="8"/>
    </row>
    <row r="2369" spans="1:2" x14ac:dyDescent="0.3">
      <c r="A2369" s="11"/>
      <c r="B2369" s="8"/>
    </row>
    <row r="2370" spans="1:2" x14ac:dyDescent="0.3">
      <c r="A2370" s="11"/>
      <c r="B2370" s="8"/>
    </row>
    <row r="2371" spans="1:2" x14ac:dyDescent="0.3">
      <c r="A2371" s="11"/>
      <c r="B2371" s="8"/>
    </row>
    <row r="2372" spans="1:2" x14ac:dyDescent="0.3">
      <c r="A2372" s="11"/>
      <c r="B2372" s="8"/>
    </row>
    <row r="2373" spans="1:2" x14ac:dyDescent="0.3">
      <c r="A2373" s="11"/>
      <c r="B2373" s="8"/>
    </row>
    <row r="2374" spans="1:2" x14ac:dyDescent="0.3">
      <c r="A2374" s="11"/>
      <c r="B2374" s="8"/>
    </row>
    <row r="2375" spans="1:2" x14ac:dyDescent="0.3">
      <c r="A2375" s="11"/>
      <c r="B2375" s="8"/>
    </row>
    <row r="2376" spans="1:2" x14ac:dyDescent="0.3">
      <c r="A2376" s="11"/>
      <c r="B2376" s="8"/>
    </row>
    <row r="2377" spans="1:2" x14ac:dyDescent="0.3">
      <c r="A2377" s="11"/>
      <c r="B2377" s="8"/>
    </row>
    <row r="2378" spans="1:2" x14ac:dyDescent="0.3">
      <c r="A2378" s="11"/>
      <c r="B2378" s="8"/>
    </row>
    <row r="2379" spans="1:2" x14ac:dyDescent="0.3">
      <c r="A2379" s="11"/>
      <c r="B2379" s="8"/>
    </row>
    <row r="2380" spans="1:2" x14ac:dyDescent="0.3">
      <c r="A2380" s="11"/>
      <c r="B2380" s="8"/>
    </row>
    <row r="2381" spans="1:2" x14ac:dyDescent="0.3">
      <c r="A2381" s="11"/>
      <c r="B2381" s="8"/>
    </row>
    <row r="2382" spans="1:2" x14ac:dyDescent="0.3">
      <c r="A2382" s="11"/>
      <c r="B2382" s="8"/>
    </row>
    <row r="2383" spans="1:2" x14ac:dyDescent="0.3">
      <c r="A2383" s="11"/>
      <c r="B2383" s="8"/>
    </row>
    <row r="2384" spans="1:2" x14ac:dyDescent="0.3">
      <c r="A2384" s="11"/>
      <c r="B2384" s="8"/>
    </row>
    <row r="2385" spans="1:2" x14ac:dyDescent="0.3">
      <c r="A2385" s="11"/>
      <c r="B2385" s="8"/>
    </row>
    <row r="2386" spans="1:2" x14ac:dyDescent="0.3">
      <c r="A2386" s="11"/>
      <c r="B2386" s="8"/>
    </row>
    <row r="2387" spans="1:2" x14ac:dyDescent="0.3">
      <c r="A2387" s="11"/>
      <c r="B2387" s="8"/>
    </row>
    <row r="2388" spans="1:2" x14ac:dyDescent="0.3">
      <c r="A2388" s="11"/>
      <c r="B2388" s="8"/>
    </row>
    <row r="2389" spans="1:2" x14ac:dyDescent="0.3">
      <c r="A2389" s="11"/>
      <c r="B2389" s="8"/>
    </row>
    <row r="2390" spans="1:2" x14ac:dyDescent="0.3">
      <c r="A2390" s="11"/>
      <c r="B2390" s="8"/>
    </row>
    <row r="2391" spans="1:2" x14ac:dyDescent="0.3">
      <c r="A2391" s="11"/>
      <c r="B2391" s="8"/>
    </row>
    <row r="2392" spans="1:2" x14ac:dyDescent="0.3">
      <c r="A2392" s="11"/>
      <c r="B2392" s="8"/>
    </row>
    <row r="2393" spans="1:2" x14ac:dyDescent="0.3">
      <c r="A2393" s="11"/>
      <c r="B2393" s="8"/>
    </row>
    <row r="2394" spans="1:2" x14ac:dyDescent="0.3">
      <c r="A2394" s="11"/>
      <c r="B2394" s="8"/>
    </row>
    <row r="2395" spans="1:2" x14ac:dyDescent="0.3">
      <c r="A2395" s="11"/>
      <c r="B2395" s="8"/>
    </row>
    <row r="2396" spans="1:2" x14ac:dyDescent="0.3">
      <c r="A2396" s="11"/>
      <c r="B2396" s="8"/>
    </row>
    <row r="2397" spans="1:2" x14ac:dyDescent="0.3">
      <c r="A2397" s="11"/>
      <c r="B2397" s="8"/>
    </row>
    <row r="2398" spans="1:2" x14ac:dyDescent="0.3">
      <c r="A2398" s="11"/>
      <c r="B2398" s="8"/>
    </row>
    <row r="2399" spans="1:2" x14ac:dyDescent="0.3">
      <c r="A2399" s="11"/>
      <c r="B2399" s="8"/>
    </row>
    <row r="2400" spans="1:2" x14ac:dyDescent="0.3">
      <c r="A2400" s="11"/>
      <c r="B2400" s="8"/>
    </row>
    <row r="2401" spans="1:2" x14ac:dyDescent="0.3">
      <c r="A2401" s="11"/>
      <c r="B2401" s="8"/>
    </row>
    <row r="2402" spans="1:2" x14ac:dyDescent="0.3">
      <c r="A2402" s="11"/>
      <c r="B2402" s="8"/>
    </row>
    <row r="2403" spans="1:2" x14ac:dyDescent="0.3">
      <c r="A2403" s="11"/>
      <c r="B2403" s="8"/>
    </row>
    <row r="2404" spans="1:2" x14ac:dyDescent="0.3">
      <c r="A2404" s="11"/>
      <c r="B2404" s="8"/>
    </row>
    <row r="2405" spans="1:2" x14ac:dyDescent="0.3">
      <c r="A2405" s="11"/>
      <c r="B2405" s="8"/>
    </row>
    <row r="2406" spans="1:2" x14ac:dyDescent="0.3">
      <c r="A2406" s="11"/>
      <c r="B2406" s="8"/>
    </row>
    <row r="2407" spans="1:2" x14ac:dyDescent="0.3">
      <c r="A2407" s="11"/>
      <c r="B2407" s="8"/>
    </row>
    <row r="2408" spans="1:2" x14ac:dyDescent="0.3">
      <c r="A2408" s="11"/>
      <c r="B2408" s="8"/>
    </row>
    <row r="2409" spans="1:2" x14ac:dyDescent="0.3">
      <c r="A2409" s="11"/>
      <c r="B2409" s="8"/>
    </row>
    <row r="2410" spans="1:2" x14ac:dyDescent="0.3">
      <c r="A2410" s="11"/>
      <c r="B2410" s="8"/>
    </row>
    <row r="2411" spans="1:2" x14ac:dyDescent="0.3">
      <c r="A2411" s="11"/>
      <c r="B2411" s="8"/>
    </row>
    <row r="2412" spans="1:2" x14ac:dyDescent="0.3">
      <c r="A2412" s="11"/>
      <c r="B2412" s="8"/>
    </row>
    <row r="2413" spans="1:2" x14ac:dyDescent="0.3">
      <c r="A2413" s="11"/>
      <c r="B2413" s="8"/>
    </row>
    <row r="2414" spans="1:2" x14ac:dyDescent="0.3">
      <c r="A2414" s="11"/>
      <c r="B2414" s="8"/>
    </row>
    <row r="2415" spans="1:2" x14ac:dyDescent="0.3">
      <c r="A2415" s="11"/>
      <c r="B2415" s="8"/>
    </row>
    <row r="2416" spans="1:2" x14ac:dyDescent="0.3">
      <c r="A2416" s="11"/>
      <c r="B2416" s="8"/>
    </row>
    <row r="2417" spans="1:2" x14ac:dyDescent="0.3">
      <c r="A2417" s="11"/>
      <c r="B2417" s="8"/>
    </row>
    <row r="2418" spans="1:2" x14ac:dyDescent="0.3">
      <c r="A2418" s="11"/>
      <c r="B2418" s="8"/>
    </row>
    <row r="2419" spans="1:2" x14ac:dyDescent="0.3">
      <c r="A2419" s="11"/>
      <c r="B2419" s="8"/>
    </row>
    <row r="2420" spans="1:2" x14ac:dyDescent="0.3">
      <c r="A2420" s="11"/>
      <c r="B2420" s="8"/>
    </row>
    <row r="2421" spans="1:2" x14ac:dyDescent="0.3">
      <c r="A2421" s="11"/>
      <c r="B2421" s="8"/>
    </row>
    <row r="2422" spans="1:2" x14ac:dyDescent="0.3">
      <c r="A2422" s="11"/>
      <c r="B2422" s="8"/>
    </row>
    <row r="2423" spans="1:2" x14ac:dyDescent="0.3">
      <c r="A2423" s="11"/>
      <c r="B2423" s="8"/>
    </row>
    <row r="2424" spans="1:2" x14ac:dyDescent="0.3">
      <c r="A2424" s="11"/>
      <c r="B2424" s="8"/>
    </row>
    <row r="2425" spans="1:2" x14ac:dyDescent="0.3">
      <c r="A2425" s="11"/>
      <c r="B2425" s="8"/>
    </row>
    <row r="2426" spans="1:2" x14ac:dyDescent="0.3">
      <c r="A2426" s="11"/>
      <c r="B2426" s="8"/>
    </row>
    <row r="2427" spans="1:2" x14ac:dyDescent="0.3">
      <c r="A2427" s="11"/>
      <c r="B2427" s="8"/>
    </row>
    <row r="2428" spans="1:2" x14ac:dyDescent="0.3">
      <c r="A2428" s="11"/>
      <c r="B2428" s="8"/>
    </row>
    <row r="2429" spans="1:2" x14ac:dyDescent="0.3">
      <c r="A2429" s="11"/>
      <c r="B2429" s="8"/>
    </row>
    <row r="2430" spans="1:2" x14ac:dyDescent="0.3">
      <c r="A2430" s="11"/>
      <c r="B2430" s="8"/>
    </row>
    <row r="2431" spans="1:2" x14ac:dyDescent="0.3">
      <c r="A2431" s="11"/>
      <c r="B2431" s="8"/>
    </row>
    <row r="2432" spans="1:2" x14ac:dyDescent="0.3">
      <c r="A2432" s="11"/>
      <c r="B2432" s="8"/>
    </row>
    <row r="2433" spans="1:2" x14ac:dyDescent="0.3">
      <c r="A2433" s="11"/>
      <c r="B2433" s="8"/>
    </row>
    <row r="2434" spans="1:2" x14ac:dyDescent="0.3">
      <c r="A2434" s="11"/>
      <c r="B2434" s="8"/>
    </row>
    <row r="2435" spans="1:2" x14ac:dyDescent="0.3">
      <c r="A2435" s="11"/>
      <c r="B2435" s="8"/>
    </row>
    <row r="2436" spans="1:2" x14ac:dyDescent="0.3">
      <c r="A2436" s="11"/>
      <c r="B2436" s="8"/>
    </row>
    <row r="2437" spans="1:2" x14ac:dyDescent="0.3">
      <c r="A2437" s="11"/>
      <c r="B2437" s="8"/>
    </row>
    <row r="2438" spans="1:2" x14ac:dyDescent="0.3">
      <c r="A2438" s="11"/>
      <c r="B2438" s="8"/>
    </row>
    <row r="2439" spans="1:2" x14ac:dyDescent="0.3">
      <c r="A2439" s="11"/>
      <c r="B2439" s="8"/>
    </row>
    <row r="2440" spans="1:2" x14ac:dyDescent="0.3">
      <c r="A2440" s="11"/>
      <c r="B2440" s="8"/>
    </row>
    <row r="2441" spans="1:2" x14ac:dyDescent="0.3">
      <c r="A2441" s="11"/>
      <c r="B2441" s="8"/>
    </row>
    <row r="2442" spans="1:2" x14ac:dyDescent="0.3">
      <c r="A2442" s="11"/>
      <c r="B2442" s="8"/>
    </row>
    <row r="2443" spans="1:2" x14ac:dyDescent="0.3">
      <c r="A2443" s="11"/>
      <c r="B2443" s="8"/>
    </row>
    <row r="2444" spans="1:2" x14ac:dyDescent="0.3">
      <c r="A2444" s="11"/>
      <c r="B2444" s="8"/>
    </row>
    <row r="2445" spans="1:2" x14ac:dyDescent="0.3">
      <c r="A2445" s="11"/>
      <c r="B2445" s="8"/>
    </row>
    <row r="2446" spans="1:2" x14ac:dyDescent="0.3">
      <c r="A2446" s="11"/>
      <c r="B2446" s="8"/>
    </row>
    <row r="2447" spans="1:2" x14ac:dyDescent="0.3">
      <c r="A2447" s="11"/>
      <c r="B2447" s="8"/>
    </row>
    <row r="2448" spans="1:2" x14ac:dyDescent="0.3">
      <c r="A2448" s="11"/>
      <c r="B2448" s="8"/>
    </row>
    <row r="2449" spans="1:2" x14ac:dyDescent="0.3">
      <c r="A2449" s="11"/>
      <c r="B2449" s="8"/>
    </row>
    <row r="2450" spans="1:2" x14ac:dyDescent="0.3">
      <c r="A2450" s="11"/>
      <c r="B2450" s="8"/>
    </row>
    <row r="2451" spans="1:2" x14ac:dyDescent="0.3">
      <c r="A2451" s="11"/>
      <c r="B2451" s="8"/>
    </row>
    <row r="2452" spans="1:2" x14ac:dyDescent="0.3">
      <c r="A2452" s="11"/>
      <c r="B2452" s="8"/>
    </row>
    <row r="2453" spans="1:2" x14ac:dyDescent="0.3">
      <c r="A2453" s="11"/>
      <c r="B2453" s="8"/>
    </row>
    <row r="2454" spans="1:2" x14ac:dyDescent="0.3">
      <c r="A2454" s="11"/>
      <c r="B2454" s="8"/>
    </row>
    <row r="2455" spans="1:2" x14ac:dyDescent="0.3">
      <c r="A2455" s="11"/>
      <c r="B2455" s="8"/>
    </row>
    <row r="2456" spans="1:2" x14ac:dyDescent="0.3">
      <c r="A2456" s="11"/>
      <c r="B2456" s="8"/>
    </row>
    <row r="2457" spans="1:2" x14ac:dyDescent="0.3">
      <c r="A2457" s="11"/>
      <c r="B2457" s="8"/>
    </row>
    <row r="2458" spans="1:2" x14ac:dyDescent="0.3">
      <c r="A2458" s="11"/>
      <c r="B2458" s="8"/>
    </row>
    <row r="2459" spans="1:2" x14ac:dyDescent="0.3">
      <c r="A2459" s="11"/>
      <c r="B2459" s="8"/>
    </row>
    <row r="2460" spans="1:2" x14ac:dyDescent="0.3">
      <c r="A2460" s="11"/>
      <c r="B2460" s="8"/>
    </row>
    <row r="2461" spans="1:2" x14ac:dyDescent="0.3">
      <c r="A2461" s="11"/>
      <c r="B2461" s="8"/>
    </row>
    <row r="2462" spans="1:2" x14ac:dyDescent="0.3">
      <c r="A2462" s="11"/>
      <c r="B2462" s="8"/>
    </row>
    <row r="2463" spans="1:2" x14ac:dyDescent="0.3">
      <c r="A2463" s="11"/>
      <c r="B2463" s="8"/>
    </row>
    <row r="2464" spans="1:2" x14ac:dyDescent="0.3">
      <c r="A2464" s="11"/>
      <c r="B2464" s="8"/>
    </row>
    <row r="2465" spans="1:2" x14ac:dyDescent="0.3">
      <c r="A2465" s="11"/>
      <c r="B2465" s="8"/>
    </row>
    <row r="2466" spans="1:2" x14ac:dyDescent="0.3">
      <c r="A2466" s="11"/>
      <c r="B2466" s="8"/>
    </row>
    <row r="2467" spans="1:2" x14ac:dyDescent="0.3">
      <c r="A2467" s="11"/>
      <c r="B2467" s="8"/>
    </row>
    <row r="2468" spans="1:2" x14ac:dyDescent="0.3">
      <c r="A2468" s="11"/>
      <c r="B2468" s="8"/>
    </row>
    <row r="2469" spans="1:2" x14ac:dyDescent="0.3">
      <c r="A2469" s="11"/>
      <c r="B2469" s="8"/>
    </row>
    <row r="2470" spans="1:2" x14ac:dyDescent="0.3">
      <c r="A2470" s="11"/>
      <c r="B2470" s="8"/>
    </row>
    <row r="2471" spans="1:2" x14ac:dyDescent="0.3">
      <c r="A2471" s="11"/>
      <c r="B2471" s="8"/>
    </row>
    <row r="2472" spans="1:2" x14ac:dyDescent="0.3">
      <c r="A2472" s="11"/>
      <c r="B2472" s="8"/>
    </row>
    <row r="2473" spans="1:2" x14ac:dyDescent="0.3">
      <c r="A2473" s="11"/>
      <c r="B2473" s="8"/>
    </row>
    <row r="2474" spans="1:2" x14ac:dyDescent="0.3">
      <c r="A2474" s="11"/>
      <c r="B2474" s="8"/>
    </row>
    <row r="2475" spans="1:2" x14ac:dyDescent="0.3">
      <c r="A2475" s="11"/>
      <c r="B2475" s="8"/>
    </row>
    <row r="2476" spans="1:2" x14ac:dyDescent="0.3">
      <c r="A2476" s="11"/>
      <c r="B2476" s="8"/>
    </row>
    <row r="2477" spans="1:2" x14ac:dyDescent="0.3">
      <c r="A2477" s="11"/>
      <c r="B2477" s="8"/>
    </row>
    <row r="2478" spans="1:2" x14ac:dyDescent="0.3">
      <c r="A2478" s="11"/>
      <c r="B2478" s="8"/>
    </row>
    <row r="2479" spans="1:2" x14ac:dyDescent="0.3">
      <c r="A2479" s="11"/>
      <c r="B2479" s="8"/>
    </row>
    <row r="2480" spans="1:2" x14ac:dyDescent="0.3">
      <c r="A2480" s="11"/>
      <c r="B2480" s="8"/>
    </row>
    <row r="2481" spans="1:2" x14ac:dyDescent="0.3">
      <c r="A2481" s="11"/>
      <c r="B2481" s="8"/>
    </row>
    <row r="2482" spans="1:2" x14ac:dyDescent="0.3">
      <c r="A2482" s="11"/>
      <c r="B2482" s="8"/>
    </row>
    <row r="2483" spans="1:2" x14ac:dyDescent="0.3">
      <c r="A2483" s="11"/>
      <c r="B2483" s="8"/>
    </row>
    <row r="2484" spans="1:2" x14ac:dyDescent="0.3">
      <c r="A2484" s="11"/>
      <c r="B2484" s="8"/>
    </row>
    <row r="2485" spans="1:2" x14ac:dyDescent="0.3">
      <c r="A2485" s="11"/>
      <c r="B2485" s="8"/>
    </row>
    <row r="2486" spans="1:2" x14ac:dyDescent="0.3">
      <c r="A2486" s="11"/>
      <c r="B2486" s="8"/>
    </row>
    <row r="2487" spans="1:2" x14ac:dyDescent="0.3">
      <c r="A2487" s="11"/>
      <c r="B2487" s="8"/>
    </row>
    <row r="2488" spans="1:2" x14ac:dyDescent="0.3">
      <c r="A2488" s="11"/>
      <c r="B2488" s="8"/>
    </row>
    <row r="2489" spans="1:2" x14ac:dyDescent="0.3">
      <c r="A2489" s="11"/>
      <c r="B2489" s="8"/>
    </row>
    <row r="2490" spans="1:2" x14ac:dyDescent="0.3">
      <c r="A2490" s="11"/>
      <c r="B2490" s="8"/>
    </row>
    <row r="2491" spans="1:2" x14ac:dyDescent="0.3">
      <c r="A2491" s="11"/>
      <c r="B2491" s="8"/>
    </row>
    <row r="2492" spans="1:2" x14ac:dyDescent="0.3">
      <c r="A2492" s="11"/>
      <c r="B2492" s="8"/>
    </row>
    <row r="2493" spans="1:2" x14ac:dyDescent="0.3">
      <c r="A2493" s="11"/>
      <c r="B2493" s="8"/>
    </row>
    <row r="2494" spans="1:2" x14ac:dyDescent="0.3">
      <c r="A2494" s="11"/>
      <c r="B2494" s="8"/>
    </row>
    <row r="2495" spans="1:2" x14ac:dyDescent="0.3">
      <c r="A2495" s="11"/>
      <c r="B2495" s="8"/>
    </row>
    <row r="2496" spans="1:2" x14ac:dyDescent="0.3">
      <c r="A2496" s="11"/>
      <c r="B2496" s="8"/>
    </row>
    <row r="2497" spans="1:2" x14ac:dyDescent="0.3">
      <c r="A2497" s="11"/>
      <c r="B2497" s="8"/>
    </row>
    <row r="2498" spans="1:2" x14ac:dyDescent="0.3">
      <c r="A2498" s="11"/>
      <c r="B2498" s="8"/>
    </row>
    <row r="2499" spans="1:2" x14ac:dyDescent="0.3">
      <c r="A2499" s="11"/>
      <c r="B2499" s="8"/>
    </row>
    <row r="2500" spans="1:2" x14ac:dyDescent="0.3">
      <c r="A2500" s="11"/>
      <c r="B2500" s="8"/>
    </row>
    <row r="2501" spans="1:2" x14ac:dyDescent="0.3">
      <c r="A2501" s="11"/>
      <c r="B2501" s="8"/>
    </row>
    <row r="2502" spans="1:2" x14ac:dyDescent="0.3">
      <c r="A2502" s="11"/>
      <c r="B2502" s="8"/>
    </row>
    <row r="2503" spans="1:2" x14ac:dyDescent="0.3">
      <c r="A2503" s="11"/>
      <c r="B2503" s="8"/>
    </row>
    <row r="2504" spans="1:2" x14ac:dyDescent="0.3">
      <c r="A2504" s="11"/>
      <c r="B2504" s="8"/>
    </row>
    <row r="2505" spans="1:2" x14ac:dyDescent="0.3">
      <c r="A2505" s="11"/>
      <c r="B2505" s="8"/>
    </row>
    <row r="2506" spans="1:2" x14ac:dyDescent="0.3">
      <c r="A2506" s="11"/>
      <c r="B2506" s="8"/>
    </row>
    <row r="2507" spans="1:2" x14ac:dyDescent="0.3">
      <c r="A2507" s="11"/>
      <c r="B2507" s="8"/>
    </row>
    <row r="2508" spans="1:2" x14ac:dyDescent="0.3">
      <c r="A2508" s="11"/>
      <c r="B2508" s="8"/>
    </row>
    <row r="2509" spans="1:2" x14ac:dyDescent="0.3">
      <c r="A2509" s="11"/>
      <c r="B2509" s="8"/>
    </row>
    <row r="2510" spans="1:2" x14ac:dyDescent="0.3">
      <c r="A2510" s="11"/>
      <c r="B2510" s="8"/>
    </row>
    <row r="2511" spans="1:2" x14ac:dyDescent="0.3">
      <c r="A2511" s="11"/>
      <c r="B2511" s="8"/>
    </row>
    <row r="2512" spans="1:2" x14ac:dyDescent="0.3">
      <c r="A2512" s="11"/>
      <c r="B2512" s="8"/>
    </row>
    <row r="2513" spans="1:2" x14ac:dyDescent="0.3">
      <c r="A2513" s="11"/>
      <c r="B2513" s="8"/>
    </row>
    <row r="2514" spans="1:2" x14ac:dyDescent="0.3">
      <c r="A2514" s="11"/>
      <c r="B2514" s="8"/>
    </row>
    <row r="2515" spans="1:2" x14ac:dyDescent="0.3">
      <c r="A2515" s="11"/>
      <c r="B2515" s="8"/>
    </row>
    <row r="2516" spans="1:2" x14ac:dyDescent="0.3">
      <c r="A2516" s="11"/>
      <c r="B2516" s="8"/>
    </row>
    <row r="2517" spans="1:2" x14ac:dyDescent="0.3">
      <c r="A2517" s="11"/>
      <c r="B2517" s="8"/>
    </row>
    <row r="2518" spans="1:2" x14ac:dyDescent="0.3">
      <c r="A2518" s="11"/>
      <c r="B2518" s="8"/>
    </row>
    <row r="2519" spans="1:2" x14ac:dyDescent="0.3">
      <c r="A2519" s="11"/>
      <c r="B2519" s="8"/>
    </row>
    <row r="2520" spans="1:2" x14ac:dyDescent="0.3">
      <c r="A2520" s="11"/>
      <c r="B2520" s="8"/>
    </row>
    <row r="2521" spans="1:2" x14ac:dyDescent="0.3">
      <c r="A2521" s="11"/>
      <c r="B2521" s="8"/>
    </row>
    <row r="2522" spans="1:2" x14ac:dyDescent="0.3">
      <c r="A2522" s="11"/>
      <c r="B2522" s="8"/>
    </row>
    <row r="2523" spans="1:2" x14ac:dyDescent="0.3">
      <c r="A2523" s="11"/>
      <c r="B2523" s="8"/>
    </row>
    <row r="2524" spans="1:2" x14ac:dyDescent="0.3">
      <c r="A2524" s="11"/>
      <c r="B2524" s="8"/>
    </row>
    <row r="2525" spans="1:2" x14ac:dyDescent="0.3">
      <c r="A2525" s="11"/>
      <c r="B2525" s="8"/>
    </row>
    <row r="2526" spans="1:2" x14ac:dyDescent="0.3">
      <c r="A2526" s="11"/>
      <c r="B2526" s="8"/>
    </row>
    <row r="2527" spans="1:2" x14ac:dyDescent="0.3">
      <c r="A2527" s="11"/>
      <c r="B2527" s="8"/>
    </row>
    <row r="2528" spans="1:2" x14ac:dyDescent="0.3">
      <c r="A2528" s="11"/>
      <c r="B2528" s="8"/>
    </row>
    <row r="2529" spans="1:2" x14ac:dyDescent="0.3">
      <c r="A2529" s="11"/>
      <c r="B2529" s="8"/>
    </row>
    <row r="2530" spans="1:2" x14ac:dyDescent="0.3">
      <c r="A2530" s="11"/>
      <c r="B2530" s="8"/>
    </row>
    <row r="2531" spans="1:2" x14ac:dyDescent="0.3">
      <c r="A2531" s="11"/>
      <c r="B2531" s="8"/>
    </row>
    <row r="2532" spans="1:2" x14ac:dyDescent="0.3">
      <c r="A2532" s="11"/>
      <c r="B2532" s="8"/>
    </row>
    <row r="2533" spans="1:2" x14ac:dyDescent="0.3">
      <c r="A2533" s="11"/>
      <c r="B2533" s="8"/>
    </row>
    <row r="2534" spans="1:2" x14ac:dyDescent="0.3">
      <c r="A2534" s="11"/>
      <c r="B2534" s="8"/>
    </row>
    <row r="2535" spans="1:2" x14ac:dyDescent="0.3">
      <c r="A2535" s="11"/>
      <c r="B2535" s="8"/>
    </row>
    <row r="2536" spans="1:2" x14ac:dyDescent="0.3">
      <c r="A2536" s="11"/>
      <c r="B2536" s="8"/>
    </row>
    <row r="2537" spans="1:2" x14ac:dyDescent="0.3">
      <c r="A2537" s="11"/>
      <c r="B2537" s="8"/>
    </row>
    <row r="2538" spans="1:2" x14ac:dyDescent="0.3">
      <c r="A2538" s="11"/>
      <c r="B2538" s="8"/>
    </row>
    <row r="2539" spans="1:2" x14ac:dyDescent="0.3">
      <c r="A2539" s="11"/>
      <c r="B2539" s="8"/>
    </row>
    <row r="2540" spans="1:2" x14ac:dyDescent="0.3">
      <c r="A2540" s="11"/>
      <c r="B2540" s="8"/>
    </row>
    <row r="2541" spans="1:2" x14ac:dyDescent="0.3">
      <c r="A2541" s="11"/>
      <c r="B2541" s="8"/>
    </row>
    <row r="2542" spans="1:2" x14ac:dyDescent="0.3">
      <c r="A2542" s="11"/>
      <c r="B2542" s="8"/>
    </row>
    <row r="2543" spans="1:2" x14ac:dyDescent="0.3">
      <c r="A2543" s="11"/>
      <c r="B2543" s="8"/>
    </row>
    <row r="2544" spans="1:2" x14ac:dyDescent="0.3">
      <c r="A2544" s="11"/>
      <c r="B2544" s="8"/>
    </row>
    <row r="2545" spans="1:2" x14ac:dyDescent="0.3">
      <c r="A2545" s="11"/>
      <c r="B2545" s="8"/>
    </row>
    <row r="2546" spans="1:2" x14ac:dyDescent="0.3">
      <c r="A2546" s="11"/>
      <c r="B2546" s="8"/>
    </row>
    <row r="2547" spans="1:2" x14ac:dyDescent="0.3">
      <c r="A2547" s="11"/>
      <c r="B2547" s="8"/>
    </row>
    <row r="2548" spans="1:2" x14ac:dyDescent="0.3">
      <c r="A2548" s="11"/>
      <c r="B2548" s="8"/>
    </row>
    <row r="2549" spans="1:2" x14ac:dyDescent="0.3">
      <c r="A2549" s="11"/>
      <c r="B2549" s="8"/>
    </row>
    <row r="2550" spans="1:2" x14ac:dyDescent="0.3">
      <c r="A2550" s="11"/>
      <c r="B2550" s="8"/>
    </row>
    <row r="2551" spans="1:2" x14ac:dyDescent="0.3">
      <c r="A2551" s="11"/>
      <c r="B2551" s="8"/>
    </row>
    <row r="2552" spans="1:2" x14ac:dyDescent="0.3">
      <c r="A2552" s="11"/>
      <c r="B2552" s="8"/>
    </row>
    <row r="2553" spans="1:2" x14ac:dyDescent="0.3">
      <c r="A2553" s="11"/>
      <c r="B2553" s="8"/>
    </row>
    <row r="2554" spans="1:2" x14ac:dyDescent="0.3">
      <c r="A2554" s="11"/>
      <c r="B2554" s="8"/>
    </row>
    <row r="2555" spans="1:2" x14ac:dyDescent="0.3">
      <c r="A2555" s="11"/>
      <c r="B2555" s="8"/>
    </row>
    <row r="2556" spans="1:2" x14ac:dyDescent="0.3">
      <c r="A2556" s="11"/>
      <c r="B2556" s="8"/>
    </row>
    <row r="2557" spans="1:2" x14ac:dyDescent="0.3">
      <c r="A2557" s="11"/>
      <c r="B2557" s="8"/>
    </row>
    <row r="2558" spans="1:2" x14ac:dyDescent="0.3">
      <c r="A2558" s="11"/>
      <c r="B2558" s="8"/>
    </row>
    <row r="2559" spans="1:2" x14ac:dyDescent="0.3">
      <c r="A2559" s="11"/>
      <c r="B2559" s="8"/>
    </row>
    <row r="2560" spans="1:2" x14ac:dyDescent="0.3">
      <c r="A2560" s="11"/>
      <c r="B2560" s="8"/>
    </row>
    <row r="2561" spans="1:2" x14ac:dyDescent="0.3">
      <c r="A2561" s="11"/>
      <c r="B2561" s="8"/>
    </row>
    <row r="2562" spans="1:2" x14ac:dyDescent="0.3">
      <c r="A2562" s="11"/>
      <c r="B2562" s="8"/>
    </row>
    <row r="2563" spans="1:2" x14ac:dyDescent="0.3">
      <c r="A2563" s="11"/>
      <c r="B2563" s="8"/>
    </row>
    <row r="2564" spans="1:2" x14ac:dyDescent="0.3">
      <c r="A2564" s="11"/>
      <c r="B2564" s="8"/>
    </row>
    <row r="2565" spans="1:2" x14ac:dyDescent="0.3">
      <c r="A2565" s="11"/>
      <c r="B2565" s="8"/>
    </row>
    <row r="2566" spans="1:2" x14ac:dyDescent="0.3">
      <c r="A2566" s="11"/>
      <c r="B2566" s="8"/>
    </row>
    <row r="2567" spans="1:2" x14ac:dyDescent="0.3">
      <c r="A2567" s="11"/>
      <c r="B2567" s="8"/>
    </row>
    <row r="2568" spans="1:2" x14ac:dyDescent="0.3">
      <c r="A2568" s="11"/>
      <c r="B2568" s="8"/>
    </row>
    <row r="2569" spans="1:2" x14ac:dyDescent="0.3">
      <c r="A2569" s="11"/>
      <c r="B2569" s="8"/>
    </row>
    <row r="2570" spans="1:2" x14ac:dyDescent="0.3">
      <c r="A2570" s="11"/>
      <c r="B2570" s="8"/>
    </row>
    <row r="2571" spans="1:2" x14ac:dyDescent="0.3">
      <c r="A2571" s="11"/>
      <c r="B2571" s="8"/>
    </row>
    <row r="2572" spans="1:2" x14ac:dyDescent="0.3">
      <c r="A2572" s="11"/>
      <c r="B2572" s="8"/>
    </row>
    <row r="2573" spans="1:2" x14ac:dyDescent="0.3">
      <c r="A2573" s="11"/>
      <c r="B2573" s="8"/>
    </row>
    <row r="2574" spans="1:2" x14ac:dyDescent="0.3">
      <c r="A2574" s="11"/>
      <c r="B2574" s="8"/>
    </row>
    <row r="2575" spans="1:2" x14ac:dyDescent="0.3">
      <c r="A2575" s="11"/>
      <c r="B2575" s="8"/>
    </row>
    <row r="2576" spans="1:2" x14ac:dyDescent="0.3">
      <c r="A2576" s="11"/>
      <c r="B2576" s="8"/>
    </row>
    <row r="2577" spans="1:2" x14ac:dyDescent="0.3">
      <c r="A2577" s="11"/>
      <c r="B2577" s="8"/>
    </row>
    <row r="2578" spans="1:2" x14ac:dyDescent="0.3">
      <c r="A2578" s="11"/>
      <c r="B2578" s="8"/>
    </row>
    <row r="2579" spans="1:2" x14ac:dyDescent="0.3">
      <c r="A2579" s="11"/>
      <c r="B2579" s="8"/>
    </row>
    <row r="2580" spans="1:2" x14ac:dyDescent="0.3">
      <c r="A2580" s="11"/>
      <c r="B2580" s="8"/>
    </row>
    <row r="2581" spans="1:2" x14ac:dyDescent="0.3">
      <c r="A2581" s="11"/>
      <c r="B2581" s="8"/>
    </row>
    <row r="2582" spans="1:2" x14ac:dyDescent="0.3">
      <c r="A2582" s="11"/>
      <c r="B2582" s="8"/>
    </row>
    <row r="2583" spans="1:2" x14ac:dyDescent="0.3">
      <c r="A2583" s="11"/>
      <c r="B2583" s="8"/>
    </row>
    <row r="2584" spans="1:2" x14ac:dyDescent="0.3">
      <c r="A2584" s="11"/>
      <c r="B2584" s="8"/>
    </row>
    <row r="2585" spans="1:2" x14ac:dyDescent="0.3">
      <c r="A2585" s="11"/>
      <c r="B2585" s="8"/>
    </row>
    <row r="2586" spans="1:2" x14ac:dyDescent="0.3">
      <c r="A2586" s="11"/>
      <c r="B2586" s="8"/>
    </row>
    <row r="2587" spans="1:2" x14ac:dyDescent="0.3">
      <c r="A2587" s="11"/>
      <c r="B2587" s="8"/>
    </row>
    <row r="2588" spans="1:2" x14ac:dyDescent="0.3">
      <c r="A2588" s="11"/>
      <c r="B2588" s="8"/>
    </row>
    <row r="2589" spans="1:2" x14ac:dyDescent="0.3">
      <c r="A2589" s="11"/>
      <c r="B2589" s="8"/>
    </row>
    <row r="2590" spans="1:2" x14ac:dyDescent="0.3">
      <c r="A2590" s="11"/>
      <c r="B2590" s="8"/>
    </row>
    <row r="2591" spans="1:2" x14ac:dyDescent="0.3">
      <c r="A2591" s="11"/>
      <c r="B2591" s="8"/>
    </row>
    <row r="2592" spans="1:2" x14ac:dyDescent="0.3">
      <c r="A2592" s="11"/>
      <c r="B2592" s="8"/>
    </row>
    <row r="2593" spans="1:2" x14ac:dyDescent="0.3">
      <c r="A2593" s="11"/>
      <c r="B2593" s="8"/>
    </row>
    <row r="2594" spans="1:2" x14ac:dyDescent="0.3">
      <c r="A2594" s="11"/>
      <c r="B2594" s="8"/>
    </row>
    <row r="2595" spans="1:2" x14ac:dyDescent="0.3">
      <c r="A2595" s="11"/>
      <c r="B2595" s="8"/>
    </row>
    <row r="2596" spans="1:2" x14ac:dyDescent="0.3">
      <c r="A2596" s="11"/>
      <c r="B2596" s="8"/>
    </row>
    <row r="2597" spans="1:2" x14ac:dyDescent="0.3">
      <c r="A2597" s="11"/>
      <c r="B2597" s="8"/>
    </row>
    <row r="2598" spans="1:2" x14ac:dyDescent="0.3">
      <c r="A2598" s="11"/>
      <c r="B2598" s="8"/>
    </row>
    <row r="2599" spans="1:2" x14ac:dyDescent="0.3">
      <c r="A2599" s="11"/>
      <c r="B2599" s="8"/>
    </row>
    <row r="2600" spans="1:2" x14ac:dyDescent="0.3">
      <c r="A2600" s="11"/>
      <c r="B2600" s="8"/>
    </row>
    <row r="2601" spans="1:2" x14ac:dyDescent="0.3">
      <c r="A2601" s="11"/>
      <c r="B2601" s="8"/>
    </row>
    <row r="2602" spans="1:2" x14ac:dyDescent="0.3">
      <c r="A2602" s="11"/>
      <c r="B2602" s="8"/>
    </row>
    <row r="2603" spans="1:2" x14ac:dyDescent="0.3">
      <c r="A2603" s="11"/>
      <c r="B2603" s="8"/>
    </row>
    <row r="2604" spans="1:2" x14ac:dyDescent="0.3">
      <c r="A2604" s="11"/>
      <c r="B2604" s="8"/>
    </row>
    <row r="2605" spans="1:2" x14ac:dyDescent="0.3">
      <c r="A2605" s="11"/>
      <c r="B2605" s="8"/>
    </row>
    <row r="2606" spans="1:2" x14ac:dyDescent="0.3">
      <c r="A2606" s="11"/>
      <c r="B2606" s="8"/>
    </row>
    <row r="2607" spans="1:2" x14ac:dyDescent="0.3">
      <c r="A2607" s="11"/>
      <c r="B2607" s="8"/>
    </row>
    <row r="2608" spans="1:2" x14ac:dyDescent="0.3">
      <c r="A2608" s="11"/>
      <c r="B2608" s="8"/>
    </row>
    <row r="2609" spans="1:2" x14ac:dyDescent="0.3">
      <c r="A2609" s="11"/>
      <c r="B2609" s="8"/>
    </row>
    <row r="2610" spans="1:2" x14ac:dyDescent="0.3">
      <c r="A2610" s="11"/>
      <c r="B2610" s="8"/>
    </row>
    <row r="2611" spans="1:2" x14ac:dyDescent="0.3">
      <c r="A2611" s="11"/>
      <c r="B2611" s="8"/>
    </row>
    <row r="2612" spans="1:2" x14ac:dyDescent="0.3">
      <c r="A2612" s="11"/>
      <c r="B2612" s="8"/>
    </row>
    <row r="2613" spans="1:2" x14ac:dyDescent="0.3">
      <c r="A2613" s="11"/>
      <c r="B2613" s="8"/>
    </row>
    <row r="2614" spans="1:2" x14ac:dyDescent="0.3">
      <c r="A2614" s="11"/>
      <c r="B2614" s="8"/>
    </row>
    <row r="2615" spans="1:2" x14ac:dyDescent="0.3">
      <c r="A2615" s="11"/>
      <c r="B2615" s="8"/>
    </row>
    <row r="2616" spans="1:2" x14ac:dyDescent="0.3">
      <c r="A2616" s="11"/>
      <c r="B2616" s="8"/>
    </row>
    <row r="2617" spans="1:2" x14ac:dyDescent="0.3">
      <c r="A2617" s="11"/>
      <c r="B2617" s="8"/>
    </row>
    <row r="2618" spans="1:2" x14ac:dyDescent="0.3">
      <c r="A2618" s="11"/>
      <c r="B2618" s="8"/>
    </row>
    <row r="2619" spans="1:2" x14ac:dyDescent="0.3">
      <c r="A2619" s="11"/>
      <c r="B2619" s="8"/>
    </row>
    <row r="2620" spans="1:2" x14ac:dyDescent="0.3">
      <c r="A2620" s="11"/>
      <c r="B2620" s="8"/>
    </row>
    <row r="2621" spans="1:2" x14ac:dyDescent="0.3">
      <c r="A2621" s="11"/>
      <c r="B2621" s="8"/>
    </row>
    <row r="2622" spans="1:2" x14ac:dyDescent="0.3">
      <c r="A2622" s="11"/>
      <c r="B2622" s="8"/>
    </row>
    <row r="2623" spans="1:2" x14ac:dyDescent="0.3">
      <c r="A2623" s="11"/>
      <c r="B2623" s="8"/>
    </row>
    <row r="2624" spans="1:2" x14ac:dyDescent="0.3">
      <c r="A2624" s="11"/>
      <c r="B2624" s="8"/>
    </row>
    <row r="2625" spans="1:2" x14ac:dyDescent="0.3">
      <c r="A2625" s="11"/>
      <c r="B2625" s="8"/>
    </row>
    <row r="2626" spans="1:2" x14ac:dyDescent="0.3">
      <c r="A2626" s="11"/>
      <c r="B2626" s="8"/>
    </row>
    <row r="2627" spans="1:2" x14ac:dyDescent="0.3">
      <c r="A2627" s="11"/>
      <c r="B2627" s="8"/>
    </row>
    <row r="2628" spans="1:2" x14ac:dyDescent="0.3">
      <c r="A2628" s="11"/>
      <c r="B2628" s="8"/>
    </row>
    <row r="2629" spans="1:2" x14ac:dyDescent="0.3">
      <c r="A2629" s="11"/>
      <c r="B2629" s="8"/>
    </row>
    <row r="2630" spans="1:2" x14ac:dyDescent="0.3">
      <c r="A2630" s="11"/>
      <c r="B2630" s="8"/>
    </row>
    <row r="2631" spans="1:2" x14ac:dyDescent="0.3">
      <c r="A2631" s="11"/>
      <c r="B2631" s="8"/>
    </row>
    <row r="2632" spans="1:2" x14ac:dyDescent="0.3">
      <c r="A2632" s="11"/>
      <c r="B2632" s="8"/>
    </row>
    <row r="2633" spans="1:2" x14ac:dyDescent="0.3">
      <c r="A2633" s="11"/>
      <c r="B2633" s="8"/>
    </row>
    <row r="2634" spans="1:2" x14ac:dyDescent="0.3">
      <c r="A2634" s="11"/>
      <c r="B2634" s="8"/>
    </row>
    <row r="2635" spans="1:2" x14ac:dyDescent="0.3">
      <c r="A2635" s="11"/>
      <c r="B2635" s="8"/>
    </row>
    <row r="2636" spans="1:2" x14ac:dyDescent="0.3">
      <c r="A2636" s="11"/>
      <c r="B2636" s="8"/>
    </row>
    <row r="2637" spans="1:2" x14ac:dyDescent="0.3">
      <c r="A2637" s="11"/>
      <c r="B2637" s="8"/>
    </row>
    <row r="2638" spans="1:2" x14ac:dyDescent="0.3">
      <c r="A2638" s="11"/>
      <c r="B2638" s="8"/>
    </row>
    <row r="2639" spans="1:2" x14ac:dyDescent="0.3">
      <c r="A2639" s="11"/>
      <c r="B2639" s="8"/>
    </row>
    <row r="2640" spans="1:2" x14ac:dyDescent="0.3">
      <c r="A2640" s="11"/>
      <c r="B2640" s="8"/>
    </row>
    <row r="2641" spans="1:2" x14ac:dyDescent="0.3">
      <c r="A2641" s="11"/>
      <c r="B2641" s="8"/>
    </row>
    <row r="2642" spans="1:2" x14ac:dyDescent="0.3">
      <c r="A2642" s="11"/>
      <c r="B2642" s="8"/>
    </row>
    <row r="2643" spans="1:2" x14ac:dyDescent="0.3">
      <c r="A2643" s="11"/>
      <c r="B2643" s="8"/>
    </row>
    <row r="2644" spans="1:2" x14ac:dyDescent="0.3">
      <c r="A2644" s="11"/>
      <c r="B2644" s="8"/>
    </row>
    <row r="2645" spans="1:2" x14ac:dyDescent="0.3">
      <c r="A2645" s="11"/>
      <c r="B2645" s="8"/>
    </row>
    <row r="2646" spans="1:2" x14ac:dyDescent="0.3">
      <c r="A2646" s="11"/>
      <c r="B2646" s="8"/>
    </row>
    <row r="2647" spans="1:2" x14ac:dyDescent="0.3">
      <c r="A2647" s="11"/>
      <c r="B2647" s="8"/>
    </row>
    <row r="2648" spans="1:2" x14ac:dyDescent="0.3">
      <c r="A2648" s="11"/>
      <c r="B2648" s="8"/>
    </row>
    <row r="2649" spans="1:2" x14ac:dyDescent="0.3">
      <c r="A2649" s="11"/>
      <c r="B2649" s="8"/>
    </row>
    <row r="2650" spans="1:2" x14ac:dyDescent="0.3">
      <c r="A2650" s="11"/>
      <c r="B2650" s="8"/>
    </row>
    <row r="2651" spans="1:2" x14ac:dyDescent="0.3">
      <c r="A2651" s="11"/>
      <c r="B2651" s="8"/>
    </row>
    <row r="2652" spans="1:2" x14ac:dyDescent="0.3">
      <c r="A2652" s="11"/>
      <c r="B2652" s="8"/>
    </row>
    <row r="2653" spans="1:2" x14ac:dyDescent="0.3">
      <c r="A2653" s="11"/>
      <c r="B2653" s="8"/>
    </row>
    <row r="2654" spans="1:2" x14ac:dyDescent="0.3">
      <c r="A2654" s="11"/>
      <c r="B2654" s="8"/>
    </row>
    <row r="2655" spans="1:2" x14ac:dyDescent="0.3">
      <c r="A2655" s="11"/>
      <c r="B2655" s="8"/>
    </row>
    <row r="2656" spans="1:2" x14ac:dyDescent="0.3">
      <c r="A2656" s="11"/>
      <c r="B2656" s="8"/>
    </row>
    <row r="2657" spans="1:2" x14ac:dyDescent="0.3">
      <c r="A2657" s="11"/>
      <c r="B2657" s="8"/>
    </row>
    <row r="2658" spans="1:2" x14ac:dyDescent="0.3">
      <c r="A2658" s="11"/>
      <c r="B2658" s="8"/>
    </row>
    <row r="2659" spans="1:2" x14ac:dyDescent="0.3">
      <c r="A2659" s="11"/>
      <c r="B2659" s="8"/>
    </row>
    <row r="2660" spans="1:2" x14ac:dyDescent="0.3">
      <c r="A2660" s="11"/>
      <c r="B2660" s="8"/>
    </row>
    <row r="2661" spans="1:2" x14ac:dyDescent="0.3">
      <c r="A2661" s="11"/>
      <c r="B2661" s="8"/>
    </row>
    <row r="2662" spans="1:2" x14ac:dyDescent="0.3">
      <c r="A2662" s="11"/>
      <c r="B2662" s="8"/>
    </row>
    <row r="2663" spans="1:2" x14ac:dyDescent="0.3">
      <c r="A2663" s="11"/>
      <c r="B2663" s="8"/>
    </row>
    <row r="2664" spans="1:2" x14ac:dyDescent="0.3">
      <c r="A2664" s="11"/>
      <c r="B2664" s="8"/>
    </row>
    <row r="2665" spans="1:2" x14ac:dyDescent="0.3">
      <c r="A2665" s="11"/>
      <c r="B2665" s="8"/>
    </row>
    <row r="2666" spans="1:2" x14ac:dyDescent="0.3">
      <c r="A2666" s="11"/>
      <c r="B2666" s="8"/>
    </row>
    <row r="2667" spans="1:2" x14ac:dyDescent="0.3">
      <c r="A2667" s="11"/>
      <c r="B2667" s="8"/>
    </row>
    <row r="2668" spans="1:2" x14ac:dyDescent="0.3">
      <c r="A2668" s="11"/>
      <c r="B2668" s="8"/>
    </row>
    <row r="2669" spans="1:2" x14ac:dyDescent="0.3">
      <c r="A2669" s="11"/>
      <c r="B2669" s="8"/>
    </row>
    <row r="2670" spans="1:2" x14ac:dyDescent="0.3">
      <c r="A2670" s="11"/>
      <c r="B2670" s="8"/>
    </row>
    <row r="2671" spans="1:2" x14ac:dyDescent="0.3">
      <c r="A2671" s="11"/>
      <c r="B2671" s="8"/>
    </row>
    <row r="2672" spans="1:2" x14ac:dyDescent="0.3">
      <c r="A2672" s="11"/>
      <c r="B2672" s="8"/>
    </row>
    <row r="2673" spans="1:2" x14ac:dyDescent="0.3">
      <c r="A2673" s="11"/>
      <c r="B2673" s="8"/>
    </row>
    <row r="2674" spans="1:2" x14ac:dyDescent="0.3">
      <c r="A2674" s="11"/>
      <c r="B2674" s="8"/>
    </row>
    <row r="2675" spans="1:2" x14ac:dyDescent="0.3">
      <c r="A2675" s="11"/>
      <c r="B2675" s="8"/>
    </row>
    <row r="2676" spans="1:2" x14ac:dyDescent="0.3">
      <c r="A2676" s="11"/>
      <c r="B2676" s="8"/>
    </row>
    <row r="2677" spans="1:2" x14ac:dyDescent="0.3">
      <c r="A2677" s="11"/>
      <c r="B2677" s="8"/>
    </row>
    <row r="2678" spans="1:2" x14ac:dyDescent="0.3">
      <c r="A2678" s="11"/>
      <c r="B2678" s="8"/>
    </row>
    <row r="2679" spans="1:2" x14ac:dyDescent="0.3">
      <c r="A2679" s="11"/>
      <c r="B2679" s="8"/>
    </row>
    <row r="2680" spans="1:2" x14ac:dyDescent="0.3">
      <c r="A2680" s="11"/>
      <c r="B2680" s="8"/>
    </row>
    <row r="2681" spans="1:2" x14ac:dyDescent="0.3">
      <c r="A2681" s="11"/>
      <c r="B2681" s="8"/>
    </row>
    <row r="2682" spans="1:2" x14ac:dyDescent="0.3">
      <c r="A2682" s="11"/>
      <c r="B2682" s="8"/>
    </row>
    <row r="2683" spans="1:2" x14ac:dyDescent="0.3">
      <c r="A2683" s="11"/>
      <c r="B2683" s="8"/>
    </row>
    <row r="2684" spans="1:2" x14ac:dyDescent="0.3">
      <c r="A2684" s="11"/>
      <c r="B2684" s="8"/>
    </row>
    <row r="2685" spans="1:2" x14ac:dyDescent="0.3">
      <c r="A2685" s="11"/>
      <c r="B2685" s="8"/>
    </row>
    <row r="2686" spans="1:2" x14ac:dyDescent="0.3">
      <c r="A2686" s="11"/>
      <c r="B2686" s="8"/>
    </row>
    <row r="2687" spans="1:2" x14ac:dyDescent="0.3">
      <c r="A2687" s="11"/>
      <c r="B2687" s="8"/>
    </row>
    <row r="2688" spans="1:2" x14ac:dyDescent="0.3">
      <c r="A2688" s="11"/>
      <c r="B2688" s="8"/>
    </row>
    <row r="2689" spans="1:2" x14ac:dyDescent="0.3">
      <c r="A2689" s="11"/>
      <c r="B2689" s="8"/>
    </row>
    <row r="2690" spans="1:2" x14ac:dyDescent="0.3">
      <c r="A2690" s="11"/>
      <c r="B2690" s="8"/>
    </row>
    <row r="2691" spans="1:2" x14ac:dyDescent="0.3">
      <c r="A2691" s="11"/>
      <c r="B2691" s="8"/>
    </row>
    <row r="2692" spans="1:2" x14ac:dyDescent="0.3">
      <c r="A2692" s="11"/>
      <c r="B2692" s="8"/>
    </row>
    <row r="2693" spans="1:2" x14ac:dyDescent="0.3">
      <c r="A2693" s="11"/>
      <c r="B2693" s="8"/>
    </row>
    <row r="2694" spans="1:2" x14ac:dyDescent="0.3">
      <c r="A2694" s="11"/>
      <c r="B2694" s="8"/>
    </row>
    <row r="2695" spans="1:2" x14ac:dyDescent="0.3">
      <c r="A2695" s="11"/>
      <c r="B2695" s="8"/>
    </row>
    <row r="2696" spans="1:2" x14ac:dyDescent="0.3">
      <c r="A2696" s="11"/>
      <c r="B2696" s="8"/>
    </row>
    <row r="2697" spans="1:2" x14ac:dyDescent="0.3">
      <c r="A2697" s="11"/>
      <c r="B2697" s="8"/>
    </row>
    <row r="2698" spans="1:2" x14ac:dyDescent="0.3">
      <c r="A2698" s="11"/>
      <c r="B2698" s="8"/>
    </row>
    <row r="2699" spans="1:2" x14ac:dyDescent="0.3">
      <c r="A2699" s="11"/>
      <c r="B2699" s="8"/>
    </row>
    <row r="2700" spans="1:2" x14ac:dyDescent="0.3">
      <c r="A2700" s="11"/>
      <c r="B2700" s="8"/>
    </row>
    <row r="2701" spans="1:2" x14ac:dyDescent="0.3">
      <c r="A2701" s="11"/>
      <c r="B2701" s="8"/>
    </row>
    <row r="2702" spans="1:2" x14ac:dyDescent="0.3">
      <c r="A2702" s="11"/>
      <c r="B2702" s="8"/>
    </row>
    <row r="2703" spans="1:2" x14ac:dyDescent="0.3">
      <c r="A2703" s="11"/>
      <c r="B2703" s="8"/>
    </row>
    <row r="2704" spans="1:2" x14ac:dyDescent="0.3">
      <c r="A2704" s="11"/>
      <c r="B2704" s="8"/>
    </row>
    <row r="2705" spans="1:2" x14ac:dyDescent="0.3">
      <c r="A2705" s="11"/>
      <c r="B2705" s="8"/>
    </row>
    <row r="2706" spans="1:2" x14ac:dyDescent="0.3">
      <c r="A2706" s="11"/>
      <c r="B2706" s="8"/>
    </row>
    <row r="2707" spans="1:2" x14ac:dyDescent="0.3">
      <c r="A2707" s="11"/>
      <c r="B2707" s="8"/>
    </row>
    <row r="2708" spans="1:2" x14ac:dyDescent="0.3">
      <c r="A2708" s="11"/>
      <c r="B2708" s="8"/>
    </row>
    <row r="2709" spans="1:2" x14ac:dyDescent="0.3">
      <c r="A2709" s="11"/>
      <c r="B2709" s="8"/>
    </row>
    <row r="2710" spans="1:2" x14ac:dyDescent="0.3">
      <c r="A2710" s="11"/>
      <c r="B2710" s="8"/>
    </row>
    <row r="2711" spans="1:2" x14ac:dyDescent="0.3">
      <c r="A2711" s="11"/>
      <c r="B2711" s="8"/>
    </row>
    <row r="2712" spans="1:2" x14ac:dyDescent="0.3">
      <c r="A2712" s="11"/>
      <c r="B2712" s="8"/>
    </row>
    <row r="2713" spans="1:2" x14ac:dyDescent="0.3">
      <c r="A2713" s="11"/>
      <c r="B2713" s="8"/>
    </row>
    <row r="2714" spans="1:2" x14ac:dyDescent="0.3">
      <c r="A2714" s="11"/>
      <c r="B2714" s="8"/>
    </row>
    <row r="2715" spans="1:2" x14ac:dyDescent="0.3">
      <c r="A2715" s="11"/>
      <c r="B2715" s="8"/>
    </row>
    <row r="2716" spans="1:2" x14ac:dyDescent="0.3">
      <c r="A2716" s="11"/>
      <c r="B2716" s="8"/>
    </row>
    <row r="2717" spans="1:2" x14ac:dyDescent="0.3">
      <c r="A2717" s="11"/>
      <c r="B2717" s="8"/>
    </row>
    <row r="2718" spans="1:2" x14ac:dyDescent="0.3">
      <c r="A2718" s="11"/>
      <c r="B2718" s="8"/>
    </row>
    <row r="2719" spans="1:2" x14ac:dyDescent="0.3">
      <c r="A2719" s="11"/>
      <c r="B2719" s="8"/>
    </row>
    <row r="2720" spans="1:2" x14ac:dyDescent="0.3">
      <c r="A2720" s="11"/>
      <c r="B2720" s="8"/>
    </row>
    <row r="2721" spans="1:2" x14ac:dyDescent="0.3">
      <c r="A2721" s="11"/>
      <c r="B2721" s="8"/>
    </row>
    <row r="2722" spans="1:2" x14ac:dyDescent="0.3">
      <c r="A2722" s="11"/>
      <c r="B2722" s="8"/>
    </row>
    <row r="2723" spans="1:2" x14ac:dyDescent="0.3">
      <c r="A2723" s="11"/>
      <c r="B2723" s="8"/>
    </row>
    <row r="2724" spans="1:2" x14ac:dyDescent="0.3">
      <c r="A2724" s="11"/>
      <c r="B2724" s="8"/>
    </row>
    <row r="2725" spans="1:2" x14ac:dyDescent="0.3">
      <c r="A2725" s="11"/>
      <c r="B2725" s="8"/>
    </row>
    <row r="2726" spans="1:2" x14ac:dyDescent="0.3">
      <c r="A2726" s="11"/>
      <c r="B2726" s="8"/>
    </row>
    <row r="2727" spans="1:2" x14ac:dyDescent="0.3">
      <c r="A2727" s="11"/>
      <c r="B2727" s="8"/>
    </row>
    <row r="2728" spans="1:2" x14ac:dyDescent="0.3">
      <c r="A2728" s="11"/>
      <c r="B2728" s="8"/>
    </row>
    <row r="2729" spans="1:2" x14ac:dyDescent="0.3">
      <c r="A2729" s="11"/>
      <c r="B2729" s="8"/>
    </row>
    <row r="2730" spans="1:2" x14ac:dyDescent="0.3">
      <c r="A2730" s="11"/>
      <c r="B2730" s="8"/>
    </row>
    <row r="2731" spans="1:2" x14ac:dyDescent="0.3">
      <c r="A2731" s="11"/>
      <c r="B2731" s="8"/>
    </row>
    <row r="2732" spans="1:2" x14ac:dyDescent="0.3">
      <c r="A2732" s="11"/>
      <c r="B2732" s="8"/>
    </row>
    <row r="2733" spans="1:2" x14ac:dyDescent="0.3">
      <c r="A2733" s="11"/>
      <c r="B2733" s="8"/>
    </row>
    <row r="2734" spans="1:2" x14ac:dyDescent="0.3">
      <c r="A2734" s="11"/>
      <c r="B2734" s="8"/>
    </row>
    <row r="2735" spans="1:2" x14ac:dyDescent="0.3">
      <c r="A2735" s="11"/>
      <c r="B2735" s="8"/>
    </row>
    <row r="2736" spans="1:2" x14ac:dyDescent="0.3">
      <c r="A2736" s="11"/>
      <c r="B2736" s="8"/>
    </row>
    <row r="2737" spans="1:2" x14ac:dyDescent="0.3">
      <c r="A2737" s="11"/>
      <c r="B2737" s="8"/>
    </row>
    <row r="2738" spans="1:2" x14ac:dyDescent="0.3">
      <c r="A2738" s="11"/>
      <c r="B2738" s="8"/>
    </row>
    <row r="2739" spans="1:2" x14ac:dyDescent="0.3">
      <c r="A2739" s="11"/>
      <c r="B2739" s="8"/>
    </row>
    <row r="2740" spans="1:2" x14ac:dyDescent="0.3">
      <c r="A2740" s="11"/>
      <c r="B2740" s="8"/>
    </row>
    <row r="2741" spans="1:2" x14ac:dyDescent="0.3">
      <c r="A2741" s="11"/>
      <c r="B2741" s="8"/>
    </row>
    <row r="2742" spans="1:2" x14ac:dyDescent="0.3">
      <c r="A2742" s="11"/>
      <c r="B2742" s="8"/>
    </row>
    <row r="2743" spans="1:2" x14ac:dyDescent="0.3">
      <c r="A2743" s="11"/>
      <c r="B2743" s="8"/>
    </row>
    <row r="2744" spans="1:2" x14ac:dyDescent="0.3">
      <c r="A2744" s="11"/>
      <c r="B2744" s="8"/>
    </row>
    <row r="2745" spans="1:2" x14ac:dyDescent="0.3">
      <c r="A2745" s="11"/>
      <c r="B2745" s="8"/>
    </row>
    <row r="2746" spans="1:2" x14ac:dyDescent="0.3">
      <c r="A2746" s="11"/>
      <c r="B2746" s="8"/>
    </row>
    <row r="2747" spans="1:2" x14ac:dyDescent="0.3">
      <c r="A2747" s="11"/>
      <c r="B2747" s="8"/>
    </row>
    <row r="2748" spans="1:2" x14ac:dyDescent="0.3">
      <c r="A2748" s="11"/>
      <c r="B2748" s="8"/>
    </row>
    <row r="2749" spans="1:2" x14ac:dyDescent="0.3">
      <c r="A2749" s="11"/>
      <c r="B2749" s="8"/>
    </row>
    <row r="2750" spans="1:2" x14ac:dyDescent="0.3">
      <c r="A2750" s="11"/>
      <c r="B2750" s="8"/>
    </row>
    <row r="2751" spans="1:2" x14ac:dyDescent="0.3">
      <c r="A2751" s="11"/>
      <c r="B2751" s="8"/>
    </row>
    <row r="2752" spans="1:2" x14ac:dyDescent="0.3">
      <c r="A2752" s="11"/>
      <c r="B2752" s="8"/>
    </row>
    <row r="2753" spans="1:2" x14ac:dyDescent="0.3">
      <c r="A2753" s="11"/>
      <c r="B2753" s="8"/>
    </row>
    <row r="2754" spans="1:2" x14ac:dyDescent="0.3">
      <c r="A2754" s="11"/>
      <c r="B2754" s="8"/>
    </row>
    <row r="2755" spans="1:2" x14ac:dyDescent="0.3">
      <c r="A2755" s="11"/>
      <c r="B2755" s="8"/>
    </row>
    <row r="2756" spans="1:2" x14ac:dyDescent="0.3">
      <c r="A2756" s="11"/>
      <c r="B2756" s="8"/>
    </row>
    <row r="2757" spans="1:2" x14ac:dyDescent="0.3">
      <c r="A2757" s="11"/>
      <c r="B2757" s="8"/>
    </row>
    <row r="2758" spans="1:2" x14ac:dyDescent="0.3">
      <c r="A2758" s="11"/>
      <c r="B2758" s="8"/>
    </row>
    <row r="2759" spans="1:2" x14ac:dyDescent="0.3">
      <c r="A2759" s="11"/>
      <c r="B2759" s="8"/>
    </row>
    <row r="2760" spans="1:2" x14ac:dyDescent="0.3">
      <c r="A2760" s="11"/>
      <c r="B2760" s="8"/>
    </row>
    <row r="2761" spans="1:2" x14ac:dyDescent="0.3">
      <c r="A2761" s="11"/>
      <c r="B2761" s="8"/>
    </row>
    <row r="2762" spans="1:2" x14ac:dyDescent="0.3">
      <c r="A2762" s="11"/>
      <c r="B2762" s="8"/>
    </row>
    <row r="2763" spans="1:2" x14ac:dyDescent="0.3">
      <c r="A2763" s="11"/>
      <c r="B2763" s="8"/>
    </row>
    <row r="2764" spans="1:2" x14ac:dyDescent="0.3">
      <c r="A2764" s="11"/>
      <c r="B2764" s="8"/>
    </row>
    <row r="2765" spans="1:2" x14ac:dyDescent="0.3">
      <c r="A2765" s="11"/>
      <c r="B2765" s="8"/>
    </row>
    <row r="2766" spans="1:2" x14ac:dyDescent="0.3">
      <c r="A2766" s="11"/>
      <c r="B2766" s="8"/>
    </row>
    <row r="2767" spans="1:2" x14ac:dyDescent="0.3">
      <c r="A2767" s="11"/>
      <c r="B2767" s="8"/>
    </row>
    <row r="2768" spans="1:2" x14ac:dyDescent="0.3">
      <c r="A2768" s="11"/>
      <c r="B2768" s="8"/>
    </row>
    <row r="2769" spans="1:2" x14ac:dyDescent="0.3">
      <c r="A2769" s="11"/>
      <c r="B2769" s="8"/>
    </row>
    <row r="2770" spans="1:2" x14ac:dyDescent="0.3">
      <c r="A2770" s="11"/>
      <c r="B2770" s="8"/>
    </row>
    <row r="2771" spans="1:2" x14ac:dyDescent="0.3">
      <c r="A2771" s="11"/>
      <c r="B2771" s="8"/>
    </row>
    <row r="2772" spans="1:2" x14ac:dyDescent="0.3">
      <c r="A2772" s="11"/>
      <c r="B2772" s="8"/>
    </row>
    <row r="2773" spans="1:2" x14ac:dyDescent="0.3">
      <c r="A2773" s="11"/>
      <c r="B2773" s="8"/>
    </row>
    <row r="2774" spans="1:2" x14ac:dyDescent="0.3">
      <c r="A2774" s="11"/>
      <c r="B2774" s="8"/>
    </row>
    <row r="2775" spans="1:2" x14ac:dyDescent="0.3">
      <c r="A2775" s="11"/>
      <c r="B2775" s="8"/>
    </row>
    <row r="2776" spans="1:2" x14ac:dyDescent="0.3">
      <c r="A2776" s="11"/>
      <c r="B2776" s="8"/>
    </row>
    <row r="2777" spans="1:2" x14ac:dyDescent="0.3">
      <c r="A2777" s="11"/>
      <c r="B2777" s="8"/>
    </row>
    <row r="2778" spans="1:2" x14ac:dyDescent="0.3">
      <c r="A2778" s="11"/>
      <c r="B2778" s="8"/>
    </row>
    <row r="2779" spans="1:2" x14ac:dyDescent="0.3">
      <c r="A2779" s="11"/>
      <c r="B2779" s="8"/>
    </row>
    <row r="2780" spans="1:2" x14ac:dyDescent="0.3">
      <c r="A2780" s="11"/>
      <c r="B2780" s="8"/>
    </row>
    <row r="2781" spans="1:2" x14ac:dyDescent="0.3">
      <c r="A2781" s="11"/>
      <c r="B2781" s="8"/>
    </row>
    <row r="2782" spans="1:2" x14ac:dyDescent="0.3">
      <c r="A2782" s="11"/>
      <c r="B2782" s="8"/>
    </row>
    <row r="2783" spans="1:2" x14ac:dyDescent="0.3">
      <c r="A2783" s="11"/>
      <c r="B2783" s="8"/>
    </row>
    <row r="2784" spans="1:2" x14ac:dyDescent="0.3">
      <c r="A2784" s="11"/>
      <c r="B2784" s="8"/>
    </row>
    <row r="2785" spans="1:2" x14ac:dyDescent="0.3">
      <c r="A2785" s="11"/>
      <c r="B2785" s="8"/>
    </row>
    <row r="2786" spans="1:2" x14ac:dyDescent="0.3">
      <c r="A2786" s="11"/>
      <c r="B2786" s="8"/>
    </row>
    <row r="2787" spans="1:2" x14ac:dyDescent="0.3">
      <c r="A2787" s="11"/>
      <c r="B2787" s="8"/>
    </row>
    <row r="2788" spans="1:2" x14ac:dyDescent="0.3">
      <c r="A2788" s="11"/>
      <c r="B2788" s="8"/>
    </row>
    <row r="2789" spans="1:2" x14ac:dyDescent="0.3">
      <c r="A2789" s="11"/>
      <c r="B2789" s="8"/>
    </row>
    <row r="2790" spans="1:2" x14ac:dyDescent="0.3">
      <c r="A2790" s="11"/>
      <c r="B2790" s="8"/>
    </row>
    <row r="2791" spans="1:2" x14ac:dyDescent="0.3">
      <c r="A2791" s="11"/>
      <c r="B2791" s="8"/>
    </row>
    <row r="2792" spans="1:2" x14ac:dyDescent="0.3">
      <c r="A2792" s="11"/>
      <c r="B2792" s="8"/>
    </row>
    <row r="2793" spans="1:2" x14ac:dyDescent="0.3">
      <c r="A2793" s="11"/>
      <c r="B2793" s="8"/>
    </row>
    <row r="2794" spans="1:2" x14ac:dyDescent="0.3">
      <c r="A2794" s="11"/>
      <c r="B2794" s="8"/>
    </row>
    <row r="2795" spans="1:2" x14ac:dyDescent="0.3">
      <c r="A2795" s="11"/>
      <c r="B2795" s="8"/>
    </row>
    <row r="2796" spans="1:2" x14ac:dyDescent="0.3">
      <c r="A2796" s="11"/>
      <c r="B2796" s="8"/>
    </row>
    <row r="2797" spans="1:2" x14ac:dyDescent="0.3">
      <c r="A2797" s="11"/>
      <c r="B2797" s="8"/>
    </row>
    <row r="2798" spans="1:2" x14ac:dyDescent="0.3">
      <c r="A2798" s="11"/>
      <c r="B2798" s="8"/>
    </row>
    <row r="2799" spans="1:2" x14ac:dyDescent="0.3">
      <c r="A2799" s="11"/>
      <c r="B2799" s="8"/>
    </row>
    <row r="2800" spans="1:2" x14ac:dyDescent="0.3">
      <c r="A2800" s="11"/>
      <c r="B2800" s="8"/>
    </row>
    <row r="2801" spans="1:2" x14ac:dyDescent="0.3">
      <c r="A2801" s="11"/>
      <c r="B2801" s="8"/>
    </row>
    <row r="2802" spans="1:2" x14ac:dyDescent="0.3">
      <c r="A2802" s="11"/>
      <c r="B2802" s="8"/>
    </row>
    <row r="2803" spans="1:2" x14ac:dyDescent="0.3">
      <c r="A2803" s="11"/>
      <c r="B2803" s="8"/>
    </row>
    <row r="2804" spans="1:2" x14ac:dyDescent="0.3">
      <c r="A2804" s="11"/>
      <c r="B2804" s="8"/>
    </row>
    <row r="2805" spans="1:2" x14ac:dyDescent="0.3">
      <c r="A2805" s="11"/>
      <c r="B2805" s="8"/>
    </row>
    <row r="2806" spans="1:2" x14ac:dyDescent="0.3">
      <c r="A2806" s="11"/>
      <c r="B2806" s="8"/>
    </row>
    <row r="2807" spans="1:2" x14ac:dyDescent="0.3">
      <c r="A2807" s="11"/>
      <c r="B2807" s="8"/>
    </row>
    <row r="2808" spans="1:2" x14ac:dyDescent="0.3">
      <c r="A2808" s="11"/>
      <c r="B2808" s="8"/>
    </row>
    <row r="2809" spans="1:2" x14ac:dyDescent="0.3">
      <c r="A2809" s="11"/>
      <c r="B2809" s="8"/>
    </row>
    <row r="2810" spans="1:2" x14ac:dyDescent="0.3">
      <c r="A2810" s="11"/>
      <c r="B2810" s="8"/>
    </row>
    <row r="2811" spans="1:2" x14ac:dyDescent="0.3">
      <c r="A2811" s="11"/>
      <c r="B2811" s="8"/>
    </row>
    <row r="2812" spans="1:2" x14ac:dyDescent="0.3">
      <c r="A2812" s="11"/>
      <c r="B2812" s="8"/>
    </row>
    <row r="2813" spans="1:2" x14ac:dyDescent="0.3">
      <c r="A2813" s="11"/>
      <c r="B2813" s="8"/>
    </row>
    <row r="2814" spans="1:2" x14ac:dyDescent="0.3">
      <c r="A2814" s="11"/>
      <c r="B2814" s="8"/>
    </row>
    <row r="2815" spans="1:2" x14ac:dyDescent="0.3">
      <c r="A2815" s="11"/>
      <c r="B2815" s="8"/>
    </row>
    <row r="2816" spans="1:2" x14ac:dyDescent="0.3">
      <c r="A2816" s="11"/>
      <c r="B2816" s="8"/>
    </row>
    <row r="2817" spans="1:2" x14ac:dyDescent="0.3">
      <c r="A2817" s="11"/>
      <c r="B2817" s="8"/>
    </row>
    <row r="2818" spans="1:2" x14ac:dyDescent="0.3">
      <c r="A2818" s="11"/>
      <c r="B2818" s="8"/>
    </row>
    <row r="2819" spans="1:2" x14ac:dyDescent="0.3">
      <c r="A2819" s="11"/>
      <c r="B2819" s="8"/>
    </row>
    <row r="2820" spans="1:2" x14ac:dyDescent="0.3">
      <c r="A2820" s="11"/>
      <c r="B2820" s="8"/>
    </row>
    <row r="2821" spans="1:2" x14ac:dyDescent="0.3">
      <c r="A2821" s="11"/>
      <c r="B2821" s="8"/>
    </row>
    <row r="2822" spans="1:2" x14ac:dyDescent="0.3">
      <c r="A2822" s="11"/>
      <c r="B2822" s="8"/>
    </row>
    <row r="2823" spans="1:2" x14ac:dyDescent="0.3">
      <c r="A2823" s="11"/>
      <c r="B2823" s="8"/>
    </row>
    <row r="2824" spans="1:2" x14ac:dyDescent="0.3">
      <c r="A2824" s="11"/>
      <c r="B2824" s="8"/>
    </row>
    <row r="2825" spans="1:2" x14ac:dyDescent="0.3">
      <c r="A2825" s="11"/>
      <c r="B2825" s="8"/>
    </row>
    <row r="2826" spans="1:2" x14ac:dyDescent="0.3">
      <c r="A2826" s="11"/>
      <c r="B2826" s="8"/>
    </row>
    <row r="2827" spans="1:2" x14ac:dyDescent="0.3">
      <c r="A2827" s="11"/>
      <c r="B2827" s="8"/>
    </row>
    <row r="2828" spans="1:2" x14ac:dyDescent="0.3">
      <c r="A2828" s="11"/>
      <c r="B2828" s="8"/>
    </row>
    <row r="2829" spans="1:2" x14ac:dyDescent="0.3">
      <c r="A2829" s="11"/>
      <c r="B2829" s="8"/>
    </row>
    <row r="2830" spans="1:2" x14ac:dyDescent="0.3">
      <c r="A2830" s="11"/>
      <c r="B2830" s="8"/>
    </row>
    <row r="2831" spans="1:2" x14ac:dyDescent="0.3">
      <c r="A2831" s="11"/>
      <c r="B2831" s="8"/>
    </row>
    <row r="2832" spans="1:2" x14ac:dyDescent="0.3">
      <c r="A2832" s="11"/>
      <c r="B2832" s="8"/>
    </row>
    <row r="2833" spans="1:2" x14ac:dyDescent="0.3">
      <c r="A2833" s="11"/>
      <c r="B2833" s="8"/>
    </row>
    <row r="2834" spans="1:2" x14ac:dyDescent="0.3">
      <c r="A2834" s="11"/>
      <c r="B2834" s="8"/>
    </row>
    <row r="2835" spans="1:2" x14ac:dyDescent="0.3">
      <c r="A2835" s="11"/>
      <c r="B2835" s="8"/>
    </row>
    <row r="2836" spans="1:2" x14ac:dyDescent="0.3">
      <c r="A2836" s="11"/>
      <c r="B2836" s="8"/>
    </row>
    <row r="2837" spans="1:2" x14ac:dyDescent="0.3">
      <c r="A2837" s="11"/>
      <c r="B2837" s="8"/>
    </row>
    <row r="2838" spans="1:2" x14ac:dyDescent="0.3">
      <c r="A2838" s="11"/>
      <c r="B2838" s="8"/>
    </row>
    <row r="2839" spans="1:2" x14ac:dyDescent="0.3">
      <c r="A2839" s="11"/>
      <c r="B2839" s="8"/>
    </row>
    <row r="2840" spans="1:2" x14ac:dyDescent="0.3">
      <c r="A2840" s="11"/>
      <c r="B2840" s="8"/>
    </row>
    <row r="2841" spans="1:2" x14ac:dyDescent="0.3">
      <c r="A2841" s="11"/>
      <c r="B2841" s="8"/>
    </row>
    <row r="2842" spans="1:2" x14ac:dyDescent="0.3">
      <c r="A2842" s="11"/>
      <c r="B2842" s="8"/>
    </row>
    <row r="2843" spans="1:2" x14ac:dyDescent="0.3">
      <c r="A2843" s="11"/>
      <c r="B2843" s="8"/>
    </row>
    <row r="2844" spans="1:2" x14ac:dyDescent="0.3">
      <c r="A2844" s="11"/>
      <c r="B2844" s="8"/>
    </row>
    <row r="2845" spans="1:2" x14ac:dyDescent="0.3">
      <c r="A2845" s="11"/>
      <c r="B2845" s="8"/>
    </row>
    <row r="2846" spans="1:2" x14ac:dyDescent="0.3">
      <c r="A2846" s="11"/>
      <c r="B2846" s="8"/>
    </row>
    <row r="2847" spans="1:2" x14ac:dyDescent="0.3">
      <c r="A2847" s="11"/>
      <c r="B2847" s="8"/>
    </row>
    <row r="2848" spans="1:2" x14ac:dyDescent="0.3">
      <c r="A2848" s="11"/>
      <c r="B2848" s="8"/>
    </row>
    <row r="2849" spans="1:2" x14ac:dyDescent="0.3">
      <c r="A2849" s="11"/>
      <c r="B2849" s="8"/>
    </row>
    <row r="2850" spans="1:2" x14ac:dyDescent="0.3">
      <c r="A2850" s="11"/>
      <c r="B2850" s="8"/>
    </row>
    <row r="2851" spans="1:2" x14ac:dyDescent="0.3">
      <c r="A2851" s="11"/>
      <c r="B2851" s="8"/>
    </row>
    <row r="2852" spans="1:2" x14ac:dyDescent="0.3">
      <c r="A2852" s="11"/>
      <c r="B2852" s="8"/>
    </row>
    <row r="2853" spans="1:2" x14ac:dyDescent="0.3">
      <c r="A2853" s="11"/>
      <c r="B2853" s="8"/>
    </row>
    <row r="2854" spans="1:2" x14ac:dyDescent="0.3">
      <c r="A2854" s="11"/>
      <c r="B2854" s="8"/>
    </row>
    <row r="2855" spans="1:2" x14ac:dyDescent="0.3">
      <c r="A2855" s="11"/>
      <c r="B2855" s="8"/>
    </row>
    <row r="2856" spans="1:2" x14ac:dyDescent="0.3">
      <c r="A2856" s="11"/>
      <c r="B2856" s="8"/>
    </row>
    <row r="2857" spans="1:2" x14ac:dyDescent="0.3">
      <c r="A2857" s="11"/>
      <c r="B2857" s="8"/>
    </row>
    <row r="2858" spans="1:2" x14ac:dyDescent="0.3">
      <c r="A2858" s="11"/>
      <c r="B2858" s="8"/>
    </row>
    <row r="2859" spans="1:2" x14ac:dyDescent="0.3">
      <c r="A2859" s="11"/>
      <c r="B2859" s="8"/>
    </row>
    <row r="2860" spans="1:2" x14ac:dyDescent="0.3">
      <c r="A2860" s="11"/>
      <c r="B2860" s="8"/>
    </row>
    <row r="2861" spans="1:2" x14ac:dyDescent="0.3">
      <c r="A2861" s="11"/>
      <c r="B2861" s="8"/>
    </row>
    <row r="2862" spans="1:2" x14ac:dyDescent="0.3">
      <c r="A2862" s="11"/>
      <c r="B2862" s="8"/>
    </row>
    <row r="2863" spans="1:2" x14ac:dyDescent="0.3">
      <c r="A2863" s="11"/>
      <c r="B2863" s="8"/>
    </row>
    <row r="2864" spans="1:2" x14ac:dyDescent="0.3">
      <c r="A2864" s="11"/>
      <c r="B2864" s="8"/>
    </row>
    <row r="2865" spans="1:2" x14ac:dyDescent="0.3">
      <c r="A2865" s="11"/>
      <c r="B2865" s="8"/>
    </row>
    <row r="2866" spans="1:2" x14ac:dyDescent="0.3">
      <c r="A2866" s="11"/>
      <c r="B2866" s="8"/>
    </row>
    <row r="2867" spans="1:2" x14ac:dyDescent="0.3">
      <c r="A2867" s="11"/>
      <c r="B2867" s="8"/>
    </row>
    <row r="2868" spans="1:2" x14ac:dyDescent="0.3">
      <c r="A2868" s="11"/>
      <c r="B2868" s="8"/>
    </row>
    <row r="2869" spans="1:2" x14ac:dyDescent="0.3">
      <c r="A2869" s="11"/>
      <c r="B2869" s="8"/>
    </row>
    <row r="2870" spans="1:2" x14ac:dyDescent="0.3">
      <c r="A2870" s="11"/>
      <c r="B2870" s="8"/>
    </row>
    <row r="2871" spans="1:2" x14ac:dyDescent="0.3">
      <c r="A2871" s="11"/>
      <c r="B2871" s="8"/>
    </row>
    <row r="2872" spans="1:2" x14ac:dyDescent="0.3">
      <c r="A2872" s="11"/>
      <c r="B2872" s="8"/>
    </row>
    <row r="2873" spans="1:2" x14ac:dyDescent="0.3">
      <c r="A2873" s="11"/>
      <c r="B2873" s="8"/>
    </row>
    <row r="2874" spans="1:2" x14ac:dyDescent="0.3">
      <c r="A2874" s="11"/>
      <c r="B2874" s="8"/>
    </row>
    <row r="2875" spans="1:2" x14ac:dyDescent="0.3">
      <c r="A2875" s="11"/>
      <c r="B2875" s="8"/>
    </row>
    <row r="2876" spans="1:2" x14ac:dyDescent="0.3">
      <c r="A2876" s="11"/>
      <c r="B2876" s="8"/>
    </row>
    <row r="2877" spans="1:2" x14ac:dyDescent="0.3">
      <c r="A2877" s="11"/>
      <c r="B2877" s="8"/>
    </row>
    <row r="2878" spans="1:2" x14ac:dyDescent="0.3">
      <c r="A2878" s="11"/>
      <c r="B2878" s="8"/>
    </row>
    <row r="2879" spans="1:2" x14ac:dyDescent="0.3">
      <c r="A2879" s="11"/>
      <c r="B2879" s="8"/>
    </row>
    <row r="2880" spans="1:2" x14ac:dyDescent="0.3">
      <c r="A2880" s="11"/>
      <c r="B2880" s="8"/>
    </row>
    <row r="2881" spans="1:2" x14ac:dyDescent="0.3">
      <c r="A2881" s="11"/>
      <c r="B2881" s="8"/>
    </row>
    <row r="2882" spans="1:2" x14ac:dyDescent="0.3">
      <c r="A2882" s="11"/>
      <c r="B2882" s="8"/>
    </row>
    <row r="2883" spans="1:2" x14ac:dyDescent="0.3">
      <c r="A2883" s="11"/>
      <c r="B2883" s="8"/>
    </row>
    <row r="2884" spans="1:2" x14ac:dyDescent="0.3">
      <c r="A2884" s="11"/>
      <c r="B2884" s="8"/>
    </row>
    <row r="2885" spans="1:2" x14ac:dyDescent="0.3">
      <c r="A2885" s="11"/>
      <c r="B2885" s="8"/>
    </row>
    <row r="2886" spans="1:2" x14ac:dyDescent="0.3">
      <c r="A2886" s="11"/>
      <c r="B2886" s="8"/>
    </row>
    <row r="2887" spans="1:2" x14ac:dyDescent="0.3">
      <c r="A2887" s="11"/>
      <c r="B2887" s="8"/>
    </row>
    <row r="2888" spans="1:2" x14ac:dyDescent="0.3">
      <c r="A2888" s="11"/>
      <c r="B2888" s="8"/>
    </row>
    <row r="2889" spans="1:2" x14ac:dyDescent="0.3">
      <c r="A2889" s="11"/>
      <c r="B2889" s="8"/>
    </row>
    <row r="2890" spans="1:2" x14ac:dyDescent="0.3">
      <c r="A2890" s="11"/>
      <c r="B2890" s="8"/>
    </row>
    <row r="2891" spans="1:2" x14ac:dyDescent="0.3">
      <c r="A2891" s="11"/>
      <c r="B2891" s="8"/>
    </row>
    <row r="2892" spans="1:2" x14ac:dyDescent="0.3">
      <c r="A2892" s="11"/>
      <c r="B2892" s="8"/>
    </row>
    <row r="2893" spans="1:2" x14ac:dyDescent="0.3">
      <c r="A2893" s="11"/>
      <c r="B2893" s="8"/>
    </row>
    <row r="2894" spans="1:2" x14ac:dyDescent="0.3">
      <c r="A2894" s="11"/>
      <c r="B2894" s="8"/>
    </row>
    <row r="2895" spans="1:2" x14ac:dyDescent="0.3">
      <c r="A2895" s="11"/>
      <c r="B2895" s="8"/>
    </row>
    <row r="2896" spans="1:2" x14ac:dyDescent="0.3">
      <c r="A2896" s="11"/>
      <c r="B2896" s="8"/>
    </row>
    <row r="2897" spans="1:2" x14ac:dyDescent="0.3">
      <c r="A2897" s="11"/>
      <c r="B2897" s="8"/>
    </row>
    <row r="2898" spans="1:2" x14ac:dyDescent="0.3">
      <c r="A2898" s="11"/>
      <c r="B2898" s="8"/>
    </row>
    <row r="2899" spans="1:2" x14ac:dyDescent="0.3">
      <c r="A2899" s="11"/>
      <c r="B2899" s="8"/>
    </row>
    <row r="2900" spans="1:2" x14ac:dyDescent="0.3">
      <c r="A2900" s="11"/>
      <c r="B2900" s="8"/>
    </row>
    <row r="2901" spans="1:2" x14ac:dyDescent="0.3">
      <c r="A2901" s="11"/>
      <c r="B2901" s="8"/>
    </row>
    <row r="2902" spans="1:2" x14ac:dyDescent="0.3">
      <c r="A2902" s="11"/>
      <c r="B2902" s="8"/>
    </row>
    <row r="2903" spans="1:2" x14ac:dyDescent="0.3">
      <c r="A2903" s="11"/>
      <c r="B2903" s="8"/>
    </row>
    <row r="2904" spans="1:2" x14ac:dyDescent="0.3">
      <c r="A2904" s="11"/>
      <c r="B2904" s="8"/>
    </row>
    <row r="2905" spans="1:2" x14ac:dyDescent="0.3">
      <c r="A2905" s="11"/>
      <c r="B2905" s="8"/>
    </row>
    <row r="2906" spans="1:2" x14ac:dyDescent="0.3">
      <c r="A2906" s="11"/>
      <c r="B2906" s="8"/>
    </row>
    <row r="2907" spans="1:2" x14ac:dyDescent="0.3">
      <c r="A2907" s="11"/>
      <c r="B2907" s="8"/>
    </row>
    <row r="2908" spans="1:2" x14ac:dyDescent="0.3">
      <c r="A2908" s="11"/>
      <c r="B2908" s="8"/>
    </row>
    <row r="2909" spans="1:2" x14ac:dyDescent="0.3">
      <c r="A2909" s="11"/>
      <c r="B2909" s="8"/>
    </row>
    <row r="2910" spans="1:2" x14ac:dyDescent="0.3">
      <c r="A2910" s="11"/>
      <c r="B2910" s="8"/>
    </row>
    <row r="2911" spans="1:2" x14ac:dyDescent="0.3">
      <c r="A2911" s="11"/>
      <c r="B2911" s="8"/>
    </row>
    <row r="2912" spans="1:2" x14ac:dyDescent="0.3">
      <c r="A2912" s="11"/>
      <c r="B2912" s="8"/>
    </row>
    <row r="2913" spans="1:2" x14ac:dyDescent="0.3">
      <c r="A2913" s="11"/>
      <c r="B2913" s="8"/>
    </row>
    <row r="2914" spans="1:2" x14ac:dyDescent="0.3">
      <c r="A2914" s="11"/>
      <c r="B2914" s="8"/>
    </row>
    <row r="2915" spans="1:2" x14ac:dyDescent="0.3">
      <c r="A2915" s="11"/>
      <c r="B2915" s="8"/>
    </row>
    <row r="2916" spans="1:2" x14ac:dyDescent="0.3">
      <c r="A2916" s="11"/>
      <c r="B2916" s="8"/>
    </row>
    <row r="2917" spans="1:2" x14ac:dyDescent="0.3">
      <c r="A2917" s="11"/>
      <c r="B2917" s="8"/>
    </row>
    <row r="2918" spans="1:2" x14ac:dyDescent="0.3">
      <c r="A2918" s="11"/>
      <c r="B2918" s="8"/>
    </row>
    <row r="2919" spans="1:2" x14ac:dyDescent="0.3">
      <c r="A2919" s="11"/>
      <c r="B2919" s="8"/>
    </row>
    <row r="2920" spans="1:2" x14ac:dyDescent="0.3">
      <c r="A2920" s="11"/>
      <c r="B2920" s="8"/>
    </row>
    <row r="2921" spans="1:2" x14ac:dyDescent="0.3">
      <c r="A2921" s="11"/>
      <c r="B2921" s="8"/>
    </row>
    <row r="2922" spans="1:2" x14ac:dyDescent="0.3">
      <c r="A2922" s="11"/>
      <c r="B2922" s="8"/>
    </row>
    <row r="2923" spans="1:2" x14ac:dyDescent="0.3">
      <c r="A2923" s="11"/>
      <c r="B2923" s="8"/>
    </row>
    <row r="2924" spans="1:2" x14ac:dyDescent="0.3">
      <c r="A2924" s="11"/>
      <c r="B2924" s="8"/>
    </row>
    <row r="2925" spans="1:2" x14ac:dyDescent="0.3">
      <c r="A2925" s="11"/>
      <c r="B2925" s="8"/>
    </row>
    <row r="2926" spans="1:2" x14ac:dyDescent="0.3">
      <c r="A2926" s="11"/>
      <c r="B2926" s="8"/>
    </row>
    <row r="2927" spans="1:2" x14ac:dyDescent="0.3">
      <c r="A2927" s="11"/>
      <c r="B2927" s="8"/>
    </row>
    <row r="2928" spans="1:2" x14ac:dyDescent="0.3">
      <c r="A2928" s="11"/>
      <c r="B2928" s="8"/>
    </row>
    <row r="2929" spans="1:2" x14ac:dyDescent="0.3">
      <c r="A2929" s="11"/>
      <c r="B2929" s="8"/>
    </row>
    <row r="2930" spans="1:2" x14ac:dyDescent="0.3">
      <c r="A2930" s="11"/>
      <c r="B2930" s="8"/>
    </row>
    <row r="2931" spans="1:2" x14ac:dyDescent="0.3">
      <c r="A2931" s="11"/>
      <c r="B2931" s="8"/>
    </row>
    <row r="2932" spans="1:2" x14ac:dyDescent="0.3">
      <c r="A2932" s="11"/>
      <c r="B2932" s="8"/>
    </row>
    <row r="2933" spans="1:2" x14ac:dyDescent="0.3">
      <c r="A2933" s="11"/>
      <c r="B2933" s="8"/>
    </row>
    <row r="2934" spans="1:2" x14ac:dyDescent="0.3">
      <c r="A2934" s="11"/>
      <c r="B2934" s="8"/>
    </row>
    <row r="2935" spans="1:2" x14ac:dyDescent="0.3">
      <c r="A2935" s="11"/>
      <c r="B2935" s="8"/>
    </row>
    <row r="2936" spans="1:2" x14ac:dyDescent="0.3">
      <c r="A2936" s="11"/>
      <c r="B2936" s="8"/>
    </row>
    <row r="2937" spans="1:2" x14ac:dyDescent="0.3">
      <c r="A2937" s="11"/>
      <c r="B2937" s="8"/>
    </row>
    <row r="2938" spans="1:2" x14ac:dyDescent="0.3">
      <c r="A2938" s="11"/>
      <c r="B2938" s="8"/>
    </row>
    <row r="2939" spans="1:2" x14ac:dyDescent="0.3">
      <c r="A2939" s="11"/>
      <c r="B2939" s="8"/>
    </row>
    <row r="2940" spans="1:2" x14ac:dyDescent="0.3">
      <c r="A2940" s="11"/>
      <c r="B2940" s="8"/>
    </row>
    <row r="2941" spans="1:2" x14ac:dyDescent="0.3">
      <c r="A2941" s="11"/>
      <c r="B2941" s="8"/>
    </row>
    <row r="2942" spans="1:2" x14ac:dyDescent="0.3">
      <c r="A2942" s="11"/>
      <c r="B2942" s="8"/>
    </row>
    <row r="2943" spans="1:2" x14ac:dyDescent="0.3">
      <c r="A2943" s="11"/>
      <c r="B2943" s="8"/>
    </row>
    <row r="2944" spans="1:2" x14ac:dyDescent="0.3">
      <c r="A2944" s="11"/>
      <c r="B2944" s="8"/>
    </row>
    <row r="2945" spans="1:2" x14ac:dyDescent="0.3">
      <c r="A2945" s="11"/>
      <c r="B2945" s="8"/>
    </row>
    <row r="2946" spans="1:2" x14ac:dyDescent="0.3">
      <c r="A2946" s="11"/>
      <c r="B2946" s="8"/>
    </row>
    <row r="2947" spans="1:2" x14ac:dyDescent="0.3">
      <c r="A2947" s="11"/>
      <c r="B2947" s="8"/>
    </row>
    <row r="2948" spans="1:2" x14ac:dyDescent="0.3">
      <c r="A2948" s="11"/>
      <c r="B2948" s="8"/>
    </row>
    <row r="2949" spans="1:2" x14ac:dyDescent="0.3">
      <c r="A2949" s="11"/>
      <c r="B2949" s="8"/>
    </row>
    <row r="2950" spans="1:2" x14ac:dyDescent="0.3">
      <c r="A2950" s="11"/>
      <c r="B2950" s="8"/>
    </row>
    <row r="2951" spans="1:2" x14ac:dyDescent="0.3">
      <c r="A2951" s="11"/>
      <c r="B2951" s="8"/>
    </row>
    <row r="2952" spans="1:2" x14ac:dyDescent="0.3">
      <c r="A2952" s="11"/>
      <c r="B2952" s="8"/>
    </row>
    <row r="2953" spans="1:2" x14ac:dyDescent="0.3">
      <c r="A2953" s="11"/>
      <c r="B2953" s="8"/>
    </row>
    <row r="2954" spans="1:2" x14ac:dyDescent="0.3">
      <c r="A2954" s="11"/>
      <c r="B2954" s="8"/>
    </row>
    <row r="2955" spans="1:2" x14ac:dyDescent="0.3">
      <c r="A2955" s="11"/>
      <c r="B2955" s="8"/>
    </row>
    <row r="2956" spans="1:2" x14ac:dyDescent="0.3">
      <c r="A2956" s="11"/>
      <c r="B2956" s="8"/>
    </row>
    <row r="2957" spans="1:2" x14ac:dyDescent="0.3">
      <c r="A2957" s="11"/>
      <c r="B2957" s="8"/>
    </row>
    <row r="2958" spans="1:2" x14ac:dyDescent="0.3">
      <c r="A2958" s="11"/>
      <c r="B2958" s="8"/>
    </row>
    <row r="2959" spans="1:2" x14ac:dyDescent="0.3">
      <c r="A2959" s="11"/>
      <c r="B2959" s="8"/>
    </row>
    <row r="2960" spans="1:2" x14ac:dyDescent="0.3">
      <c r="A2960" s="11"/>
      <c r="B2960" s="8"/>
    </row>
    <row r="2961" spans="1:2" x14ac:dyDescent="0.3">
      <c r="A2961" s="11"/>
      <c r="B2961" s="8"/>
    </row>
    <row r="2962" spans="1:2" x14ac:dyDescent="0.3">
      <c r="A2962" s="11"/>
      <c r="B2962" s="8"/>
    </row>
    <row r="2963" spans="1:2" x14ac:dyDescent="0.3">
      <c r="A2963" s="11"/>
      <c r="B2963" s="8"/>
    </row>
    <row r="2964" spans="1:2" x14ac:dyDescent="0.3">
      <c r="A2964" s="11"/>
      <c r="B2964" s="8"/>
    </row>
    <row r="2965" spans="1:2" x14ac:dyDescent="0.3">
      <c r="A2965" s="11"/>
      <c r="B2965" s="8"/>
    </row>
    <row r="2966" spans="1:2" x14ac:dyDescent="0.3">
      <c r="A2966" s="11"/>
      <c r="B2966" s="8"/>
    </row>
    <row r="2967" spans="1:2" x14ac:dyDescent="0.3">
      <c r="A2967" s="11"/>
      <c r="B2967" s="8"/>
    </row>
    <row r="2968" spans="1:2" x14ac:dyDescent="0.3">
      <c r="A2968" s="11"/>
      <c r="B2968" s="8"/>
    </row>
    <row r="2969" spans="1:2" x14ac:dyDescent="0.3">
      <c r="A2969" s="11"/>
      <c r="B2969" s="8"/>
    </row>
    <row r="2970" spans="1:2" x14ac:dyDescent="0.3">
      <c r="A2970" s="11"/>
      <c r="B2970" s="8"/>
    </row>
    <row r="2971" spans="1:2" x14ac:dyDescent="0.3">
      <c r="A2971" s="11"/>
      <c r="B2971" s="8"/>
    </row>
    <row r="2972" spans="1:2" x14ac:dyDescent="0.3">
      <c r="A2972" s="11"/>
      <c r="B2972" s="8"/>
    </row>
    <row r="2973" spans="1:2" x14ac:dyDescent="0.3">
      <c r="A2973" s="11"/>
      <c r="B2973" s="8"/>
    </row>
    <row r="2974" spans="1:2" x14ac:dyDescent="0.3">
      <c r="A2974" s="11"/>
      <c r="B2974" s="8"/>
    </row>
    <row r="2975" spans="1:2" x14ac:dyDescent="0.3">
      <c r="A2975" s="11"/>
      <c r="B2975" s="8"/>
    </row>
    <row r="2976" spans="1:2" x14ac:dyDescent="0.3">
      <c r="A2976" s="11"/>
      <c r="B2976" s="8"/>
    </row>
    <row r="2977" spans="1:2" x14ac:dyDescent="0.3">
      <c r="A2977" s="11"/>
      <c r="B2977" s="8"/>
    </row>
    <row r="2978" spans="1:2" x14ac:dyDescent="0.3">
      <c r="A2978" s="11"/>
      <c r="B2978" s="8"/>
    </row>
    <row r="2979" spans="1:2" x14ac:dyDescent="0.3">
      <c r="A2979" s="11"/>
      <c r="B2979" s="8"/>
    </row>
    <row r="2980" spans="1:2" x14ac:dyDescent="0.3">
      <c r="A2980" s="11"/>
      <c r="B2980" s="8"/>
    </row>
    <row r="2981" spans="1:2" x14ac:dyDescent="0.3">
      <c r="A2981" s="11"/>
      <c r="B2981" s="8"/>
    </row>
    <row r="2982" spans="1:2" x14ac:dyDescent="0.3">
      <c r="A2982" s="11"/>
      <c r="B2982" s="8"/>
    </row>
    <row r="2983" spans="1:2" x14ac:dyDescent="0.3">
      <c r="A2983" s="11"/>
      <c r="B2983" s="8"/>
    </row>
    <row r="2984" spans="1:2" x14ac:dyDescent="0.3">
      <c r="A2984" s="11"/>
      <c r="B2984" s="8"/>
    </row>
    <row r="2985" spans="1:2" x14ac:dyDescent="0.3">
      <c r="A2985" s="11"/>
      <c r="B2985" s="8"/>
    </row>
    <row r="2986" spans="1:2" x14ac:dyDescent="0.3">
      <c r="A2986" s="11"/>
      <c r="B2986" s="8"/>
    </row>
    <row r="2987" spans="1:2" x14ac:dyDescent="0.3">
      <c r="A2987" s="11"/>
      <c r="B2987" s="8"/>
    </row>
    <row r="2988" spans="1:2" x14ac:dyDescent="0.3">
      <c r="A2988" s="11"/>
      <c r="B2988" s="8"/>
    </row>
    <row r="2989" spans="1:2" x14ac:dyDescent="0.3">
      <c r="A2989" s="11"/>
      <c r="B2989" s="8"/>
    </row>
    <row r="2990" spans="1:2" x14ac:dyDescent="0.3">
      <c r="A2990" s="11"/>
      <c r="B2990" s="8"/>
    </row>
    <row r="2991" spans="1:2" x14ac:dyDescent="0.3">
      <c r="A2991" s="11"/>
      <c r="B2991" s="8"/>
    </row>
    <row r="2992" spans="1:2" x14ac:dyDescent="0.3">
      <c r="A2992" s="11"/>
      <c r="B2992" s="8"/>
    </row>
    <row r="2993" spans="1:2" x14ac:dyDescent="0.3">
      <c r="A2993" s="11"/>
      <c r="B2993" s="8"/>
    </row>
    <row r="2994" spans="1:2" x14ac:dyDescent="0.3">
      <c r="A2994" s="11"/>
      <c r="B2994" s="8"/>
    </row>
    <row r="2995" spans="1:2" x14ac:dyDescent="0.3">
      <c r="A2995" s="11"/>
      <c r="B2995" s="8"/>
    </row>
    <row r="2996" spans="1:2" x14ac:dyDescent="0.3">
      <c r="A2996" s="11"/>
      <c r="B2996" s="8"/>
    </row>
    <row r="2997" spans="1:2" x14ac:dyDescent="0.3">
      <c r="A2997" s="11"/>
      <c r="B2997" s="8"/>
    </row>
    <row r="2998" spans="1:2" x14ac:dyDescent="0.3">
      <c r="A2998" s="11"/>
      <c r="B2998" s="8"/>
    </row>
    <row r="2999" spans="1:2" x14ac:dyDescent="0.3">
      <c r="A2999" s="11"/>
      <c r="B2999" s="8"/>
    </row>
    <row r="3000" spans="1:2" x14ac:dyDescent="0.3">
      <c r="A3000" s="11"/>
      <c r="B3000" s="8"/>
    </row>
    <row r="3001" spans="1:2" x14ac:dyDescent="0.3">
      <c r="A3001" s="11"/>
      <c r="B3001" s="8"/>
    </row>
    <row r="3002" spans="1:2" x14ac:dyDescent="0.3">
      <c r="A3002" s="11"/>
      <c r="B3002" s="8"/>
    </row>
    <row r="3003" spans="1:2" x14ac:dyDescent="0.3">
      <c r="A3003" s="11"/>
      <c r="B3003" s="8"/>
    </row>
    <row r="3004" spans="1:2" x14ac:dyDescent="0.3">
      <c r="A3004" s="11"/>
      <c r="B3004" s="8"/>
    </row>
    <row r="3005" spans="1:2" x14ac:dyDescent="0.3">
      <c r="A3005" s="11"/>
      <c r="B3005" s="8"/>
    </row>
    <row r="3006" spans="1:2" x14ac:dyDescent="0.3">
      <c r="A3006" s="11"/>
      <c r="B3006" s="8"/>
    </row>
    <row r="3007" spans="1:2" x14ac:dyDescent="0.3">
      <c r="A3007" s="11"/>
      <c r="B3007" s="8"/>
    </row>
    <row r="3008" spans="1:2" x14ac:dyDescent="0.3">
      <c r="A3008" s="11"/>
      <c r="B3008" s="8"/>
    </row>
    <row r="3009" spans="1:2" x14ac:dyDescent="0.3">
      <c r="A3009" s="11"/>
      <c r="B3009" s="8"/>
    </row>
    <row r="3010" spans="1:2" x14ac:dyDescent="0.3">
      <c r="A3010" s="11"/>
      <c r="B3010" s="8"/>
    </row>
    <row r="3011" spans="1:2" x14ac:dyDescent="0.3">
      <c r="A3011" s="11"/>
      <c r="B3011" s="8"/>
    </row>
    <row r="3012" spans="1:2" x14ac:dyDescent="0.3">
      <c r="A3012" s="11"/>
      <c r="B3012" s="8"/>
    </row>
    <row r="3013" spans="1:2" x14ac:dyDescent="0.3">
      <c r="A3013" s="11"/>
      <c r="B3013" s="8"/>
    </row>
    <row r="3014" spans="1:2" x14ac:dyDescent="0.3">
      <c r="A3014" s="11"/>
      <c r="B3014" s="8"/>
    </row>
    <row r="3015" spans="1:2" x14ac:dyDescent="0.3">
      <c r="A3015" s="11"/>
      <c r="B3015" s="8"/>
    </row>
    <row r="3016" spans="1:2" x14ac:dyDescent="0.3">
      <c r="A3016" s="11"/>
      <c r="B3016" s="8"/>
    </row>
    <row r="3017" spans="1:2" x14ac:dyDescent="0.3">
      <c r="A3017" s="11"/>
      <c r="B3017" s="8"/>
    </row>
    <row r="3018" spans="1:2" x14ac:dyDescent="0.3">
      <c r="A3018" s="11"/>
      <c r="B3018" s="8"/>
    </row>
    <row r="3019" spans="1:2" x14ac:dyDescent="0.3">
      <c r="A3019" s="11"/>
      <c r="B3019" s="8"/>
    </row>
    <row r="3020" spans="1:2" x14ac:dyDescent="0.3">
      <c r="A3020" s="11"/>
      <c r="B3020" s="8"/>
    </row>
    <row r="3021" spans="1:2" x14ac:dyDescent="0.3">
      <c r="A3021" s="11"/>
      <c r="B3021" s="8"/>
    </row>
    <row r="3022" spans="1:2" x14ac:dyDescent="0.3">
      <c r="A3022" s="11"/>
      <c r="B3022" s="8"/>
    </row>
    <row r="3023" spans="1:2" x14ac:dyDescent="0.3">
      <c r="A3023" s="11"/>
      <c r="B3023" s="8"/>
    </row>
    <row r="3024" spans="1:2" x14ac:dyDescent="0.3">
      <c r="A3024" s="11"/>
      <c r="B3024" s="8"/>
    </row>
    <row r="3025" spans="1:2" x14ac:dyDescent="0.3">
      <c r="A3025" s="11"/>
      <c r="B3025" s="8"/>
    </row>
    <row r="3026" spans="1:2" x14ac:dyDescent="0.3">
      <c r="A3026" s="11"/>
      <c r="B3026" s="8"/>
    </row>
    <row r="3027" spans="1:2" x14ac:dyDescent="0.3">
      <c r="A3027" s="11"/>
      <c r="B3027" s="8"/>
    </row>
    <row r="3028" spans="1:2" x14ac:dyDescent="0.3">
      <c r="A3028" s="11"/>
      <c r="B3028" s="8"/>
    </row>
    <row r="3029" spans="1:2" x14ac:dyDescent="0.3">
      <c r="A3029" s="11"/>
      <c r="B3029" s="8"/>
    </row>
    <row r="3030" spans="1:2" x14ac:dyDescent="0.3">
      <c r="A3030" s="11"/>
      <c r="B3030" s="8"/>
    </row>
    <row r="3031" spans="1:2" x14ac:dyDescent="0.3">
      <c r="A3031" s="11"/>
      <c r="B3031" s="8"/>
    </row>
    <row r="3032" spans="1:2" x14ac:dyDescent="0.3">
      <c r="A3032" s="11"/>
      <c r="B3032" s="8"/>
    </row>
    <row r="3033" spans="1:2" x14ac:dyDescent="0.3">
      <c r="A3033" s="11"/>
      <c r="B3033" s="8"/>
    </row>
    <row r="3034" spans="1:2" x14ac:dyDescent="0.3">
      <c r="A3034" s="11"/>
      <c r="B3034" s="8"/>
    </row>
    <row r="3035" spans="1:2" x14ac:dyDescent="0.3">
      <c r="A3035" s="11"/>
      <c r="B3035" s="8"/>
    </row>
    <row r="3036" spans="1:2" x14ac:dyDescent="0.3">
      <c r="A3036" s="11"/>
      <c r="B3036" s="8"/>
    </row>
    <row r="3037" spans="1:2" x14ac:dyDescent="0.3">
      <c r="A3037" s="11"/>
      <c r="B3037" s="8"/>
    </row>
    <row r="3038" spans="1:2" x14ac:dyDescent="0.3">
      <c r="A3038" s="11"/>
      <c r="B3038" s="8"/>
    </row>
    <row r="3039" spans="1:2" x14ac:dyDescent="0.3">
      <c r="A3039" s="11"/>
      <c r="B3039" s="8"/>
    </row>
    <row r="3040" spans="1:2" x14ac:dyDescent="0.3">
      <c r="A3040" s="11"/>
      <c r="B3040" s="8"/>
    </row>
    <row r="3041" spans="1:2" x14ac:dyDescent="0.3">
      <c r="A3041" s="11"/>
      <c r="B3041" s="8"/>
    </row>
    <row r="3042" spans="1:2" x14ac:dyDescent="0.3">
      <c r="A3042" s="11"/>
      <c r="B3042" s="8"/>
    </row>
    <row r="3043" spans="1:2" x14ac:dyDescent="0.3">
      <c r="A3043" s="11"/>
      <c r="B3043" s="8"/>
    </row>
    <row r="3044" spans="1:2" x14ac:dyDescent="0.3">
      <c r="A3044" s="11"/>
      <c r="B3044" s="8"/>
    </row>
    <row r="3045" spans="1:2" x14ac:dyDescent="0.3">
      <c r="A3045" s="11"/>
      <c r="B3045" s="8"/>
    </row>
    <row r="3046" spans="1:2" x14ac:dyDescent="0.3">
      <c r="A3046" s="11"/>
      <c r="B3046" s="8"/>
    </row>
    <row r="3047" spans="1:2" x14ac:dyDescent="0.3">
      <c r="A3047" s="11"/>
      <c r="B3047" s="8"/>
    </row>
    <row r="3048" spans="1:2" x14ac:dyDescent="0.3">
      <c r="A3048" s="11"/>
      <c r="B3048" s="8"/>
    </row>
    <row r="3049" spans="1:2" x14ac:dyDescent="0.3">
      <c r="A3049" s="11"/>
      <c r="B3049" s="8"/>
    </row>
    <row r="3050" spans="1:2" x14ac:dyDescent="0.3">
      <c r="A3050" s="11"/>
      <c r="B3050" s="8"/>
    </row>
    <row r="3051" spans="1:2" x14ac:dyDescent="0.3">
      <c r="A3051" s="11"/>
      <c r="B3051" s="8"/>
    </row>
    <row r="3052" spans="1:2" x14ac:dyDescent="0.3">
      <c r="A3052" s="11"/>
      <c r="B3052" s="8"/>
    </row>
    <row r="3053" spans="1:2" x14ac:dyDescent="0.3">
      <c r="A3053" s="11"/>
      <c r="B3053" s="8"/>
    </row>
    <row r="3054" spans="1:2" x14ac:dyDescent="0.3">
      <c r="A3054" s="11"/>
      <c r="B3054" s="8"/>
    </row>
    <row r="3055" spans="1:2" x14ac:dyDescent="0.3">
      <c r="A3055" s="11"/>
      <c r="B3055" s="8"/>
    </row>
    <row r="3056" spans="1:2" x14ac:dyDescent="0.3">
      <c r="A3056" s="11"/>
      <c r="B3056" s="8"/>
    </row>
    <row r="3057" spans="1:2" x14ac:dyDescent="0.3">
      <c r="A3057" s="11"/>
      <c r="B3057" s="8"/>
    </row>
    <row r="3058" spans="1:2" x14ac:dyDescent="0.3">
      <c r="A3058" s="11"/>
      <c r="B3058" s="8"/>
    </row>
    <row r="3059" spans="1:2" x14ac:dyDescent="0.3">
      <c r="A3059" s="11"/>
      <c r="B3059" s="8"/>
    </row>
    <row r="3060" spans="1:2" x14ac:dyDescent="0.3">
      <c r="A3060" s="11"/>
      <c r="B3060" s="8"/>
    </row>
    <row r="3061" spans="1:2" x14ac:dyDescent="0.3">
      <c r="A3061" s="11"/>
      <c r="B3061" s="8"/>
    </row>
    <row r="3062" spans="1:2" x14ac:dyDescent="0.3">
      <c r="A3062" s="11"/>
      <c r="B3062" s="8"/>
    </row>
    <row r="3063" spans="1:2" x14ac:dyDescent="0.3">
      <c r="A3063" s="11"/>
      <c r="B3063" s="8"/>
    </row>
    <row r="3064" spans="1:2" x14ac:dyDescent="0.3">
      <c r="A3064" s="11"/>
      <c r="B3064" s="8"/>
    </row>
    <row r="3065" spans="1:2" x14ac:dyDescent="0.3">
      <c r="A3065" s="11"/>
      <c r="B3065" s="8"/>
    </row>
    <row r="3066" spans="1:2" x14ac:dyDescent="0.3">
      <c r="A3066" s="11"/>
      <c r="B3066" s="8"/>
    </row>
    <row r="3067" spans="1:2" x14ac:dyDescent="0.3">
      <c r="A3067" s="11"/>
      <c r="B3067" s="8"/>
    </row>
    <row r="3068" spans="1:2" x14ac:dyDescent="0.3">
      <c r="A3068" s="11"/>
      <c r="B3068" s="8"/>
    </row>
    <row r="3069" spans="1:2" x14ac:dyDescent="0.3">
      <c r="A3069" s="11"/>
      <c r="B3069" s="8"/>
    </row>
    <row r="3070" spans="1:2" x14ac:dyDescent="0.3">
      <c r="A3070" s="11"/>
      <c r="B3070" s="8"/>
    </row>
    <row r="3071" spans="1:2" x14ac:dyDescent="0.3">
      <c r="A3071" s="11"/>
      <c r="B3071" s="8"/>
    </row>
    <row r="3072" spans="1:2" x14ac:dyDescent="0.3">
      <c r="A3072" s="11"/>
      <c r="B3072" s="8"/>
    </row>
    <row r="3073" spans="1:2" x14ac:dyDescent="0.3">
      <c r="A3073" s="11"/>
      <c r="B3073" s="8"/>
    </row>
    <row r="3074" spans="1:2" x14ac:dyDescent="0.3">
      <c r="A3074" s="11"/>
      <c r="B3074" s="8"/>
    </row>
    <row r="3075" spans="1:2" x14ac:dyDescent="0.3">
      <c r="A3075" s="11"/>
      <c r="B3075" s="8"/>
    </row>
    <row r="3076" spans="1:2" x14ac:dyDescent="0.3">
      <c r="A3076" s="11"/>
      <c r="B3076" s="8"/>
    </row>
    <row r="3077" spans="1:2" x14ac:dyDescent="0.3">
      <c r="A3077" s="11"/>
      <c r="B3077" s="8"/>
    </row>
    <row r="3078" spans="1:2" x14ac:dyDescent="0.3">
      <c r="A3078" s="11"/>
      <c r="B3078" s="8"/>
    </row>
    <row r="3079" spans="1:2" x14ac:dyDescent="0.3">
      <c r="A3079" s="11"/>
      <c r="B3079" s="8"/>
    </row>
    <row r="3080" spans="1:2" x14ac:dyDescent="0.3">
      <c r="A3080" s="11"/>
      <c r="B3080" s="8"/>
    </row>
    <row r="3081" spans="1:2" x14ac:dyDescent="0.3">
      <c r="A3081" s="11"/>
      <c r="B3081" s="8"/>
    </row>
    <row r="3082" spans="1:2" x14ac:dyDescent="0.3">
      <c r="A3082" s="11"/>
      <c r="B3082" s="8"/>
    </row>
    <row r="3083" spans="1:2" x14ac:dyDescent="0.3">
      <c r="A3083" s="11"/>
      <c r="B3083" s="8"/>
    </row>
    <row r="3084" spans="1:2" x14ac:dyDescent="0.3">
      <c r="A3084" s="11"/>
      <c r="B3084" s="8"/>
    </row>
    <row r="3085" spans="1:2" x14ac:dyDescent="0.3">
      <c r="A3085" s="11"/>
      <c r="B3085" s="8"/>
    </row>
    <row r="3086" spans="1:2" x14ac:dyDescent="0.3">
      <c r="A3086" s="11"/>
      <c r="B3086" s="8"/>
    </row>
    <row r="3087" spans="1:2" x14ac:dyDescent="0.3">
      <c r="A3087" s="11"/>
      <c r="B3087" s="8"/>
    </row>
    <row r="3088" spans="1:2" x14ac:dyDescent="0.3">
      <c r="A3088" s="11"/>
      <c r="B3088" s="8"/>
    </row>
    <row r="3089" spans="1:2" x14ac:dyDescent="0.3">
      <c r="A3089" s="11"/>
      <c r="B3089" s="8"/>
    </row>
    <row r="3090" spans="1:2" x14ac:dyDescent="0.3">
      <c r="A3090" s="11"/>
      <c r="B3090" s="8"/>
    </row>
    <row r="3091" spans="1:2" x14ac:dyDescent="0.3">
      <c r="A3091" s="11"/>
      <c r="B3091" s="8"/>
    </row>
    <row r="3092" spans="1:2" x14ac:dyDescent="0.3">
      <c r="A3092" s="11"/>
      <c r="B3092" s="8"/>
    </row>
    <row r="3093" spans="1:2" x14ac:dyDescent="0.3">
      <c r="A3093" s="11"/>
      <c r="B3093" s="8"/>
    </row>
    <row r="3094" spans="1:2" x14ac:dyDescent="0.3">
      <c r="A3094" s="11"/>
      <c r="B3094" s="8"/>
    </row>
    <row r="3095" spans="1:2" x14ac:dyDescent="0.3">
      <c r="A3095" s="11"/>
      <c r="B3095" s="8"/>
    </row>
    <row r="3096" spans="1:2" x14ac:dyDescent="0.3">
      <c r="A3096" s="11"/>
      <c r="B3096" s="8"/>
    </row>
    <row r="3097" spans="1:2" x14ac:dyDescent="0.3">
      <c r="A3097" s="11"/>
      <c r="B3097" s="8"/>
    </row>
    <row r="3098" spans="1:2" x14ac:dyDescent="0.3">
      <c r="A3098" s="11"/>
      <c r="B3098" s="8"/>
    </row>
    <row r="3099" spans="1:2" x14ac:dyDescent="0.3">
      <c r="A3099" s="11"/>
      <c r="B3099" s="8"/>
    </row>
    <row r="3100" spans="1:2" x14ac:dyDescent="0.3">
      <c r="A3100" s="11"/>
      <c r="B3100" s="8"/>
    </row>
    <row r="3101" spans="1:2" x14ac:dyDescent="0.3">
      <c r="A3101" s="11"/>
      <c r="B3101" s="8"/>
    </row>
    <row r="3102" spans="1:2" x14ac:dyDescent="0.3">
      <c r="A3102" s="11"/>
      <c r="B3102" s="8"/>
    </row>
    <row r="3103" spans="1:2" x14ac:dyDescent="0.3">
      <c r="A3103" s="11"/>
      <c r="B3103" s="8"/>
    </row>
    <row r="3104" spans="1:2" x14ac:dyDescent="0.3">
      <c r="A3104" s="11"/>
      <c r="B3104" s="8"/>
    </row>
    <row r="3105" spans="1:2" x14ac:dyDescent="0.3">
      <c r="A3105" s="11"/>
      <c r="B3105" s="8"/>
    </row>
    <row r="3106" spans="1:2" x14ac:dyDescent="0.3">
      <c r="A3106" s="11"/>
      <c r="B3106" s="8"/>
    </row>
    <row r="3107" spans="1:2" x14ac:dyDescent="0.3">
      <c r="A3107" s="11"/>
      <c r="B3107" s="8"/>
    </row>
    <row r="3108" spans="1:2" x14ac:dyDescent="0.3">
      <c r="A3108" s="11"/>
      <c r="B3108" s="8"/>
    </row>
    <row r="3109" spans="1:2" x14ac:dyDescent="0.3">
      <c r="A3109" s="11"/>
      <c r="B3109" s="8"/>
    </row>
    <row r="3110" spans="1:2" x14ac:dyDescent="0.3">
      <c r="A3110" s="11"/>
      <c r="B3110" s="8"/>
    </row>
    <row r="3111" spans="1:2" x14ac:dyDescent="0.3">
      <c r="A3111" s="11"/>
      <c r="B3111" s="8"/>
    </row>
    <row r="3112" spans="1:2" x14ac:dyDescent="0.3">
      <c r="A3112" s="11"/>
      <c r="B3112" s="8"/>
    </row>
    <row r="3113" spans="1:2" x14ac:dyDescent="0.3">
      <c r="A3113" s="11"/>
      <c r="B3113" s="8"/>
    </row>
    <row r="3114" spans="1:2" x14ac:dyDescent="0.3">
      <c r="A3114" s="11"/>
      <c r="B3114" s="8"/>
    </row>
    <row r="3115" spans="1:2" x14ac:dyDescent="0.3">
      <c r="A3115" s="11"/>
      <c r="B3115" s="8"/>
    </row>
    <row r="3116" spans="1:2" x14ac:dyDescent="0.3">
      <c r="A3116" s="11"/>
      <c r="B3116" s="8"/>
    </row>
    <row r="3117" spans="1:2" x14ac:dyDescent="0.3">
      <c r="A3117" s="11"/>
      <c r="B3117" s="8"/>
    </row>
    <row r="3118" spans="1:2" x14ac:dyDescent="0.3">
      <c r="A3118" s="11"/>
      <c r="B3118" s="8"/>
    </row>
    <row r="3119" spans="1:2" x14ac:dyDescent="0.3">
      <c r="A3119" s="11"/>
      <c r="B3119" s="8"/>
    </row>
    <row r="3120" spans="1:2" x14ac:dyDescent="0.3">
      <c r="A3120" s="11"/>
      <c r="B3120" s="8"/>
    </row>
    <row r="3121" spans="1:2" x14ac:dyDescent="0.3">
      <c r="A3121" s="11"/>
      <c r="B3121" s="8"/>
    </row>
    <row r="3122" spans="1:2" x14ac:dyDescent="0.3">
      <c r="A3122" s="11"/>
      <c r="B3122" s="8"/>
    </row>
    <row r="3123" spans="1:2" x14ac:dyDescent="0.3">
      <c r="A3123" s="11"/>
      <c r="B3123" s="8"/>
    </row>
    <row r="3124" spans="1:2" x14ac:dyDescent="0.3">
      <c r="A3124" s="11"/>
      <c r="B3124" s="8"/>
    </row>
    <row r="3125" spans="1:2" x14ac:dyDescent="0.3">
      <c r="A3125" s="11"/>
      <c r="B3125" s="8"/>
    </row>
    <row r="3126" spans="1:2" x14ac:dyDescent="0.3">
      <c r="A3126" s="11"/>
      <c r="B3126" s="8"/>
    </row>
    <row r="3127" spans="1:2" x14ac:dyDescent="0.3">
      <c r="A3127" s="11"/>
      <c r="B3127" s="8"/>
    </row>
    <row r="3128" spans="1:2" x14ac:dyDescent="0.3">
      <c r="A3128" s="11"/>
      <c r="B3128" s="8"/>
    </row>
    <row r="3129" spans="1:2" x14ac:dyDescent="0.3">
      <c r="A3129" s="11"/>
      <c r="B3129" s="8"/>
    </row>
    <row r="3130" spans="1:2" x14ac:dyDescent="0.3">
      <c r="A3130" s="11"/>
      <c r="B3130" s="8"/>
    </row>
    <row r="3131" spans="1:2" x14ac:dyDescent="0.3">
      <c r="A3131" s="11"/>
      <c r="B3131" s="8"/>
    </row>
    <row r="3132" spans="1:2" x14ac:dyDescent="0.3">
      <c r="A3132" s="11"/>
      <c r="B3132" s="8"/>
    </row>
    <row r="3133" spans="1:2" x14ac:dyDescent="0.3">
      <c r="A3133" s="11"/>
      <c r="B3133" s="8"/>
    </row>
    <row r="3134" spans="1:2" x14ac:dyDescent="0.3">
      <c r="A3134" s="11"/>
      <c r="B3134" s="8"/>
    </row>
    <row r="3135" spans="1:2" x14ac:dyDescent="0.3">
      <c r="A3135" s="11"/>
      <c r="B3135" s="8"/>
    </row>
    <row r="3136" spans="1:2" x14ac:dyDescent="0.3">
      <c r="A3136" s="11"/>
      <c r="B3136" s="8"/>
    </row>
    <row r="3137" spans="1:2" x14ac:dyDescent="0.3">
      <c r="A3137" s="11"/>
      <c r="B3137" s="8"/>
    </row>
    <row r="3138" spans="1:2" x14ac:dyDescent="0.3">
      <c r="A3138" s="11"/>
      <c r="B3138" s="8"/>
    </row>
    <row r="3139" spans="1:2" x14ac:dyDescent="0.3">
      <c r="A3139" s="11"/>
      <c r="B3139" s="8"/>
    </row>
    <row r="3140" spans="1:2" x14ac:dyDescent="0.3">
      <c r="A3140" s="11"/>
      <c r="B3140" s="8"/>
    </row>
    <row r="3141" spans="1:2" x14ac:dyDescent="0.3">
      <c r="A3141" s="11"/>
      <c r="B3141" s="8"/>
    </row>
    <row r="3142" spans="1:2" x14ac:dyDescent="0.3">
      <c r="A3142" s="11"/>
      <c r="B3142" s="8"/>
    </row>
    <row r="3143" spans="1:2" x14ac:dyDescent="0.3">
      <c r="A3143" s="11"/>
      <c r="B3143" s="8"/>
    </row>
    <row r="3144" spans="1:2" x14ac:dyDescent="0.3">
      <c r="A3144" s="11"/>
      <c r="B3144" s="8"/>
    </row>
    <row r="3145" spans="1:2" x14ac:dyDescent="0.3">
      <c r="A3145" s="11"/>
      <c r="B3145" s="8"/>
    </row>
    <row r="3146" spans="1:2" x14ac:dyDescent="0.3">
      <c r="A3146" s="11"/>
      <c r="B3146" s="8"/>
    </row>
    <row r="3147" spans="1:2" x14ac:dyDescent="0.3">
      <c r="A3147" s="11"/>
      <c r="B3147" s="8"/>
    </row>
    <row r="3148" spans="1:2" x14ac:dyDescent="0.3">
      <c r="A3148" s="11"/>
      <c r="B3148" s="8"/>
    </row>
    <row r="3149" spans="1:2" x14ac:dyDescent="0.3">
      <c r="A3149" s="11"/>
      <c r="B3149" s="8"/>
    </row>
    <row r="3150" spans="1:2" x14ac:dyDescent="0.3">
      <c r="A3150" s="11"/>
      <c r="B3150" s="8"/>
    </row>
    <row r="3151" spans="1:2" x14ac:dyDescent="0.3">
      <c r="A3151" s="11"/>
      <c r="B3151" s="8"/>
    </row>
    <row r="3152" spans="1:2" x14ac:dyDescent="0.3">
      <c r="A3152" s="11"/>
      <c r="B3152" s="8"/>
    </row>
    <row r="3153" spans="1:2" x14ac:dyDescent="0.3">
      <c r="A3153" s="11"/>
      <c r="B3153" s="8"/>
    </row>
    <row r="3154" spans="1:2" x14ac:dyDescent="0.3">
      <c r="A3154" s="11"/>
      <c r="B3154" s="8"/>
    </row>
    <row r="3155" spans="1:2" x14ac:dyDescent="0.3">
      <c r="A3155" s="11"/>
      <c r="B3155" s="8"/>
    </row>
    <row r="3156" spans="1:2" x14ac:dyDescent="0.3">
      <c r="A3156" s="11"/>
      <c r="B3156" s="8"/>
    </row>
    <row r="3157" spans="1:2" x14ac:dyDescent="0.3">
      <c r="A3157" s="11"/>
      <c r="B3157" s="8"/>
    </row>
    <row r="3158" spans="1:2" x14ac:dyDescent="0.3">
      <c r="A3158" s="11"/>
      <c r="B3158" s="8"/>
    </row>
    <row r="3159" spans="1:2" x14ac:dyDescent="0.3">
      <c r="A3159" s="11"/>
      <c r="B3159" s="8"/>
    </row>
    <row r="3160" spans="1:2" x14ac:dyDescent="0.3">
      <c r="A3160" s="11"/>
      <c r="B3160" s="8"/>
    </row>
    <row r="3161" spans="1:2" x14ac:dyDescent="0.3">
      <c r="A3161" s="11"/>
      <c r="B3161" s="8"/>
    </row>
    <row r="3162" spans="1:2" x14ac:dyDescent="0.3">
      <c r="A3162" s="11"/>
      <c r="B3162" s="8"/>
    </row>
    <row r="3163" spans="1:2" x14ac:dyDescent="0.3">
      <c r="A3163" s="11"/>
      <c r="B3163" s="8"/>
    </row>
    <row r="3164" spans="1:2" x14ac:dyDescent="0.3">
      <c r="A3164" s="11"/>
      <c r="B3164" s="8"/>
    </row>
    <row r="3165" spans="1:2" x14ac:dyDescent="0.3">
      <c r="A3165" s="11"/>
      <c r="B3165" s="8"/>
    </row>
    <row r="3166" spans="1:2" x14ac:dyDescent="0.3">
      <c r="A3166" s="11"/>
      <c r="B3166" s="8"/>
    </row>
    <row r="3167" spans="1:2" x14ac:dyDescent="0.3">
      <c r="A3167" s="11"/>
      <c r="B3167" s="8"/>
    </row>
    <row r="3168" spans="1:2" x14ac:dyDescent="0.3">
      <c r="A3168" s="11"/>
      <c r="B3168" s="8"/>
    </row>
    <row r="3169" spans="1:2" x14ac:dyDescent="0.3">
      <c r="A3169" s="11"/>
      <c r="B3169" s="8"/>
    </row>
    <row r="3170" spans="1:2" x14ac:dyDescent="0.3">
      <c r="A3170" s="11"/>
      <c r="B3170" s="8"/>
    </row>
    <row r="3171" spans="1:2" x14ac:dyDescent="0.3">
      <c r="A3171" s="11"/>
      <c r="B3171" s="8"/>
    </row>
    <row r="3172" spans="1:2" x14ac:dyDescent="0.3">
      <c r="A3172" s="11"/>
      <c r="B3172" s="8"/>
    </row>
    <row r="3173" spans="1:2" x14ac:dyDescent="0.3">
      <c r="A3173" s="11"/>
      <c r="B3173" s="8"/>
    </row>
    <row r="3174" spans="1:2" x14ac:dyDescent="0.3">
      <c r="A3174" s="11"/>
      <c r="B3174" s="8"/>
    </row>
    <row r="3175" spans="1:2" x14ac:dyDescent="0.3">
      <c r="A3175" s="11"/>
      <c r="B3175" s="8"/>
    </row>
    <row r="3176" spans="1:2" x14ac:dyDescent="0.3">
      <c r="A3176" s="11"/>
      <c r="B3176" s="8"/>
    </row>
    <row r="3177" spans="1:2" x14ac:dyDescent="0.3">
      <c r="A3177" s="11"/>
      <c r="B3177" s="8"/>
    </row>
    <row r="3178" spans="1:2" x14ac:dyDescent="0.3">
      <c r="A3178" s="11"/>
      <c r="B3178" s="8"/>
    </row>
    <row r="3179" spans="1:2" x14ac:dyDescent="0.3">
      <c r="A3179" s="11"/>
      <c r="B3179" s="8"/>
    </row>
    <row r="3180" spans="1:2" x14ac:dyDescent="0.3">
      <c r="A3180" s="11"/>
      <c r="B3180" s="8"/>
    </row>
    <row r="3181" spans="1:2" x14ac:dyDescent="0.3">
      <c r="A3181" s="11"/>
      <c r="B3181" s="8"/>
    </row>
    <row r="3182" spans="1:2" x14ac:dyDescent="0.3">
      <c r="A3182" s="11"/>
      <c r="B3182" s="8"/>
    </row>
    <row r="3183" spans="1:2" x14ac:dyDescent="0.3">
      <c r="A3183" s="11"/>
      <c r="B3183" s="8"/>
    </row>
    <row r="3184" spans="1:2" x14ac:dyDescent="0.3">
      <c r="A3184" s="11"/>
      <c r="B3184" s="8"/>
    </row>
    <row r="3185" spans="1:2" x14ac:dyDescent="0.3">
      <c r="A3185" s="11"/>
      <c r="B3185" s="8"/>
    </row>
    <row r="3186" spans="1:2" x14ac:dyDescent="0.3">
      <c r="A3186" s="11"/>
      <c r="B3186" s="8"/>
    </row>
    <row r="3187" spans="1:2" x14ac:dyDescent="0.3">
      <c r="A3187" s="11"/>
      <c r="B3187" s="8"/>
    </row>
    <row r="3188" spans="1:2" x14ac:dyDescent="0.3">
      <c r="A3188" s="11"/>
      <c r="B3188" s="8"/>
    </row>
    <row r="3189" spans="1:2" x14ac:dyDescent="0.3">
      <c r="A3189" s="11"/>
      <c r="B3189" s="8"/>
    </row>
    <row r="3190" spans="1:2" x14ac:dyDescent="0.3">
      <c r="A3190" s="11"/>
      <c r="B3190" s="8"/>
    </row>
    <row r="3191" spans="1:2" x14ac:dyDescent="0.3">
      <c r="A3191" s="11"/>
      <c r="B3191" s="8"/>
    </row>
    <row r="3192" spans="1:2" x14ac:dyDescent="0.3">
      <c r="A3192" s="11"/>
      <c r="B3192" s="8"/>
    </row>
    <row r="3193" spans="1:2" x14ac:dyDescent="0.3">
      <c r="A3193" s="11"/>
      <c r="B3193" s="8"/>
    </row>
    <row r="3194" spans="1:2" x14ac:dyDescent="0.3">
      <c r="A3194" s="11"/>
      <c r="B3194" s="8"/>
    </row>
    <row r="3195" spans="1:2" x14ac:dyDescent="0.3">
      <c r="A3195" s="11"/>
      <c r="B3195" s="8"/>
    </row>
    <row r="3196" spans="1:2" x14ac:dyDescent="0.3">
      <c r="A3196" s="11"/>
      <c r="B3196" s="8"/>
    </row>
    <row r="3197" spans="1:2" x14ac:dyDescent="0.3">
      <c r="A3197" s="11"/>
      <c r="B3197" s="8"/>
    </row>
    <row r="3198" spans="1:2" x14ac:dyDescent="0.3">
      <c r="A3198" s="11"/>
      <c r="B3198" s="8"/>
    </row>
    <row r="3199" spans="1:2" x14ac:dyDescent="0.3">
      <c r="A3199" s="11"/>
      <c r="B3199" s="8"/>
    </row>
    <row r="3200" spans="1:2" x14ac:dyDescent="0.3">
      <c r="A3200" s="11"/>
      <c r="B3200" s="8"/>
    </row>
    <row r="3201" spans="1:2" x14ac:dyDescent="0.3">
      <c r="A3201" s="11"/>
      <c r="B3201" s="8"/>
    </row>
    <row r="3202" spans="1:2" x14ac:dyDescent="0.3">
      <c r="A3202" s="11"/>
      <c r="B3202" s="8"/>
    </row>
    <row r="3203" spans="1:2" x14ac:dyDescent="0.3">
      <c r="A3203" s="11"/>
      <c r="B3203" s="8"/>
    </row>
    <row r="3204" spans="1:2" x14ac:dyDescent="0.3">
      <c r="A3204" s="11"/>
      <c r="B3204" s="8"/>
    </row>
    <row r="3205" spans="1:2" x14ac:dyDescent="0.3">
      <c r="A3205" s="11"/>
      <c r="B3205" s="8"/>
    </row>
    <row r="3206" spans="1:2" x14ac:dyDescent="0.3">
      <c r="A3206" s="11"/>
      <c r="B3206" s="8"/>
    </row>
    <row r="3207" spans="1:2" x14ac:dyDescent="0.3">
      <c r="A3207" s="11"/>
      <c r="B3207" s="8"/>
    </row>
    <row r="3208" spans="1:2" x14ac:dyDescent="0.3">
      <c r="A3208" s="11"/>
      <c r="B3208" s="8"/>
    </row>
    <row r="3209" spans="1:2" x14ac:dyDescent="0.3">
      <c r="A3209" s="11"/>
      <c r="B3209" s="8"/>
    </row>
    <row r="3210" spans="1:2" x14ac:dyDescent="0.3">
      <c r="A3210" s="11"/>
      <c r="B3210" s="8"/>
    </row>
    <row r="3211" spans="1:2" x14ac:dyDescent="0.3">
      <c r="A3211" s="11"/>
      <c r="B3211" s="8"/>
    </row>
    <row r="3212" spans="1:2" x14ac:dyDescent="0.3">
      <c r="A3212" s="11"/>
      <c r="B3212" s="8"/>
    </row>
    <row r="3213" spans="1:2" x14ac:dyDescent="0.3">
      <c r="A3213" s="11"/>
      <c r="B3213" s="8"/>
    </row>
    <row r="3214" spans="1:2" x14ac:dyDescent="0.3">
      <c r="A3214" s="11"/>
      <c r="B3214" s="8"/>
    </row>
    <row r="3215" spans="1:2" x14ac:dyDescent="0.3">
      <c r="A3215" s="11"/>
      <c r="B3215" s="8"/>
    </row>
    <row r="3216" spans="1:2" x14ac:dyDescent="0.3">
      <c r="A3216" s="11"/>
      <c r="B3216" s="8"/>
    </row>
    <row r="3217" spans="1:2" x14ac:dyDescent="0.3">
      <c r="A3217" s="11"/>
      <c r="B3217" s="8"/>
    </row>
    <row r="3218" spans="1:2" x14ac:dyDescent="0.3">
      <c r="A3218" s="11"/>
      <c r="B3218" s="8"/>
    </row>
    <row r="3219" spans="1:2" x14ac:dyDescent="0.3">
      <c r="A3219" s="11"/>
      <c r="B3219" s="8"/>
    </row>
    <row r="3220" spans="1:2" x14ac:dyDescent="0.3">
      <c r="A3220" s="11"/>
      <c r="B3220" s="8"/>
    </row>
    <row r="3221" spans="1:2" x14ac:dyDescent="0.3">
      <c r="A3221" s="11"/>
      <c r="B3221" s="8"/>
    </row>
    <row r="3222" spans="1:2" x14ac:dyDescent="0.3">
      <c r="A3222" s="11"/>
      <c r="B3222" s="8"/>
    </row>
    <row r="3223" spans="1:2" x14ac:dyDescent="0.3">
      <c r="A3223" s="11"/>
      <c r="B3223" s="8"/>
    </row>
    <row r="3224" spans="1:2" x14ac:dyDescent="0.3">
      <c r="A3224" s="11"/>
      <c r="B3224" s="8"/>
    </row>
    <row r="3225" spans="1:2" x14ac:dyDescent="0.3">
      <c r="A3225" s="11"/>
      <c r="B3225" s="8"/>
    </row>
    <row r="3226" spans="1:2" x14ac:dyDescent="0.3">
      <c r="A3226" s="11"/>
      <c r="B3226" s="8"/>
    </row>
    <row r="3227" spans="1:2" x14ac:dyDescent="0.3">
      <c r="A3227" s="11"/>
      <c r="B3227" s="8"/>
    </row>
    <row r="3228" spans="1:2" x14ac:dyDescent="0.3">
      <c r="A3228" s="11"/>
      <c r="B3228" s="8"/>
    </row>
    <row r="3229" spans="1:2" x14ac:dyDescent="0.3">
      <c r="A3229" s="11"/>
      <c r="B3229" s="8"/>
    </row>
    <row r="3230" spans="1:2" x14ac:dyDescent="0.3">
      <c r="A3230" s="11"/>
      <c r="B3230" s="8"/>
    </row>
    <row r="3231" spans="1:2" x14ac:dyDescent="0.3">
      <c r="A3231" s="11"/>
      <c r="B3231" s="8"/>
    </row>
    <row r="3232" spans="1:2" x14ac:dyDescent="0.3">
      <c r="A3232" s="11"/>
      <c r="B3232" s="8"/>
    </row>
    <row r="3233" spans="1:2" x14ac:dyDescent="0.3">
      <c r="A3233" s="11"/>
      <c r="B3233" s="8"/>
    </row>
    <row r="3234" spans="1:2" x14ac:dyDescent="0.3">
      <c r="A3234" s="11"/>
      <c r="B3234" s="8"/>
    </row>
    <row r="3235" spans="1:2" x14ac:dyDescent="0.3">
      <c r="A3235" s="11"/>
      <c r="B3235" s="8"/>
    </row>
    <row r="3236" spans="1:2" x14ac:dyDescent="0.3">
      <c r="A3236" s="11"/>
      <c r="B3236" s="8"/>
    </row>
    <row r="3237" spans="1:2" x14ac:dyDescent="0.3">
      <c r="A3237" s="11"/>
      <c r="B3237" s="8"/>
    </row>
    <row r="3238" spans="1:2" x14ac:dyDescent="0.3">
      <c r="A3238" s="11"/>
      <c r="B3238" s="8"/>
    </row>
    <row r="3239" spans="1:2" x14ac:dyDescent="0.3">
      <c r="A3239" s="11"/>
      <c r="B3239" s="8"/>
    </row>
    <row r="3240" spans="1:2" x14ac:dyDescent="0.3">
      <c r="A3240" s="11"/>
      <c r="B3240" s="8"/>
    </row>
    <row r="3241" spans="1:2" x14ac:dyDescent="0.3">
      <c r="A3241" s="11"/>
      <c r="B3241" s="8"/>
    </row>
    <row r="3242" spans="1:2" x14ac:dyDescent="0.3">
      <c r="A3242" s="11"/>
      <c r="B3242" s="8"/>
    </row>
    <row r="3243" spans="1:2" x14ac:dyDescent="0.3">
      <c r="A3243" s="11"/>
      <c r="B3243" s="8"/>
    </row>
    <row r="3244" spans="1:2" x14ac:dyDescent="0.3">
      <c r="A3244" s="11"/>
      <c r="B3244" s="8"/>
    </row>
    <row r="3245" spans="1:2" x14ac:dyDescent="0.3">
      <c r="A3245" s="11"/>
      <c r="B3245" s="8"/>
    </row>
    <row r="3246" spans="1:2" x14ac:dyDescent="0.3">
      <c r="A3246" s="11"/>
      <c r="B3246" s="8"/>
    </row>
    <row r="3247" spans="1:2" x14ac:dyDescent="0.3">
      <c r="A3247" s="11"/>
      <c r="B3247" s="8"/>
    </row>
    <row r="3248" spans="1:2" x14ac:dyDescent="0.3">
      <c r="A3248" s="11"/>
      <c r="B3248" s="8"/>
    </row>
    <row r="3249" spans="1:2" x14ac:dyDescent="0.3">
      <c r="A3249" s="11"/>
      <c r="B3249" s="8"/>
    </row>
    <row r="3250" spans="1:2" x14ac:dyDescent="0.3">
      <c r="A3250" s="11"/>
      <c r="B3250" s="8"/>
    </row>
    <row r="3251" spans="1:2" x14ac:dyDescent="0.3">
      <c r="A3251" s="11"/>
      <c r="B3251" s="8"/>
    </row>
    <row r="3252" spans="1:2" x14ac:dyDescent="0.3">
      <c r="A3252" s="11"/>
      <c r="B3252" s="8"/>
    </row>
    <row r="3253" spans="1:2" x14ac:dyDescent="0.3">
      <c r="A3253" s="11"/>
      <c r="B3253" s="8"/>
    </row>
    <row r="3254" spans="1:2" x14ac:dyDescent="0.3">
      <c r="A3254" s="11"/>
      <c r="B3254" s="8"/>
    </row>
    <row r="3255" spans="1:2" x14ac:dyDescent="0.3">
      <c r="A3255" s="11"/>
      <c r="B3255" s="8"/>
    </row>
    <row r="3256" spans="1:2" x14ac:dyDescent="0.3">
      <c r="A3256" s="11"/>
      <c r="B3256" s="8"/>
    </row>
    <row r="3257" spans="1:2" x14ac:dyDescent="0.3">
      <c r="A3257" s="11"/>
      <c r="B3257" s="8"/>
    </row>
    <row r="3258" spans="1:2" x14ac:dyDescent="0.3">
      <c r="A3258" s="11"/>
      <c r="B3258" s="8"/>
    </row>
    <row r="3259" spans="1:2" x14ac:dyDescent="0.3">
      <c r="A3259" s="11"/>
      <c r="B3259" s="8"/>
    </row>
    <row r="3260" spans="1:2" x14ac:dyDescent="0.3">
      <c r="A3260" s="11"/>
      <c r="B3260" s="8"/>
    </row>
    <row r="3261" spans="1:2" x14ac:dyDescent="0.3">
      <c r="A3261" s="11"/>
      <c r="B3261" s="8"/>
    </row>
    <row r="3262" spans="1:2" x14ac:dyDescent="0.3">
      <c r="A3262" s="11"/>
      <c r="B3262" s="8"/>
    </row>
    <row r="3263" spans="1:2" x14ac:dyDescent="0.3">
      <c r="A3263" s="11"/>
      <c r="B3263" s="8"/>
    </row>
    <row r="3264" spans="1:2" x14ac:dyDescent="0.3">
      <c r="A3264" s="11"/>
      <c r="B3264" s="8"/>
    </row>
    <row r="3265" spans="1:2" x14ac:dyDescent="0.3">
      <c r="A3265" s="11"/>
      <c r="B3265" s="8"/>
    </row>
    <row r="3266" spans="1:2" x14ac:dyDescent="0.3">
      <c r="A3266" s="11"/>
      <c r="B3266" s="8"/>
    </row>
    <row r="3267" spans="1:2" x14ac:dyDescent="0.3">
      <c r="A3267" s="11"/>
      <c r="B3267" s="8"/>
    </row>
    <row r="3268" spans="1:2" x14ac:dyDescent="0.3">
      <c r="A3268" s="11"/>
      <c r="B3268" s="8"/>
    </row>
    <row r="3269" spans="1:2" x14ac:dyDescent="0.3">
      <c r="A3269" s="11"/>
      <c r="B3269" s="8"/>
    </row>
    <row r="3270" spans="1:2" x14ac:dyDescent="0.3">
      <c r="A3270" s="11"/>
      <c r="B3270" s="8"/>
    </row>
    <row r="3271" spans="1:2" x14ac:dyDescent="0.3">
      <c r="A3271" s="11"/>
      <c r="B3271" s="8"/>
    </row>
    <row r="3272" spans="1:2" x14ac:dyDescent="0.3">
      <c r="A3272" s="11"/>
      <c r="B3272" s="8"/>
    </row>
    <row r="3273" spans="1:2" x14ac:dyDescent="0.3">
      <c r="A3273" s="11"/>
      <c r="B3273" s="8"/>
    </row>
    <row r="3274" spans="1:2" x14ac:dyDescent="0.3">
      <c r="A3274" s="11"/>
      <c r="B3274" s="8"/>
    </row>
    <row r="3275" spans="1:2" x14ac:dyDescent="0.3">
      <c r="A3275" s="11"/>
      <c r="B3275" s="8"/>
    </row>
    <row r="3276" spans="1:2" x14ac:dyDescent="0.3">
      <c r="A3276" s="11"/>
      <c r="B3276" s="8"/>
    </row>
    <row r="3277" spans="1:2" x14ac:dyDescent="0.3">
      <c r="A3277" s="11"/>
      <c r="B3277" s="8"/>
    </row>
    <row r="3278" spans="1:2" x14ac:dyDescent="0.3">
      <c r="A3278" s="11"/>
      <c r="B3278" s="8"/>
    </row>
    <row r="3279" spans="1:2" x14ac:dyDescent="0.3">
      <c r="A3279" s="11"/>
      <c r="B3279" s="8"/>
    </row>
    <row r="3280" spans="1:2" x14ac:dyDescent="0.3">
      <c r="A3280" s="11"/>
      <c r="B3280" s="8"/>
    </row>
    <row r="3281" spans="1:2" x14ac:dyDescent="0.3">
      <c r="A3281" s="11"/>
      <c r="B3281" s="8"/>
    </row>
    <row r="3282" spans="1:2" x14ac:dyDescent="0.3">
      <c r="A3282" s="11"/>
      <c r="B3282" s="8"/>
    </row>
    <row r="3283" spans="1:2" x14ac:dyDescent="0.3">
      <c r="A3283" s="11"/>
      <c r="B3283" s="8"/>
    </row>
    <row r="3284" spans="1:2" x14ac:dyDescent="0.3">
      <c r="A3284" s="11"/>
      <c r="B3284" s="8"/>
    </row>
    <row r="3285" spans="1:2" x14ac:dyDescent="0.3">
      <c r="A3285" s="11"/>
      <c r="B3285" s="8"/>
    </row>
    <row r="3286" spans="1:2" x14ac:dyDescent="0.3">
      <c r="A3286" s="11"/>
      <c r="B3286" s="8"/>
    </row>
    <row r="3287" spans="1:2" x14ac:dyDescent="0.3">
      <c r="A3287" s="11"/>
      <c r="B3287" s="8"/>
    </row>
    <row r="3288" spans="1:2" x14ac:dyDescent="0.3">
      <c r="A3288" s="11"/>
      <c r="B3288" s="8"/>
    </row>
    <row r="3289" spans="1:2" x14ac:dyDescent="0.3">
      <c r="A3289" s="11"/>
      <c r="B3289" s="8"/>
    </row>
    <row r="3290" spans="1:2" x14ac:dyDescent="0.3">
      <c r="A3290" s="11"/>
      <c r="B3290" s="8"/>
    </row>
    <row r="3291" spans="1:2" x14ac:dyDescent="0.3">
      <c r="A3291" s="11"/>
      <c r="B3291" s="8"/>
    </row>
    <row r="3292" spans="1:2" x14ac:dyDescent="0.3">
      <c r="A3292" s="11"/>
      <c r="B3292" s="8"/>
    </row>
    <row r="3293" spans="1:2" x14ac:dyDescent="0.3">
      <c r="A3293" s="11"/>
      <c r="B3293" s="8"/>
    </row>
    <row r="3294" spans="1:2" x14ac:dyDescent="0.3">
      <c r="A3294" s="11"/>
      <c r="B3294" s="8"/>
    </row>
    <row r="3295" spans="1:2" x14ac:dyDescent="0.3">
      <c r="A3295" s="11"/>
      <c r="B3295" s="8"/>
    </row>
    <row r="3296" spans="1:2" x14ac:dyDescent="0.3">
      <c r="A3296" s="11"/>
      <c r="B3296" s="8"/>
    </row>
    <row r="3297" spans="1:2" x14ac:dyDescent="0.3">
      <c r="A3297" s="11"/>
      <c r="B3297" s="8"/>
    </row>
    <row r="3298" spans="1:2" x14ac:dyDescent="0.3">
      <c r="A3298" s="11"/>
      <c r="B3298" s="8"/>
    </row>
    <row r="3299" spans="1:2" x14ac:dyDescent="0.3">
      <c r="A3299" s="11"/>
      <c r="B3299" s="8"/>
    </row>
    <row r="3300" spans="1:2" x14ac:dyDescent="0.3">
      <c r="A3300" s="11"/>
      <c r="B3300" s="8"/>
    </row>
    <row r="3301" spans="1:2" x14ac:dyDescent="0.3">
      <c r="A3301" s="11"/>
      <c r="B3301" s="8"/>
    </row>
    <row r="3302" spans="1:2" x14ac:dyDescent="0.3">
      <c r="A3302" s="11"/>
      <c r="B3302" s="8"/>
    </row>
    <row r="3303" spans="1:2" x14ac:dyDescent="0.3">
      <c r="A3303" s="11"/>
      <c r="B3303" s="8"/>
    </row>
    <row r="3304" spans="1:2" x14ac:dyDescent="0.3">
      <c r="A3304" s="11"/>
      <c r="B3304" s="8"/>
    </row>
    <row r="3305" spans="1:2" x14ac:dyDescent="0.3">
      <c r="A3305" s="11"/>
      <c r="B3305" s="8"/>
    </row>
    <row r="3306" spans="1:2" x14ac:dyDescent="0.3">
      <c r="A3306" s="11"/>
      <c r="B3306" s="8"/>
    </row>
    <row r="3307" spans="1:2" x14ac:dyDescent="0.3">
      <c r="A3307" s="11"/>
      <c r="B3307" s="8"/>
    </row>
    <row r="3308" spans="1:2" x14ac:dyDescent="0.3">
      <c r="A3308" s="11"/>
      <c r="B3308" s="8"/>
    </row>
    <row r="3309" spans="1:2" x14ac:dyDescent="0.3">
      <c r="A3309" s="11"/>
      <c r="B3309" s="8"/>
    </row>
    <row r="3310" spans="1:2" x14ac:dyDescent="0.3">
      <c r="A3310" s="11"/>
      <c r="B3310" s="8"/>
    </row>
    <row r="3311" spans="1:2" x14ac:dyDescent="0.3">
      <c r="A3311" s="11"/>
      <c r="B3311" s="8"/>
    </row>
    <row r="3312" spans="1:2" x14ac:dyDescent="0.3">
      <c r="A3312" s="11"/>
      <c r="B3312" s="8"/>
    </row>
    <row r="3313" spans="1:2" x14ac:dyDescent="0.3">
      <c r="A3313" s="11"/>
      <c r="B3313" s="8"/>
    </row>
    <row r="3314" spans="1:2" x14ac:dyDescent="0.3">
      <c r="A3314" s="11"/>
      <c r="B3314" s="8"/>
    </row>
    <row r="3315" spans="1:2" x14ac:dyDescent="0.3">
      <c r="A3315" s="11"/>
      <c r="B3315" s="8"/>
    </row>
    <row r="3316" spans="1:2" x14ac:dyDescent="0.3">
      <c r="A3316" s="11"/>
      <c r="B3316" s="8"/>
    </row>
    <row r="3317" spans="1:2" x14ac:dyDescent="0.3">
      <c r="A3317" s="11"/>
      <c r="B3317" s="8"/>
    </row>
    <row r="3318" spans="1:2" x14ac:dyDescent="0.3">
      <c r="A3318" s="11"/>
      <c r="B3318" s="8"/>
    </row>
    <row r="3319" spans="1:2" x14ac:dyDescent="0.3">
      <c r="A3319" s="11"/>
      <c r="B3319" s="8"/>
    </row>
    <row r="3320" spans="1:2" x14ac:dyDescent="0.3">
      <c r="A3320" s="11"/>
      <c r="B3320" s="8"/>
    </row>
    <row r="3321" spans="1:2" x14ac:dyDescent="0.3">
      <c r="A3321" s="11"/>
      <c r="B3321" s="8"/>
    </row>
    <row r="3322" spans="1:2" x14ac:dyDescent="0.3">
      <c r="A3322" s="11"/>
      <c r="B3322" s="8"/>
    </row>
    <row r="3323" spans="1:2" x14ac:dyDescent="0.3">
      <c r="A3323" s="11"/>
      <c r="B3323" s="8"/>
    </row>
    <row r="3324" spans="1:2" x14ac:dyDescent="0.3">
      <c r="A3324" s="11"/>
      <c r="B3324" s="8"/>
    </row>
    <row r="3325" spans="1:2" x14ac:dyDescent="0.3">
      <c r="A3325" s="11"/>
      <c r="B3325" s="8"/>
    </row>
    <row r="3326" spans="1:2" x14ac:dyDescent="0.3">
      <c r="A3326" s="11"/>
      <c r="B3326" s="8"/>
    </row>
    <row r="3327" spans="1:2" x14ac:dyDescent="0.3">
      <c r="A3327" s="11"/>
      <c r="B3327" s="8"/>
    </row>
    <row r="3328" spans="1:2" x14ac:dyDescent="0.3">
      <c r="A3328" s="11"/>
      <c r="B3328" s="8"/>
    </row>
    <row r="3329" spans="1:2" x14ac:dyDescent="0.3">
      <c r="A3329" s="11"/>
      <c r="B3329" s="8"/>
    </row>
    <row r="3330" spans="1:2" x14ac:dyDescent="0.3">
      <c r="A3330" s="11"/>
      <c r="B3330" s="8"/>
    </row>
    <row r="3331" spans="1:2" x14ac:dyDescent="0.3">
      <c r="A3331" s="11"/>
      <c r="B3331" s="8"/>
    </row>
    <row r="3332" spans="1:2" x14ac:dyDescent="0.3">
      <c r="A3332" s="11"/>
      <c r="B3332" s="8"/>
    </row>
    <row r="3333" spans="1:2" x14ac:dyDescent="0.3">
      <c r="A3333" s="11"/>
      <c r="B3333" s="8"/>
    </row>
    <row r="3334" spans="1:2" x14ac:dyDescent="0.3">
      <c r="A3334" s="11"/>
      <c r="B3334" s="8"/>
    </row>
    <row r="3335" spans="1:2" x14ac:dyDescent="0.3">
      <c r="A3335" s="11"/>
      <c r="B3335" s="8"/>
    </row>
    <row r="3336" spans="1:2" x14ac:dyDescent="0.3">
      <c r="A3336" s="11"/>
      <c r="B3336" s="8"/>
    </row>
    <row r="3337" spans="1:2" x14ac:dyDescent="0.3">
      <c r="A3337" s="11"/>
      <c r="B3337" s="8"/>
    </row>
    <row r="3338" spans="1:2" x14ac:dyDescent="0.3">
      <c r="A3338" s="11"/>
      <c r="B3338" s="8"/>
    </row>
    <row r="3339" spans="1:2" x14ac:dyDescent="0.3">
      <c r="A3339" s="11"/>
      <c r="B3339" s="8"/>
    </row>
    <row r="3340" spans="1:2" x14ac:dyDescent="0.3">
      <c r="A3340" s="11"/>
      <c r="B3340" s="8"/>
    </row>
    <row r="3341" spans="1:2" x14ac:dyDescent="0.3">
      <c r="A3341" s="11"/>
      <c r="B3341" s="8"/>
    </row>
    <row r="3342" spans="1:2" x14ac:dyDescent="0.3">
      <c r="A3342" s="11"/>
      <c r="B3342" s="8"/>
    </row>
    <row r="3343" spans="1:2" x14ac:dyDescent="0.3">
      <c r="A3343" s="11"/>
      <c r="B3343" s="8"/>
    </row>
    <row r="3344" spans="1:2" x14ac:dyDescent="0.3">
      <c r="A3344" s="11"/>
      <c r="B3344" s="8"/>
    </row>
    <row r="3345" spans="1:2" x14ac:dyDescent="0.3">
      <c r="A3345" s="11"/>
      <c r="B3345" s="8"/>
    </row>
    <row r="3346" spans="1:2" x14ac:dyDescent="0.3">
      <c r="A3346" s="11"/>
      <c r="B3346" s="8"/>
    </row>
    <row r="3347" spans="1:2" x14ac:dyDescent="0.3">
      <c r="A3347" s="11"/>
      <c r="B3347" s="8"/>
    </row>
    <row r="3348" spans="1:2" x14ac:dyDescent="0.3">
      <c r="A3348" s="11"/>
      <c r="B3348" s="8"/>
    </row>
    <row r="3349" spans="1:2" x14ac:dyDescent="0.3">
      <c r="A3349" s="11"/>
      <c r="B3349" s="8"/>
    </row>
    <row r="3350" spans="1:2" x14ac:dyDescent="0.3">
      <c r="A3350" s="11"/>
      <c r="B3350" s="8"/>
    </row>
    <row r="3351" spans="1:2" x14ac:dyDescent="0.3">
      <c r="A3351" s="11"/>
      <c r="B3351" s="8"/>
    </row>
    <row r="3352" spans="1:2" x14ac:dyDescent="0.3">
      <c r="A3352" s="11"/>
      <c r="B3352" s="8"/>
    </row>
    <row r="3353" spans="1:2" x14ac:dyDescent="0.3">
      <c r="A3353" s="11"/>
      <c r="B3353" s="8"/>
    </row>
    <row r="3354" spans="1:2" x14ac:dyDescent="0.3">
      <c r="A3354" s="11"/>
      <c r="B3354" s="8"/>
    </row>
    <row r="3355" spans="1:2" x14ac:dyDescent="0.3">
      <c r="A3355" s="11"/>
      <c r="B3355" s="8"/>
    </row>
    <row r="3356" spans="1:2" x14ac:dyDescent="0.3">
      <c r="A3356" s="11"/>
      <c r="B3356" s="8"/>
    </row>
    <row r="3357" spans="1:2" x14ac:dyDescent="0.3">
      <c r="A3357" s="11"/>
      <c r="B3357" s="8"/>
    </row>
    <row r="3358" spans="1:2" x14ac:dyDescent="0.3">
      <c r="A3358" s="11"/>
      <c r="B3358" s="8"/>
    </row>
    <row r="3359" spans="1:2" x14ac:dyDescent="0.3">
      <c r="A3359" s="11"/>
      <c r="B3359" s="8"/>
    </row>
    <row r="3360" spans="1:2" x14ac:dyDescent="0.3">
      <c r="A3360" s="11"/>
      <c r="B3360" s="8"/>
    </row>
    <row r="3361" spans="1:2" x14ac:dyDescent="0.3">
      <c r="A3361" s="11"/>
      <c r="B3361" s="8"/>
    </row>
    <row r="3362" spans="1:2" x14ac:dyDescent="0.3">
      <c r="A3362" s="11"/>
      <c r="B3362" s="8"/>
    </row>
    <row r="3363" spans="1:2" x14ac:dyDescent="0.3">
      <c r="A3363" s="11"/>
      <c r="B3363" s="8"/>
    </row>
    <row r="3364" spans="1:2" x14ac:dyDescent="0.3">
      <c r="A3364" s="11"/>
      <c r="B3364" s="8"/>
    </row>
    <row r="3365" spans="1:2" x14ac:dyDescent="0.3">
      <c r="A3365" s="11"/>
      <c r="B3365" s="8"/>
    </row>
    <row r="3366" spans="1:2" x14ac:dyDescent="0.3">
      <c r="A3366" s="11"/>
      <c r="B3366" s="8"/>
    </row>
    <row r="3367" spans="1:2" x14ac:dyDescent="0.3">
      <c r="A3367" s="11"/>
      <c r="B3367" s="8"/>
    </row>
    <row r="3368" spans="1:2" x14ac:dyDescent="0.3">
      <c r="A3368" s="11"/>
      <c r="B3368" s="8"/>
    </row>
    <row r="3369" spans="1:2" x14ac:dyDescent="0.3">
      <c r="A3369" s="11"/>
      <c r="B3369" s="8"/>
    </row>
    <row r="3370" spans="1:2" x14ac:dyDescent="0.3">
      <c r="A3370" s="11"/>
      <c r="B3370" s="8"/>
    </row>
    <row r="3371" spans="1:2" x14ac:dyDescent="0.3">
      <c r="A3371" s="11"/>
      <c r="B3371" s="8"/>
    </row>
    <row r="3372" spans="1:2" x14ac:dyDescent="0.3">
      <c r="A3372" s="11"/>
      <c r="B3372" s="8"/>
    </row>
    <row r="3373" spans="1:2" x14ac:dyDescent="0.3">
      <c r="A3373" s="11"/>
      <c r="B3373" s="8"/>
    </row>
    <row r="3374" spans="1:2" x14ac:dyDescent="0.3">
      <c r="A3374" s="11"/>
      <c r="B3374" s="8"/>
    </row>
    <row r="3375" spans="1:2" x14ac:dyDescent="0.3">
      <c r="A3375" s="11"/>
      <c r="B3375" s="8"/>
    </row>
    <row r="3376" spans="1:2" x14ac:dyDescent="0.3">
      <c r="A3376" s="11"/>
      <c r="B3376" s="8"/>
    </row>
    <row r="3377" spans="1:2" x14ac:dyDescent="0.3">
      <c r="A3377" s="11"/>
      <c r="B3377" s="8"/>
    </row>
    <row r="3378" spans="1:2" x14ac:dyDescent="0.3">
      <c r="A3378" s="11"/>
      <c r="B3378" s="8"/>
    </row>
    <row r="3379" spans="1:2" x14ac:dyDescent="0.3">
      <c r="A3379" s="11"/>
      <c r="B3379" s="8"/>
    </row>
    <row r="3380" spans="1:2" x14ac:dyDescent="0.3">
      <c r="A3380" s="11"/>
      <c r="B3380" s="8"/>
    </row>
    <row r="3381" spans="1:2" x14ac:dyDescent="0.3">
      <c r="A3381" s="11"/>
      <c r="B3381" s="8"/>
    </row>
    <row r="3382" spans="1:2" x14ac:dyDescent="0.3">
      <c r="A3382" s="11"/>
      <c r="B3382" s="8"/>
    </row>
    <row r="3383" spans="1:2" x14ac:dyDescent="0.3">
      <c r="A3383" s="11"/>
      <c r="B3383" s="8"/>
    </row>
    <row r="3384" spans="1:2" x14ac:dyDescent="0.3">
      <c r="A3384" s="11"/>
      <c r="B3384" s="8"/>
    </row>
    <row r="3385" spans="1:2" x14ac:dyDescent="0.3">
      <c r="A3385" s="11"/>
      <c r="B3385" s="8"/>
    </row>
    <row r="3386" spans="1:2" x14ac:dyDescent="0.3">
      <c r="A3386" s="11"/>
      <c r="B3386" s="8"/>
    </row>
    <row r="3387" spans="1:2" x14ac:dyDescent="0.3">
      <c r="A3387" s="11"/>
      <c r="B3387" s="8"/>
    </row>
    <row r="3388" spans="1:2" x14ac:dyDescent="0.3">
      <c r="A3388" s="11"/>
      <c r="B3388" s="8"/>
    </row>
    <row r="3389" spans="1:2" x14ac:dyDescent="0.3">
      <c r="A3389" s="11"/>
      <c r="B3389" s="8"/>
    </row>
    <row r="3390" spans="1:2" x14ac:dyDescent="0.3">
      <c r="A3390" s="11"/>
      <c r="B3390" s="8"/>
    </row>
    <row r="3391" spans="1:2" x14ac:dyDescent="0.3">
      <c r="A3391" s="11"/>
      <c r="B3391" s="8"/>
    </row>
    <row r="3392" spans="1:2" x14ac:dyDescent="0.3">
      <c r="A3392" s="11"/>
      <c r="B3392" s="8"/>
    </row>
    <row r="3393" spans="1:2" x14ac:dyDescent="0.3">
      <c r="A3393" s="11"/>
      <c r="B3393" s="8"/>
    </row>
    <row r="3394" spans="1:2" x14ac:dyDescent="0.3">
      <c r="A3394" s="11"/>
      <c r="B3394" s="8"/>
    </row>
    <row r="3395" spans="1:2" x14ac:dyDescent="0.3">
      <c r="A3395" s="11"/>
      <c r="B3395" s="8"/>
    </row>
    <row r="3396" spans="1:2" x14ac:dyDescent="0.3">
      <c r="A3396" s="11"/>
      <c r="B3396" s="8"/>
    </row>
    <row r="3397" spans="1:2" x14ac:dyDescent="0.3">
      <c r="A3397" s="11"/>
      <c r="B3397" s="8"/>
    </row>
    <row r="3398" spans="1:2" x14ac:dyDescent="0.3">
      <c r="A3398" s="11"/>
      <c r="B3398" s="8"/>
    </row>
    <row r="3399" spans="1:2" x14ac:dyDescent="0.3">
      <c r="A3399" s="11"/>
      <c r="B3399" s="8"/>
    </row>
    <row r="3400" spans="1:2" x14ac:dyDescent="0.3">
      <c r="A3400" s="11"/>
      <c r="B3400" s="8"/>
    </row>
    <row r="3401" spans="1:2" x14ac:dyDescent="0.3">
      <c r="A3401" s="11"/>
      <c r="B3401" s="8"/>
    </row>
    <row r="3402" spans="1:2" x14ac:dyDescent="0.3">
      <c r="A3402" s="11"/>
      <c r="B3402" s="8"/>
    </row>
    <row r="3403" spans="1:2" x14ac:dyDescent="0.3">
      <c r="A3403" s="11"/>
      <c r="B3403" s="8"/>
    </row>
    <row r="3404" spans="1:2" x14ac:dyDescent="0.3">
      <c r="A3404" s="11"/>
      <c r="B3404" s="8"/>
    </row>
    <row r="3405" spans="1:2" x14ac:dyDescent="0.3">
      <c r="A3405" s="11"/>
      <c r="B3405" s="8"/>
    </row>
    <row r="3406" spans="1:2" x14ac:dyDescent="0.3">
      <c r="A3406" s="11"/>
      <c r="B3406" s="8"/>
    </row>
    <row r="3407" spans="1:2" x14ac:dyDescent="0.3">
      <c r="A3407" s="11"/>
      <c r="B3407" s="8"/>
    </row>
    <row r="3408" spans="1:2" x14ac:dyDescent="0.3">
      <c r="A3408" s="11"/>
      <c r="B3408" s="8"/>
    </row>
    <row r="3409" spans="1:2" x14ac:dyDescent="0.3">
      <c r="A3409" s="11"/>
      <c r="B3409" s="8"/>
    </row>
    <row r="3410" spans="1:2" x14ac:dyDescent="0.3">
      <c r="A3410" s="11"/>
      <c r="B3410" s="8"/>
    </row>
    <row r="3411" spans="1:2" x14ac:dyDescent="0.3">
      <c r="A3411" s="11"/>
      <c r="B3411" s="8"/>
    </row>
    <row r="3412" spans="1:2" x14ac:dyDescent="0.3">
      <c r="A3412" s="11"/>
      <c r="B3412" s="8"/>
    </row>
    <row r="3413" spans="1:2" x14ac:dyDescent="0.3">
      <c r="A3413" s="11"/>
      <c r="B3413" s="8"/>
    </row>
    <row r="3414" spans="1:2" x14ac:dyDescent="0.3">
      <c r="A3414" s="11"/>
      <c r="B3414" s="8"/>
    </row>
    <row r="3415" spans="1:2" x14ac:dyDescent="0.3">
      <c r="A3415" s="11"/>
      <c r="B3415" s="8"/>
    </row>
    <row r="3416" spans="1:2" x14ac:dyDescent="0.3">
      <c r="A3416" s="11"/>
      <c r="B3416" s="8"/>
    </row>
    <row r="3417" spans="1:2" x14ac:dyDescent="0.3">
      <c r="A3417" s="11"/>
      <c r="B3417" s="8"/>
    </row>
    <row r="3418" spans="1:2" x14ac:dyDescent="0.3">
      <c r="A3418" s="11"/>
      <c r="B3418" s="8"/>
    </row>
    <row r="3419" spans="1:2" x14ac:dyDescent="0.3">
      <c r="A3419" s="11"/>
      <c r="B3419" s="8"/>
    </row>
    <row r="3420" spans="1:2" x14ac:dyDescent="0.3">
      <c r="A3420" s="11"/>
      <c r="B3420" s="8"/>
    </row>
    <row r="3421" spans="1:2" x14ac:dyDescent="0.3">
      <c r="A3421" s="11"/>
      <c r="B3421" s="8"/>
    </row>
    <row r="3422" spans="1:2" x14ac:dyDescent="0.3">
      <c r="A3422" s="11"/>
      <c r="B3422" s="8"/>
    </row>
    <row r="3423" spans="1:2" x14ac:dyDescent="0.3">
      <c r="A3423" s="11"/>
      <c r="B3423" s="8"/>
    </row>
    <row r="3424" spans="1:2" x14ac:dyDescent="0.3">
      <c r="A3424" s="11"/>
      <c r="B3424" s="8"/>
    </row>
    <row r="3425" spans="1:2" x14ac:dyDescent="0.3">
      <c r="A3425" s="11"/>
      <c r="B3425" s="8"/>
    </row>
    <row r="3426" spans="1:2" x14ac:dyDescent="0.3">
      <c r="A3426" s="11"/>
      <c r="B3426" s="8"/>
    </row>
    <row r="3427" spans="1:2" x14ac:dyDescent="0.3">
      <c r="A3427" s="11"/>
      <c r="B3427" s="8"/>
    </row>
    <row r="3428" spans="1:2" x14ac:dyDescent="0.3">
      <c r="A3428" s="11"/>
      <c r="B3428" s="8"/>
    </row>
    <row r="3429" spans="1:2" x14ac:dyDescent="0.3">
      <c r="A3429" s="11"/>
      <c r="B3429" s="8"/>
    </row>
    <row r="3430" spans="1:2" x14ac:dyDescent="0.3">
      <c r="A3430" s="11"/>
      <c r="B3430" s="8"/>
    </row>
    <row r="3431" spans="1:2" x14ac:dyDescent="0.3">
      <c r="A3431" s="11"/>
      <c r="B3431" s="8"/>
    </row>
    <row r="3432" spans="1:2" x14ac:dyDescent="0.3">
      <c r="A3432" s="11"/>
      <c r="B3432" s="8"/>
    </row>
    <row r="3433" spans="1:2" x14ac:dyDescent="0.3">
      <c r="A3433" s="11"/>
      <c r="B3433" s="8"/>
    </row>
    <row r="3434" spans="1:2" x14ac:dyDescent="0.3">
      <c r="A3434" s="11"/>
      <c r="B3434" s="8"/>
    </row>
    <row r="3435" spans="1:2" x14ac:dyDescent="0.3">
      <c r="A3435" s="11"/>
      <c r="B3435" s="8"/>
    </row>
    <row r="3436" spans="1:2" x14ac:dyDescent="0.3">
      <c r="A3436" s="11"/>
      <c r="B3436" s="8"/>
    </row>
    <row r="3437" spans="1:2" x14ac:dyDescent="0.3">
      <c r="A3437" s="11"/>
      <c r="B3437" s="8"/>
    </row>
    <row r="3438" spans="1:2" x14ac:dyDescent="0.3">
      <c r="A3438" s="11"/>
      <c r="B3438" s="8"/>
    </row>
    <row r="3439" spans="1:2" x14ac:dyDescent="0.3">
      <c r="A3439" s="11"/>
      <c r="B3439" s="8"/>
    </row>
    <row r="3440" spans="1:2" x14ac:dyDescent="0.3">
      <c r="A3440" s="11"/>
      <c r="B3440" s="8"/>
    </row>
    <row r="3441" spans="1:2" x14ac:dyDescent="0.3">
      <c r="A3441" s="11"/>
      <c r="B3441" s="8"/>
    </row>
    <row r="3442" spans="1:2" x14ac:dyDescent="0.3">
      <c r="A3442" s="11"/>
      <c r="B3442" s="8"/>
    </row>
    <row r="3443" spans="1:2" x14ac:dyDescent="0.3">
      <c r="A3443" s="11"/>
      <c r="B3443" s="8"/>
    </row>
    <row r="3444" spans="1:2" x14ac:dyDescent="0.3">
      <c r="A3444" s="11"/>
      <c r="B3444" s="8"/>
    </row>
    <row r="3445" spans="1:2" x14ac:dyDescent="0.3">
      <c r="A3445" s="11"/>
      <c r="B3445" s="8"/>
    </row>
    <row r="3446" spans="1:2" x14ac:dyDescent="0.3">
      <c r="A3446" s="11"/>
      <c r="B3446" s="8"/>
    </row>
    <row r="3447" spans="1:2" x14ac:dyDescent="0.3">
      <c r="A3447" s="11"/>
      <c r="B3447" s="8"/>
    </row>
    <row r="3448" spans="1:2" x14ac:dyDescent="0.3">
      <c r="A3448" s="11"/>
      <c r="B3448" s="8"/>
    </row>
    <row r="3449" spans="1:2" x14ac:dyDescent="0.3">
      <c r="A3449" s="11"/>
      <c r="B3449" s="8"/>
    </row>
    <row r="3450" spans="1:2" x14ac:dyDescent="0.3">
      <c r="A3450" s="11"/>
      <c r="B3450" s="8"/>
    </row>
    <row r="3451" spans="1:2" x14ac:dyDescent="0.3">
      <c r="A3451" s="11"/>
      <c r="B3451" s="8"/>
    </row>
    <row r="3452" spans="1:2" x14ac:dyDescent="0.3">
      <c r="A3452" s="11"/>
      <c r="B3452" s="8"/>
    </row>
    <row r="3453" spans="1:2" x14ac:dyDescent="0.3">
      <c r="A3453" s="11"/>
      <c r="B3453" s="8"/>
    </row>
    <row r="3454" spans="1:2" x14ac:dyDescent="0.3">
      <c r="A3454" s="11"/>
      <c r="B3454" s="8"/>
    </row>
    <row r="3455" spans="1:2" x14ac:dyDescent="0.3">
      <c r="A3455" s="11"/>
      <c r="B3455" s="8"/>
    </row>
    <row r="3456" spans="1:2" x14ac:dyDescent="0.3">
      <c r="A3456" s="11"/>
      <c r="B3456" s="8"/>
    </row>
    <row r="3457" spans="1:2" x14ac:dyDescent="0.3">
      <c r="A3457" s="11"/>
      <c r="B3457" s="8"/>
    </row>
    <row r="3458" spans="1:2" x14ac:dyDescent="0.3">
      <c r="A3458" s="11"/>
      <c r="B3458" s="8"/>
    </row>
    <row r="3459" spans="1:2" x14ac:dyDescent="0.3">
      <c r="A3459" s="11"/>
      <c r="B3459" s="8"/>
    </row>
    <row r="3460" spans="1:2" x14ac:dyDescent="0.3">
      <c r="A3460" s="11"/>
      <c r="B3460" s="8"/>
    </row>
    <row r="3461" spans="1:2" x14ac:dyDescent="0.3">
      <c r="A3461" s="11"/>
      <c r="B3461" s="8"/>
    </row>
    <row r="3462" spans="1:2" x14ac:dyDescent="0.3">
      <c r="A3462" s="11"/>
      <c r="B3462" s="8"/>
    </row>
    <row r="3463" spans="1:2" x14ac:dyDescent="0.3">
      <c r="A3463" s="11"/>
      <c r="B3463" s="8"/>
    </row>
    <row r="3464" spans="1:2" x14ac:dyDescent="0.3">
      <c r="A3464" s="11"/>
      <c r="B3464" s="8"/>
    </row>
    <row r="3465" spans="1:2" x14ac:dyDescent="0.3">
      <c r="A3465" s="11"/>
      <c r="B3465" s="8"/>
    </row>
    <row r="3466" spans="1:2" x14ac:dyDescent="0.3">
      <c r="A3466" s="11"/>
      <c r="B3466" s="8"/>
    </row>
    <row r="3467" spans="1:2" x14ac:dyDescent="0.3">
      <c r="A3467" s="11"/>
      <c r="B3467" s="8"/>
    </row>
    <row r="3468" spans="1:2" x14ac:dyDescent="0.3">
      <c r="A3468" s="11"/>
      <c r="B3468" s="8"/>
    </row>
    <row r="3469" spans="1:2" x14ac:dyDescent="0.3">
      <c r="A3469" s="11"/>
      <c r="B3469" s="8"/>
    </row>
    <row r="3470" spans="1:2" x14ac:dyDescent="0.3">
      <c r="A3470" s="11"/>
      <c r="B3470" s="8"/>
    </row>
    <row r="3471" spans="1:2" x14ac:dyDescent="0.3">
      <c r="A3471" s="11"/>
      <c r="B3471" s="8"/>
    </row>
    <row r="3472" spans="1:2" x14ac:dyDescent="0.3">
      <c r="A3472" s="11"/>
      <c r="B3472" s="8"/>
    </row>
    <row r="3473" spans="1:2" x14ac:dyDescent="0.3">
      <c r="A3473" s="11"/>
      <c r="B3473" s="8"/>
    </row>
    <row r="3474" spans="1:2" x14ac:dyDescent="0.3">
      <c r="A3474" s="11"/>
      <c r="B3474" s="8"/>
    </row>
    <row r="3475" spans="1:2" x14ac:dyDescent="0.3">
      <c r="A3475" s="11"/>
      <c r="B3475" s="8"/>
    </row>
    <row r="3476" spans="1:2" x14ac:dyDescent="0.3">
      <c r="A3476" s="11"/>
      <c r="B3476" s="8"/>
    </row>
    <row r="3477" spans="1:2" x14ac:dyDescent="0.3">
      <c r="A3477" s="11"/>
      <c r="B3477" s="8"/>
    </row>
    <row r="3478" spans="1:2" x14ac:dyDescent="0.3">
      <c r="A3478" s="11"/>
      <c r="B3478" s="8"/>
    </row>
    <row r="3479" spans="1:2" x14ac:dyDescent="0.3">
      <c r="A3479" s="11"/>
      <c r="B3479" s="8"/>
    </row>
    <row r="3480" spans="1:2" x14ac:dyDescent="0.3">
      <c r="A3480" s="11"/>
      <c r="B3480" s="8"/>
    </row>
    <row r="3481" spans="1:2" x14ac:dyDescent="0.3">
      <c r="A3481" s="11"/>
      <c r="B3481" s="8"/>
    </row>
    <row r="3482" spans="1:2" x14ac:dyDescent="0.3">
      <c r="A3482" s="11"/>
      <c r="B3482" s="8"/>
    </row>
    <row r="3483" spans="1:2" x14ac:dyDescent="0.3">
      <c r="A3483" s="11"/>
      <c r="B3483" s="8"/>
    </row>
    <row r="3484" spans="1:2" x14ac:dyDescent="0.3">
      <c r="A3484" s="11"/>
      <c r="B3484" s="8"/>
    </row>
    <row r="3485" spans="1:2" x14ac:dyDescent="0.3">
      <c r="A3485" s="11"/>
      <c r="B3485" s="8"/>
    </row>
    <row r="3486" spans="1:2" x14ac:dyDescent="0.3">
      <c r="A3486" s="11"/>
      <c r="B3486" s="8"/>
    </row>
    <row r="3487" spans="1:2" x14ac:dyDescent="0.3">
      <c r="A3487" s="11"/>
      <c r="B3487" s="8"/>
    </row>
    <row r="3488" spans="1:2" x14ac:dyDescent="0.3">
      <c r="A3488" s="11"/>
      <c r="B3488" s="8"/>
    </row>
    <row r="3489" spans="1:2" x14ac:dyDescent="0.3">
      <c r="A3489" s="11"/>
      <c r="B3489" s="8"/>
    </row>
    <row r="3490" spans="1:2" x14ac:dyDescent="0.3">
      <c r="A3490" s="11"/>
      <c r="B3490" s="8"/>
    </row>
    <row r="3491" spans="1:2" x14ac:dyDescent="0.3">
      <c r="A3491" s="11"/>
      <c r="B3491" s="8"/>
    </row>
    <row r="3492" spans="1:2" x14ac:dyDescent="0.3">
      <c r="A3492" s="11"/>
      <c r="B3492" s="8"/>
    </row>
    <row r="3493" spans="1:2" x14ac:dyDescent="0.3">
      <c r="A3493" s="11"/>
      <c r="B3493" s="8"/>
    </row>
    <row r="3494" spans="1:2" x14ac:dyDescent="0.3">
      <c r="A3494" s="11"/>
      <c r="B3494" s="8"/>
    </row>
    <row r="3495" spans="1:2" x14ac:dyDescent="0.3">
      <c r="A3495" s="11"/>
      <c r="B3495" s="8"/>
    </row>
    <row r="3496" spans="1:2" x14ac:dyDescent="0.3">
      <c r="A3496" s="11"/>
      <c r="B3496" s="8"/>
    </row>
    <row r="3497" spans="1:2" x14ac:dyDescent="0.3">
      <c r="A3497" s="11"/>
      <c r="B3497" s="8"/>
    </row>
    <row r="3498" spans="1:2" x14ac:dyDescent="0.3">
      <c r="A3498" s="11"/>
      <c r="B3498" s="8"/>
    </row>
    <row r="3499" spans="1:2" x14ac:dyDescent="0.3">
      <c r="A3499" s="11"/>
      <c r="B3499" s="8"/>
    </row>
    <row r="3500" spans="1:2" x14ac:dyDescent="0.3">
      <c r="A3500" s="11"/>
      <c r="B3500" s="8"/>
    </row>
    <row r="3501" spans="1:2" x14ac:dyDescent="0.3">
      <c r="A3501" s="11"/>
      <c r="B3501" s="8"/>
    </row>
    <row r="3502" spans="1:2" x14ac:dyDescent="0.3">
      <c r="A3502" s="11"/>
      <c r="B3502" s="8"/>
    </row>
    <row r="3503" spans="1:2" x14ac:dyDescent="0.3">
      <c r="A3503" s="11"/>
      <c r="B3503" s="8"/>
    </row>
    <row r="3504" spans="1:2" x14ac:dyDescent="0.3">
      <c r="A3504" s="11"/>
      <c r="B3504" s="8"/>
    </row>
    <row r="3505" spans="1:2" x14ac:dyDescent="0.3">
      <c r="A3505" s="11"/>
      <c r="B3505" s="8"/>
    </row>
    <row r="3506" spans="1:2" x14ac:dyDescent="0.3">
      <c r="A3506" s="11"/>
      <c r="B3506" s="8"/>
    </row>
    <row r="3507" spans="1:2" x14ac:dyDescent="0.3">
      <c r="A3507" s="11"/>
      <c r="B3507" s="8"/>
    </row>
    <row r="3508" spans="1:2" x14ac:dyDescent="0.3">
      <c r="A3508" s="11"/>
      <c r="B3508" s="8"/>
    </row>
    <row r="3509" spans="1:2" x14ac:dyDescent="0.3">
      <c r="A3509" s="11"/>
      <c r="B3509" s="8"/>
    </row>
    <row r="3510" spans="1:2" x14ac:dyDescent="0.3">
      <c r="A3510" s="11"/>
      <c r="B3510" s="8"/>
    </row>
    <row r="3511" spans="1:2" x14ac:dyDescent="0.3">
      <c r="A3511" s="11"/>
      <c r="B3511" s="8"/>
    </row>
    <row r="3512" spans="1:2" x14ac:dyDescent="0.3">
      <c r="A3512" s="11"/>
      <c r="B3512" s="8"/>
    </row>
    <row r="3513" spans="1:2" x14ac:dyDescent="0.3">
      <c r="A3513" s="11"/>
      <c r="B3513" s="8"/>
    </row>
    <row r="3514" spans="1:2" x14ac:dyDescent="0.3">
      <c r="A3514" s="11"/>
      <c r="B3514" s="8"/>
    </row>
    <row r="3515" spans="1:2" x14ac:dyDescent="0.3">
      <c r="A3515" s="11"/>
      <c r="B3515" s="8"/>
    </row>
    <row r="3516" spans="1:2" x14ac:dyDescent="0.3">
      <c r="A3516" s="11"/>
      <c r="B3516" s="8"/>
    </row>
    <row r="3517" spans="1:2" x14ac:dyDescent="0.3">
      <c r="A3517" s="11"/>
      <c r="B3517" s="8"/>
    </row>
    <row r="3518" spans="1:2" x14ac:dyDescent="0.3">
      <c r="A3518" s="11"/>
      <c r="B3518" s="8"/>
    </row>
    <row r="3519" spans="1:2" x14ac:dyDescent="0.3">
      <c r="A3519" s="11"/>
      <c r="B3519" s="8"/>
    </row>
    <row r="3520" spans="1:2" x14ac:dyDescent="0.3">
      <c r="A3520" s="11"/>
      <c r="B3520" s="8"/>
    </row>
    <row r="3521" spans="1:2" x14ac:dyDescent="0.3">
      <c r="A3521" s="11"/>
      <c r="B3521" s="8"/>
    </row>
    <row r="3522" spans="1:2" x14ac:dyDescent="0.3">
      <c r="A3522" s="11"/>
      <c r="B3522" s="8"/>
    </row>
    <row r="3523" spans="1:2" x14ac:dyDescent="0.3">
      <c r="A3523" s="11"/>
      <c r="B3523" s="8"/>
    </row>
    <row r="3524" spans="1:2" x14ac:dyDescent="0.3">
      <c r="A3524" s="11"/>
      <c r="B3524" s="8"/>
    </row>
    <row r="3525" spans="1:2" x14ac:dyDescent="0.3">
      <c r="A3525" s="11"/>
      <c r="B3525" s="8"/>
    </row>
    <row r="3526" spans="1:2" x14ac:dyDescent="0.3">
      <c r="A3526" s="11"/>
      <c r="B3526" s="8"/>
    </row>
    <row r="3527" spans="1:2" x14ac:dyDescent="0.3">
      <c r="A3527" s="11"/>
      <c r="B3527" s="8"/>
    </row>
    <row r="3528" spans="1:2" x14ac:dyDescent="0.3">
      <c r="A3528" s="11"/>
      <c r="B3528" s="8"/>
    </row>
    <row r="3529" spans="1:2" x14ac:dyDescent="0.3">
      <c r="A3529" s="11"/>
      <c r="B3529" s="8"/>
    </row>
    <row r="3530" spans="1:2" x14ac:dyDescent="0.3">
      <c r="A3530" s="11"/>
      <c r="B3530" s="8"/>
    </row>
    <row r="3531" spans="1:2" x14ac:dyDescent="0.3">
      <c r="A3531" s="11"/>
      <c r="B3531" s="8"/>
    </row>
    <row r="3532" spans="1:2" x14ac:dyDescent="0.3">
      <c r="A3532" s="11"/>
      <c r="B3532" s="8"/>
    </row>
    <row r="3533" spans="1:2" x14ac:dyDescent="0.3">
      <c r="A3533" s="11"/>
      <c r="B3533" s="8"/>
    </row>
    <row r="3534" spans="1:2" x14ac:dyDescent="0.3">
      <c r="A3534" s="11"/>
      <c r="B3534" s="8"/>
    </row>
    <row r="3535" spans="1:2" x14ac:dyDescent="0.3">
      <c r="A3535" s="11"/>
      <c r="B3535" s="8"/>
    </row>
    <row r="3536" spans="1:2" x14ac:dyDescent="0.3">
      <c r="A3536" s="11"/>
      <c r="B3536" s="8"/>
    </row>
    <row r="3537" spans="1:2" x14ac:dyDescent="0.3">
      <c r="A3537" s="11"/>
      <c r="B3537" s="8"/>
    </row>
    <row r="3538" spans="1:2" x14ac:dyDescent="0.3">
      <c r="A3538" s="11"/>
      <c r="B3538" s="8"/>
    </row>
    <row r="3539" spans="1:2" x14ac:dyDescent="0.3">
      <c r="A3539" s="11"/>
      <c r="B3539" s="8"/>
    </row>
    <row r="3540" spans="1:2" x14ac:dyDescent="0.3">
      <c r="A3540" s="11"/>
      <c r="B3540" s="8"/>
    </row>
    <row r="3541" spans="1:2" x14ac:dyDescent="0.3">
      <c r="A3541" s="11"/>
      <c r="B3541" s="8"/>
    </row>
    <row r="3542" spans="1:2" x14ac:dyDescent="0.3">
      <c r="A3542" s="11"/>
      <c r="B3542" s="8"/>
    </row>
    <row r="3543" spans="1:2" x14ac:dyDescent="0.3">
      <c r="A3543" s="11"/>
      <c r="B3543" s="8"/>
    </row>
    <row r="3544" spans="1:2" x14ac:dyDescent="0.3">
      <c r="A3544" s="11"/>
      <c r="B3544" s="8"/>
    </row>
    <row r="3545" spans="1:2" x14ac:dyDescent="0.3">
      <c r="A3545" s="11"/>
      <c r="B3545" s="8"/>
    </row>
    <row r="3546" spans="1:2" x14ac:dyDescent="0.3">
      <c r="A3546" s="11"/>
      <c r="B3546" s="8"/>
    </row>
    <row r="3547" spans="1:2" x14ac:dyDescent="0.3">
      <c r="A3547" s="11"/>
      <c r="B3547" s="8"/>
    </row>
    <row r="3548" spans="1:2" x14ac:dyDescent="0.3">
      <c r="A3548" s="11"/>
      <c r="B3548" s="8"/>
    </row>
    <row r="3549" spans="1:2" x14ac:dyDescent="0.3">
      <c r="A3549" s="11"/>
      <c r="B3549" s="8"/>
    </row>
    <row r="3550" spans="1:2" x14ac:dyDescent="0.3">
      <c r="A3550" s="11"/>
      <c r="B3550" s="8"/>
    </row>
    <row r="3551" spans="1:2" x14ac:dyDescent="0.3">
      <c r="A3551" s="11"/>
      <c r="B3551" s="8"/>
    </row>
    <row r="3552" spans="1:2" x14ac:dyDescent="0.3">
      <c r="A3552" s="11"/>
      <c r="B3552" s="8"/>
    </row>
    <row r="3553" spans="1:2" x14ac:dyDescent="0.3">
      <c r="A3553" s="11"/>
      <c r="B3553" s="8"/>
    </row>
    <row r="3554" spans="1:2" x14ac:dyDescent="0.3">
      <c r="A3554" s="11"/>
      <c r="B3554" s="8"/>
    </row>
    <row r="3555" spans="1:2" x14ac:dyDescent="0.3">
      <c r="A3555" s="11"/>
      <c r="B3555" s="8"/>
    </row>
    <row r="3556" spans="1:2" x14ac:dyDescent="0.3">
      <c r="A3556" s="11"/>
      <c r="B3556" s="8"/>
    </row>
    <row r="3557" spans="1:2" x14ac:dyDescent="0.3">
      <c r="A3557" s="11"/>
      <c r="B3557" s="8"/>
    </row>
    <row r="3558" spans="1:2" x14ac:dyDescent="0.3">
      <c r="A3558" s="11"/>
      <c r="B3558" s="8"/>
    </row>
    <row r="3559" spans="1:2" x14ac:dyDescent="0.3">
      <c r="A3559" s="11"/>
      <c r="B3559" s="8"/>
    </row>
    <row r="3560" spans="1:2" x14ac:dyDescent="0.3">
      <c r="A3560" s="11"/>
      <c r="B3560" s="8"/>
    </row>
    <row r="3561" spans="1:2" x14ac:dyDescent="0.3">
      <c r="A3561" s="11"/>
      <c r="B3561" s="8"/>
    </row>
    <row r="3562" spans="1:2" x14ac:dyDescent="0.3">
      <c r="A3562" s="11"/>
      <c r="B3562" s="8"/>
    </row>
    <row r="3563" spans="1:2" x14ac:dyDescent="0.3">
      <c r="A3563" s="11"/>
      <c r="B3563" s="8"/>
    </row>
    <row r="3564" spans="1:2" x14ac:dyDescent="0.3">
      <c r="A3564" s="11"/>
      <c r="B3564" s="8"/>
    </row>
    <row r="3565" spans="1:2" x14ac:dyDescent="0.3">
      <c r="A3565" s="11"/>
      <c r="B3565" s="8"/>
    </row>
    <row r="3566" spans="1:2" x14ac:dyDescent="0.3">
      <c r="A3566" s="11"/>
      <c r="B3566" s="8"/>
    </row>
    <row r="3567" spans="1:2" x14ac:dyDescent="0.3">
      <c r="A3567" s="11"/>
      <c r="B3567" s="8"/>
    </row>
    <row r="3568" spans="1:2" x14ac:dyDescent="0.3">
      <c r="A3568" s="11"/>
      <c r="B3568" s="8"/>
    </row>
    <row r="3569" spans="1:2" x14ac:dyDescent="0.3">
      <c r="A3569" s="11"/>
      <c r="B3569" s="8"/>
    </row>
    <row r="3570" spans="1:2" x14ac:dyDescent="0.3">
      <c r="A3570" s="11"/>
      <c r="B3570" s="8"/>
    </row>
    <row r="3571" spans="1:2" x14ac:dyDescent="0.3">
      <c r="A3571" s="11"/>
      <c r="B3571" s="8"/>
    </row>
    <row r="3572" spans="1:2" x14ac:dyDescent="0.3">
      <c r="A3572" s="11"/>
      <c r="B3572" s="8"/>
    </row>
    <row r="3573" spans="1:2" x14ac:dyDescent="0.3">
      <c r="A3573" s="11"/>
      <c r="B3573" s="8"/>
    </row>
    <row r="3574" spans="1:2" x14ac:dyDescent="0.3">
      <c r="A3574" s="11"/>
      <c r="B3574" s="8"/>
    </row>
    <row r="3575" spans="1:2" x14ac:dyDescent="0.3">
      <c r="A3575" s="11"/>
      <c r="B3575" s="8"/>
    </row>
    <row r="3576" spans="1:2" x14ac:dyDescent="0.3">
      <c r="A3576" s="11"/>
      <c r="B3576" s="8"/>
    </row>
    <row r="3577" spans="1:2" x14ac:dyDescent="0.3">
      <c r="A3577" s="11"/>
      <c r="B3577" s="8"/>
    </row>
    <row r="3578" spans="1:2" x14ac:dyDescent="0.3">
      <c r="A3578" s="11"/>
      <c r="B3578" s="8"/>
    </row>
    <row r="3579" spans="1:2" x14ac:dyDescent="0.3">
      <c r="A3579" s="11"/>
      <c r="B3579" s="8"/>
    </row>
    <row r="3580" spans="1:2" x14ac:dyDescent="0.3">
      <c r="A3580" s="11"/>
      <c r="B3580" s="8"/>
    </row>
    <row r="3581" spans="1:2" x14ac:dyDescent="0.3">
      <c r="A3581" s="11"/>
      <c r="B3581" s="8"/>
    </row>
    <row r="3582" spans="1:2" x14ac:dyDescent="0.3">
      <c r="A3582" s="11"/>
      <c r="B3582" s="8"/>
    </row>
    <row r="3583" spans="1:2" x14ac:dyDescent="0.3">
      <c r="A3583" s="11"/>
      <c r="B3583" s="8"/>
    </row>
    <row r="3584" spans="1:2" x14ac:dyDescent="0.3">
      <c r="A3584" s="11"/>
      <c r="B3584" s="8"/>
    </row>
    <row r="3585" spans="1:2" x14ac:dyDescent="0.3">
      <c r="A3585" s="11"/>
      <c r="B3585" s="8"/>
    </row>
    <row r="3586" spans="1:2" x14ac:dyDescent="0.3">
      <c r="A3586" s="11"/>
      <c r="B3586" s="8"/>
    </row>
    <row r="3587" spans="1:2" x14ac:dyDescent="0.3">
      <c r="A3587" s="11"/>
      <c r="B3587" s="8"/>
    </row>
    <row r="3588" spans="1:2" x14ac:dyDescent="0.3">
      <c r="A3588" s="11"/>
      <c r="B3588" s="8"/>
    </row>
    <row r="3589" spans="1:2" x14ac:dyDescent="0.3">
      <c r="A3589" s="11"/>
      <c r="B3589" s="8"/>
    </row>
    <row r="3590" spans="1:2" x14ac:dyDescent="0.3">
      <c r="A3590" s="11"/>
      <c r="B3590" s="8"/>
    </row>
    <row r="3591" spans="1:2" x14ac:dyDescent="0.3">
      <c r="A3591" s="11"/>
      <c r="B3591" s="8"/>
    </row>
    <row r="3592" spans="1:2" x14ac:dyDescent="0.3">
      <c r="A3592" s="11"/>
      <c r="B3592" s="8"/>
    </row>
    <row r="3593" spans="1:2" x14ac:dyDescent="0.3">
      <c r="A3593" s="11"/>
      <c r="B3593" s="8"/>
    </row>
    <row r="3594" spans="1:2" x14ac:dyDescent="0.3">
      <c r="A3594" s="11"/>
      <c r="B3594" s="8"/>
    </row>
    <row r="3595" spans="1:2" x14ac:dyDescent="0.3">
      <c r="A3595" s="11"/>
      <c r="B3595" s="8"/>
    </row>
    <row r="3596" spans="1:2" x14ac:dyDescent="0.3">
      <c r="A3596" s="11"/>
      <c r="B3596" s="8"/>
    </row>
    <row r="3597" spans="1:2" x14ac:dyDescent="0.3">
      <c r="A3597" s="11"/>
      <c r="B3597" s="8"/>
    </row>
    <row r="3598" spans="1:2" x14ac:dyDescent="0.3">
      <c r="A3598" s="11"/>
      <c r="B3598" s="8"/>
    </row>
    <row r="3599" spans="1:2" x14ac:dyDescent="0.3">
      <c r="A3599" s="11"/>
      <c r="B3599" s="8"/>
    </row>
    <row r="3600" spans="1:2" x14ac:dyDescent="0.3">
      <c r="A3600" s="11"/>
      <c r="B3600" s="8"/>
    </row>
    <row r="3601" spans="1:2" x14ac:dyDescent="0.3">
      <c r="A3601" s="11"/>
      <c r="B3601" s="8"/>
    </row>
    <row r="3602" spans="1:2" x14ac:dyDescent="0.3">
      <c r="A3602" s="11"/>
      <c r="B3602" s="8"/>
    </row>
    <row r="3603" spans="1:2" x14ac:dyDescent="0.3">
      <c r="A3603" s="11"/>
      <c r="B3603" s="8"/>
    </row>
    <row r="3604" spans="1:2" x14ac:dyDescent="0.3">
      <c r="A3604" s="11"/>
      <c r="B3604" s="8"/>
    </row>
    <row r="3605" spans="1:2" x14ac:dyDescent="0.3">
      <c r="A3605" s="11"/>
      <c r="B3605" s="8"/>
    </row>
    <row r="3606" spans="1:2" x14ac:dyDescent="0.3">
      <c r="A3606" s="11"/>
      <c r="B3606" s="8"/>
    </row>
    <row r="3607" spans="1:2" x14ac:dyDescent="0.3">
      <c r="A3607" s="11"/>
      <c r="B3607" s="8"/>
    </row>
    <row r="3608" spans="1:2" x14ac:dyDescent="0.3">
      <c r="A3608" s="11"/>
      <c r="B3608" s="8"/>
    </row>
    <row r="3609" spans="1:2" x14ac:dyDescent="0.3">
      <c r="A3609" s="11"/>
      <c r="B3609" s="8"/>
    </row>
    <row r="3610" spans="1:2" x14ac:dyDescent="0.3">
      <c r="A3610" s="11"/>
      <c r="B3610" s="8"/>
    </row>
    <row r="3611" spans="1:2" x14ac:dyDescent="0.3">
      <c r="A3611" s="11"/>
      <c r="B3611" s="8"/>
    </row>
    <row r="3612" spans="1:2" x14ac:dyDescent="0.3">
      <c r="A3612" s="11"/>
      <c r="B3612" s="8"/>
    </row>
    <row r="3613" spans="1:2" x14ac:dyDescent="0.3">
      <c r="A3613" s="11"/>
      <c r="B3613" s="8"/>
    </row>
    <row r="3614" spans="1:2" x14ac:dyDescent="0.3">
      <c r="A3614" s="11"/>
      <c r="B3614" s="8"/>
    </row>
    <row r="3615" spans="1:2" x14ac:dyDescent="0.3">
      <c r="A3615" s="11"/>
      <c r="B3615" s="8"/>
    </row>
    <row r="3616" spans="1:2" x14ac:dyDescent="0.3">
      <c r="A3616" s="11"/>
      <c r="B3616" s="8"/>
    </row>
    <row r="3617" spans="1:2" x14ac:dyDescent="0.3">
      <c r="A3617" s="11"/>
      <c r="B3617" s="8"/>
    </row>
    <row r="3618" spans="1:2" x14ac:dyDescent="0.3">
      <c r="A3618" s="11"/>
      <c r="B3618" s="8"/>
    </row>
    <row r="3619" spans="1:2" x14ac:dyDescent="0.3">
      <c r="A3619" s="11"/>
      <c r="B3619" s="8"/>
    </row>
    <row r="3620" spans="1:2" x14ac:dyDescent="0.3">
      <c r="A3620" s="11"/>
      <c r="B3620" s="8"/>
    </row>
    <row r="3621" spans="1:2" x14ac:dyDescent="0.3">
      <c r="A3621" s="11"/>
      <c r="B3621" s="8"/>
    </row>
    <row r="3622" spans="1:2" x14ac:dyDescent="0.3">
      <c r="A3622" s="11"/>
      <c r="B3622" s="8"/>
    </row>
    <row r="3623" spans="1:2" x14ac:dyDescent="0.3">
      <c r="A3623" s="11"/>
      <c r="B3623" s="8"/>
    </row>
    <row r="3624" spans="1:2" x14ac:dyDescent="0.3">
      <c r="A3624" s="11"/>
      <c r="B3624" s="8"/>
    </row>
    <row r="3625" spans="1:2" x14ac:dyDescent="0.3">
      <c r="A3625" s="11"/>
      <c r="B3625" s="8"/>
    </row>
    <row r="3626" spans="1:2" x14ac:dyDescent="0.3">
      <c r="A3626" s="11"/>
      <c r="B3626" s="8"/>
    </row>
    <row r="3627" spans="1:2" x14ac:dyDescent="0.3">
      <c r="A3627" s="11"/>
      <c r="B3627" s="8"/>
    </row>
    <row r="3628" spans="1:2" x14ac:dyDescent="0.3">
      <c r="A3628" s="11"/>
      <c r="B3628" s="8"/>
    </row>
    <row r="3629" spans="1:2" x14ac:dyDescent="0.3">
      <c r="A3629" s="11"/>
      <c r="B3629" s="8"/>
    </row>
    <row r="3630" spans="1:2" x14ac:dyDescent="0.3">
      <c r="A3630" s="11"/>
      <c r="B3630" s="8"/>
    </row>
    <row r="3631" spans="1:2" x14ac:dyDescent="0.3">
      <c r="A3631" s="11"/>
      <c r="B3631" s="8"/>
    </row>
    <row r="3632" spans="1:2" x14ac:dyDescent="0.3">
      <c r="A3632" s="11"/>
      <c r="B3632" s="8"/>
    </row>
    <row r="3633" spans="1:2" x14ac:dyDescent="0.3">
      <c r="A3633" s="11"/>
      <c r="B3633" s="8"/>
    </row>
    <row r="3634" spans="1:2" x14ac:dyDescent="0.3">
      <c r="A3634" s="11"/>
      <c r="B3634" s="8"/>
    </row>
    <row r="3635" spans="1:2" x14ac:dyDescent="0.3">
      <c r="A3635" s="11"/>
      <c r="B3635" s="8"/>
    </row>
    <row r="3636" spans="1:2" x14ac:dyDescent="0.3">
      <c r="A3636" s="11"/>
      <c r="B3636" s="8"/>
    </row>
    <row r="3637" spans="1:2" x14ac:dyDescent="0.3">
      <c r="A3637" s="11"/>
      <c r="B3637" s="8"/>
    </row>
    <row r="3638" spans="1:2" x14ac:dyDescent="0.3">
      <c r="A3638" s="11"/>
      <c r="B3638" s="8"/>
    </row>
    <row r="3639" spans="1:2" x14ac:dyDescent="0.3">
      <c r="A3639" s="11"/>
      <c r="B3639" s="8"/>
    </row>
    <row r="3640" spans="1:2" x14ac:dyDescent="0.3">
      <c r="A3640" s="11"/>
      <c r="B3640" s="8"/>
    </row>
    <row r="3641" spans="1:2" x14ac:dyDescent="0.3">
      <c r="A3641" s="11"/>
      <c r="B3641" s="8"/>
    </row>
    <row r="3642" spans="1:2" x14ac:dyDescent="0.3">
      <c r="A3642" s="11"/>
      <c r="B3642" s="8"/>
    </row>
    <row r="3643" spans="1:2" x14ac:dyDescent="0.3">
      <c r="A3643" s="11"/>
      <c r="B3643" s="8"/>
    </row>
    <row r="3644" spans="1:2" x14ac:dyDescent="0.3">
      <c r="A3644" s="11"/>
      <c r="B3644" s="8"/>
    </row>
    <row r="3645" spans="1:2" x14ac:dyDescent="0.3">
      <c r="A3645" s="11"/>
      <c r="B3645" s="8"/>
    </row>
    <row r="3646" spans="1:2" x14ac:dyDescent="0.3">
      <c r="A3646" s="11"/>
      <c r="B3646" s="8"/>
    </row>
    <row r="3647" spans="1:2" x14ac:dyDescent="0.3">
      <c r="A3647" s="11"/>
      <c r="B3647" s="8"/>
    </row>
    <row r="3648" spans="1:2" x14ac:dyDescent="0.3">
      <c r="A3648" s="11"/>
      <c r="B3648" s="8"/>
    </row>
    <row r="3649" spans="1:2" x14ac:dyDescent="0.3">
      <c r="A3649" s="11"/>
      <c r="B3649" s="8"/>
    </row>
    <row r="3650" spans="1:2" x14ac:dyDescent="0.3">
      <c r="A3650" s="11"/>
      <c r="B3650" s="8"/>
    </row>
    <row r="3651" spans="1:2" x14ac:dyDescent="0.3">
      <c r="A3651" s="11"/>
      <c r="B3651" s="8"/>
    </row>
    <row r="3652" spans="1:2" x14ac:dyDescent="0.3">
      <c r="A3652" s="11"/>
      <c r="B3652" s="8"/>
    </row>
    <row r="3653" spans="1:2" x14ac:dyDescent="0.3">
      <c r="A3653" s="11"/>
      <c r="B3653" s="8"/>
    </row>
    <row r="3654" spans="1:2" x14ac:dyDescent="0.3">
      <c r="A3654" s="11"/>
      <c r="B3654" s="8"/>
    </row>
    <row r="3655" spans="1:2" x14ac:dyDescent="0.3">
      <c r="A3655" s="11"/>
      <c r="B3655" s="8"/>
    </row>
    <row r="3656" spans="1:2" x14ac:dyDescent="0.3">
      <c r="A3656" s="11"/>
      <c r="B3656" s="8"/>
    </row>
    <row r="3657" spans="1:2" x14ac:dyDescent="0.3">
      <c r="A3657" s="11"/>
      <c r="B3657" s="8"/>
    </row>
    <row r="3658" spans="1:2" x14ac:dyDescent="0.3">
      <c r="A3658" s="11"/>
      <c r="B3658" s="8"/>
    </row>
    <row r="3659" spans="1:2" x14ac:dyDescent="0.3">
      <c r="A3659" s="11"/>
      <c r="B3659" s="8"/>
    </row>
    <row r="3660" spans="1:2" x14ac:dyDescent="0.3">
      <c r="A3660" s="11"/>
      <c r="B3660" s="8"/>
    </row>
    <row r="3661" spans="1:2" x14ac:dyDescent="0.3">
      <c r="A3661" s="11"/>
      <c r="B3661" s="8"/>
    </row>
    <row r="3662" spans="1:2" x14ac:dyDescent="0.3">
      <c r="A3662" s="11"/>
      <c r="B3662" s="8"/>
    </row>
    <row r="3663" spans="1:2" x14ac:dyDescent="0.3">
      <c r="A3663" s="11"/>
      <c r="B3663" s="8"/>
    </row>
    <row r="3664" spans="1:2" x14ac:dyDescent="0.3">
      <c r="A3664" s="11"/>
      <c r="B3664" s="8"/>
    </row>
    <row r="3665" spans="1:2" x14ac:dyDescent="0.3">
      <c r="A3665" s="11"/>
      <c r="B3665" s="8"/>
    </row>
    <row r="3666" spans="1:2" x14ac:dyDescent="0.3">
      <c r="A3666" s="11"/>
      <c r="B3666" s="8"/>
    </row>
    <row r="3667" spans="1:2" x14ac:dyDescent="0.3">
      <c r="A3667" s="11"/>
      <c r="B3667" s="8"/>
    </row>
    <row r="3668" spans="1:2" x14ac:dyDescent="0.3">
      <c r="A3668" s="11"/>
      <c r="B3668" s="8"/>
    </row>
    <row r="3669" spans="1:2" x14ac:dyDescent="0.3">
      <c r="A3669" s="11"/>
      <c r="B3669" s="8"/>
    </row>
    <row r="3670" spans="1:2" x14ac:dyDescent="0.3">
      <c r="A3670" s="11"/>
      <c r="B3670" s="8"/>
    </row>
    <row r="3671" spans="1:2" x14ac:dyDescent="0.3">
      <c r="A3671" s="11"/>
      <c r="B3671" s="8"/>
    </row>
    <row r="3672" spans="1:2" x14ac:dyDescent="0.3">
      <c r="A3672" s="11"/>
      <c r="B3672" s="8"/>
    </row>
    <row r="3673" spans="1:2" x14ac:dyDescent="0.3">
      <c r="A3673" s="11"/>
      <c r="B3673" s="8"/>
    </row>
    <row r="3674" spans="1:2" x14ac:dyDescent="0.3">
      <c r="A3674" s="11"/>
      <c r="B3674" s="8"/>
    </row>
    <row r="3675" spans="1:2" x14ac:dyDescent="0.3">
      <c r="A3675" s="11"/>
      <c r="B3675" s="8"/>
    </row>
    <row r="3676" spans="1:2" x14ac:dyDescent="0.3">
      <c r="A3676" s="11"/>
      <c r="B3676" s="8"/>
    </row>
    <row r="3677" spans="1:2" x14ac:dyDescent="0.3">
      <c r="A3677" s="11"/>
      <c r="B3677" s="8"/>
    </row>
    <row r="3678" spans="1:2" x14ac:dyDescent="0.3">
      <c r="A3678" s="11"/>
      <c r="B3678" s="8"/>
    </row>
    <row r="3679" spans="1:2" x14ac:dyDescent="0.3">
      <c r="A3679" s="11"/>
      <c r="B3679" s="8"/>
    </row>
    <row r="3680" spans="1:2" x14ac:dyDescent="0.3">
      <c r="A3680" s="11"/>
      <c r="B3680" s="8"/>
    </row>
    <row r="3681" spans="1:2" x14ac:dyDescent="0.3">
      <c r="A3681" s="11"/>
      <c r="B3681" s="8"/>
    </row>
    <row r="3682" spans="1:2" x14ac:dyDescent="0.3">
      <c r="A3682" s="11"/>
      <c r="B3682" s="8"/>
    </row>
    <row r="3683" spans="1:2" x14ac:dyDescent="0.3">
      <c r="A3683" s="11"/>
      <c r="B3683" s="8"/>
    </row>
    <row r="3684" spans="1:2" x14ac:dyDescent="0.3">
      <c r="A3684" s="11"/>
      <c r="B3684" s="8"/>
    </row>
    <row r="3685" spans="1:2" x14ac:dyDescent="0.3">
      <c r="A3685" s="11"/>
      <c r="B3685" s="8"/>
    </row>
    <row r="3686" spans="1:2" x14ac:dyDescent="0.3">
      <c r="A3686" s="11"/>
      <c r="B3686" s="8"/>
    </row>
    <row r="3687" spans="1:2" x14ac:dyDescent="0.3">
      <c r="A3687" s="11"/>
      <c r="B3687" s="8"/>
    </row>
    <row r="3688" spans="1:2" x14ac:dyDescent="0.3">
      <c r="A3688" s="11"/>
      <c r="B3688" s="8"/>
    </row>
    <row r="3689" spans="1:2" x14ac:dyDescent="0.3">
      <c r="A3689" s="11"/>
      <c r="B3689" s="8"/>
    </row>
    <row r="3690" spans="1:2" x14ac:dyDescent="0.3">
      <c r="A3690" s="11"/>
      <c r="B3690" s="8"/>
    </row>
    <row r="3691" spans="1:2" x14ac:dyDescent="0.3">
      <c r="A3691" s="11"/>
      <c r="B3691" s="8"/>
    </row>
    <row r="3692" spans="1:2" x14ac:dyDescent="0.3">
      <c r="A3692" s="11"/>
      <c r="B3692" s="8"/>
    </row>
    <row r="3693" spans="1:2" x14ac:dyDescent="0.3">
      <c r="A3693" s="11"/>
      <c r="B3693" s="8"/>
    </row>
    <row r="3694" spans="1:2" x14ac:dyDescent="0.3">
      <c r="A3694" s="11"/>
      <c r="B3694" s="8"/>
    </row>
    <row r="3695" spans="1:2" x14ac:dyDescent="0.3">
      <c r="A3695" s="11"/>
      <c r="B3695" s="8"/>
    </row>
    <row r="3696" spans="1:2" x14ac:dyDescent="0.3">
      <c r="A3696" s="11"/>
      <c r="B3696" s="8"/>
    </row>
    <row r="3697" spans="1:2" x14ac:dyDescent="0.3">
      <c r="A3697" s="11"/>
      <c r="B3697" s="8"/>
    </row>
    <row r="3698" spans="1:2" x14ac:dyDescent="0.3">
      <c r="A3698" s="11"/>
      <c r="B3698" s="8"/>
    </row>
    <row r="3699" spans="1:2" x14ac:dyDescent="0.3">
      <c r="A3699" s="11"/>
      <c r="B3699" s="8"/>
    </row>
    <row r="3700" spans="1:2" x14ac:dyDescent="0.3">
      <c r="A3700" s="11"/>
      <c r="B3700" s="8"/>
    </row>
    <row r="3701" spans="1:2" x14ac:dyDescent="0.3">
      <c r="A3701" s="11"/>
      <c r="B3701" s="8"/>
    </row>
    <row r="3702" spans="1:2" x14ac:dyDescent="0.3">
      <c r="A3702" s="11"/>
      <c r="B3702" s="8"/>
    </row>
    <row r="3703" spans="1:2" x14ac:dyDescent="0.3">
      <c r="A3703" s="11"/>
      <c r="B3703" s="8"/>
    </row>
    <row r="3704" spans="1:2" x14ac:dyDescent="0.3">
      <c r="A3704" s="11"/>
      <c r="B3704" s="8"/>
    </row>
    <row r="3705" spans="1:2" x14ac:dyDescent="0.3">
      <c r="A3705" s="11"/>
      <c r="B3705" s="8"/>
    </row>
    <row r="3706" spans="1:2" x14ac:dyDescent="0.3">
      <c r="A3706" s="11"/>
      <c r="B3706" s="8"/>
    </row>
    <row r="3707" spans="1:2" x14ac:dyDescent="0.3">
      <c r="A3707" s="11"/>
      <c r="B3707" s="8"/>
    </row>
    <row r="3708" spans="1:2" x14ac:dyDescent="0.3">
      <c r="A3708" s="11"/>
      <c r="B3708" s="8"/>
    </row>
    <row r="3709" spans="1:2" x14ac:dyDescent="0.3">
      <c r="A3709" s="11"/>
      <c r="B3709" s="8"/>
    </row>
    <row r="3710" spans="1:2" x14ac:dyDescent="0.3">
      <c r="A3710" s="11"/>
      <c r="B3710" s="8"/>
    </row>
    <row r="3711" spans="1:2" x14ac:dyDescent="0.3">
      <c r="A3711" s="11"/>
      <c r="B3711" s="8"/>
    </row>
    <row r="3712" spans="1:2" x14ac:dyDescent="0.3">
      <c r="A3712" s="11"/>
      <c r="B3712" s="8"/>
    </row>
    <row r="3713" spans="1:2" x14ac:dyDescent="0.3">
      <c r="A3713" s="11"/>
      <c r="B3713" s="8"/>
    </row>
    <row r="3714" spans="1:2" x14ac:dyDescent="0.3">
      <c r="A3714" s="11"/>
      <c r="B3714" s="8"/>
    </row>
    <row r="3715" spans="1:2" x14ac:dyDescent="0.3">
      <c r="A3715" s="11"/>
      <c r="B3715" s="8"/>
    </row>
    <row r="3716" spans="1:2" x14ac:dyDescent="0.3">
      <c r="A3716" s="11"/>
      <c r="B3716" s="8"/>
    </row>
    <row r="3717" spans="1:2" x14ac:dyDescent="0.3">
      <c r="A3717" s="11"/>
      <c r="B3717" s="8"/>
    </row>
    <row r="3718" spans="1:2" x14ac:dyDescent="0.3">
      <c r="A3718" s="11"/>
      <c r="B3718" s="8"/>
    </row>
    <row r="3719" spans="1:2" x14ac:dyDescent="0.3">
      <c r="A3719" s="11"/>
      <c r="B3719" s="8"/>
    </row>
    <row r="3720" spans="1:2" x14ac:dyDescent="0.3">
      <c r="A3720" s="11"/>
      <c r="B3720" s="8"/>
    </row>
    <row r="3721" spans="1:2" x14ac:dyDescent="0.3">
      <c r="A3721" s="11"/>
      <c r="B3721" s="8"/>
    </row>
    <row r="3722" spans="1:2" x14ac:dyDescent="0.3">
      <c r="A3722" s="11"/>
      <c r="B3722" s="8"/>
    </row>
    <row r="3723" spans="1:2" x14ac:dyDescent="0.3">
      <c r="A3723" s="11"/>
      <c r="B3723" s="8"/>
    </row>
    <row r="3724" spans="1:2" x14ac:dyDescent="0.3">
      <c r="A3724" s="11"/>
      <c r="B3724" s="8"/>
    </row>
    <row r="3725" spans="1:2" x14ac:dyDescent="0.3">
      <c r="A3725" s="11"/>
      <c r="B3725" s="8"/>
    </row>
    <row r="3726" spans="1:2" x14ac:dyDescent="0.3">
      <c r="A3726" s="11"/>
      <c r="B3726" s="8"/>
    </row>
    <row r="3727" spans="1:2" x14ac:dyDescent="0.3">
      <c r="A3727" s="11"/>
      <c r="B3727" s="8"/>
    </row>
    <row r="3728" spans="1:2" x14ac:dyDescent="0.3">
      <c r="A3728" s="11"/>
      <c r="B3728" s="8"/>
    </row>
    <row r="3729" spans="1:2" x14ac:dyDescent="0.3">
      <c r="A3729" s="11"/>
      <c r="B3729" s="8"/>
    </row>
    <row r="3730" spans="1:2" x14ac:dyDescent="0.3">
      <c r="A3730" s="11"/>
      <c r="B3730" s="8"/>
    </row>
    <row r="3731" spans="1:2" x14ac:dyDescent="0.3">
      <c r="A3731" s="11"/>
      <c r="B3731" s="8"/>
    </row>
    <row r="3732" spans="1:2" x14ac:dyDescent="0.3">
      <c r="A3732" s="11"/>
      <c r="B3732" s="8"/>
    </row>
    <row r="3733" spans="1:2" x14ac:dyDescent="0.3">
      <c r="A3733" s="11"/>
      <c r="B3733" s="8"/>
    </row>
    <row r="3734" spans="1:2" x14ac:dyDescent="0.3">
      <c r="A3734" s="11"/>
      <c r="B3734" s="8"/>
    </row>
    <row r="3735" spans="1:2" x14ac:dyDescent="0.3">
      <c r="A3735" s="11"/>
      <c r="B3735" s="8"/>
    </row>
    <row r="3736" spans="1:2" x14ac:dyDescent="0.3">
      <c r="A3736" s="11"/>
      <c r="B3736" s="8"/>
    </row>
    <row r="3737" spans="1:2" x14ac:dyDescent="0.3">
      <c r="A3737" s="11"/>
      <c r="B3737" s="8"/>
    </row>
    <row r="3738" spans="1:2" x14ac:dyDescent="0.3">
      <c r="A3738" s="11"/>
      <c r="B3738" s="8"/>
    </row>
    <row r="3739" spans="1:2" x14ac:dyDescent="0.3">
      <c r="A3739" s="11"/>
      <c r="B3739" s="8"/>
    </row>
    <row r="3740" spans="1:2" x14ac:dyDescent="0.3">
      <c r="A3740" s="11"/>
      <c r="B3740" s="8"/>
    </row>
    <row r="3741" spans="1:2" x14ac:dyDescent="0.3">
      <c r="A3741" s="11"/>
      <c r="B3741" s="8"/>
    </row>
    <row r="3742" spans="1:2" x14ac:dyDescent="0.3">
      <c r="A3742" s="11"/>
      <c r="B3742" s="8"/>
    </row>
    <row r="3743" spans="1:2" x14ac:dyDescent="0.3">
      <c r="A3743" s="11"/>
      <c r="B3743" s="8"/>
    </row>
    <row r="3744" spans="1:2" x14ac:dyDescent="0.3">
      <c r="A3744" s="11"/>
      <c r="B3744" s="8"/>
    </row>
    <row r="3745" spans="1:2" x14ac:dyDescent="0.3">
      <c r="A3745" s="11"/>
      <c r="B3745" s="8"/>
    </row>
    <row r="3746" spans="1:2" x14ac:dyDescent="0.3">
      <c r="A3746" s="11"/>
      <c r="B3746" s="8"/>
    </row>
    <row r="3747" spans="1:2" x14ac:dyDescent="0.3">
      <c r="A3747" s="11"/>
      <c r="B3747" s="8"/>
    </row>
    <row r="3748" spans="1:2" x14ac:dyDescent="0.3">
      <c r="A3748" s="11"/>
      <c r="B3748" s="8"/>
    </row>
    <row r="3749" spans="1:2" x14ac:dyDescent="0.3">
      <c r="A3749" s="11"/>
      <c r="B3749" s="8"/>
    </row>
    <row r="3750" spans="1:2" x14ac:dyDescent="0.3">
      <c r="A3750" s="11"/>
      <c r="B3750" s="8"/>
    </row>
    <row r="3751" spans="1:2" x14ac:dyDescent="0.3">
      <c r="A3751" s="11"/>
      <c r="B3751" s="8"/>
    </row>
    <row r="3752" spans="1:2" x14ac:dyDescent="0.3">
      <c r="A3752" s="11"/>
      <c r="B3752" s="8"/>
    </row>
    <row r="3753" spans="1:2" x14ac:dyDescent="0.3">
      <c r="A3753" s="11"/>
      <c r="B3753" s="8"/>
    </row>
    <row r="3754" spans="1:2" x14ac:dyDescent="0.3">
      <c r="A3754" s="11"/>
      <c r="B3754" s="8"/>
    </row>
    <row r="3755" spans="1:2" x14ac:dyDescent="0.3">
      <c r="A3755" s="11"/>
      <c r="B3755" s="8"/>
    </row>
    <row r="3756" spans="1:2" x14ac:dyDescent="0.3">
      <c r="A3756" s="11"/>
      <c r="B3756" s="8"/>
    </row>
    <row r="3757" spans="1:2" x14ac:dyDescent="0.3">
      <c r="A3757" s="11"/>
      <c r="B3757" s="8"/>
    </row>
    <row r="3758" spans="1:2" x14ac:dyDescent="0.3">
      <c r="A3758" s="11"/>
      <c r="B3758" s="8"/>
    </row>
    <row r="3759" spans="1:2" x14ac:dyDescent="0.3">
      <c r="A3759" s="11"/>
      <c r="B3759" s="8"/>
    </row>
    <row r="3760" spans="1:2" x14ac:dyDescent="0.3">
      <c r="A3760" s="11"/>
      <c r="B3760" s="8"/>
    </row>
    <row r="3761" spans="1:2" x14ac:dyDescent="0.3">
      <c r="A3761" s="11"/>
      <c r="B3761" s="8"/>
    </row>
    <row r="3762" spans="1:2" x14ac:dyDescent="0.3">
      <c r="A3762" s="11"/>
      <c r="B3762" s="8"/>
    </row>
    <row r="3763" spans="1:2" x14ac:dyDescent="0.3">
      <c r="A3763" s="11"/>
      <c r="B3763" s="8"/>
    </row>
    <row r="3764" spans="1:2" x14ac:dyDescent="0.3">
      <c r="A3764" s="11"/>
      <c r="B3764" s="8"/>
    </row>
    <row r="3765" spans="1:2" x14ac:dyDescent="0.3">
      <c r="A3765" s="11"/>
      <c r="B3765" s="8"/>
    </row>
    <row r="3766" spans="1:2" x14ac:dyDescent="0.3">
      <c r="A3766" s="11"/>
      <c r="B3766" s="8"/>
    </row>
    <row r="3767" spans="1:2" x14ac:dyDescent="0.3">
      <c r="A3767" s="11"/>
      <c r="B3767" s="8"/>
    </row>
    <row r="3768" spans="1:2" x14ac:dyDescent="0.3">
      <c r="A3768" s="11"/>
      <c r="B3768" s="8"/>
    </row>
    <row r="3769" spans="1:2" x14ac:dyDescent="0.3">
      <c r="A3769" s="11"/>
      <c r="B3769" s="8"/>
    </row>
    <row r="3770" spans="1:2" x14ac:dyDescent="0.3">
      <c r="A3770" s="11"/>
      <c r="B3770" s="8"/>
    </row>
    <row r="3771" spans="1:2" x14ac:dyDescent="0.3">
      <c r="A3771" s="11"/>
      <c r="B3771" s="8"/>
    </row>
    <row r="3772" spans="1:2" x14ac:dyDescent="0.3">
      <c r="A3772" s="11"/>
      <c r="B3772" s="8"/>
    </row>
    <row r="3773" spans="1:2" x14ac:dyDescent="0.3">
      <c r="A3773" s="11"/>
      <c r="B3773" s="8"/>
    </row>
    <row r="3774" spans="1:2" x14ac:dyDescent="0.3">
      <c r="A3774" s="11"/>
      <c r="B3774" s="8"/>
    </row>
    <row r="3775" spans="1:2" x14ac:dyDescent="0.3">
      <c r="A3775" s="11"/>
      <c r="B3775" s="8"/>
    </row>
    <row r="3776" spans="1:2" x14ac:dyDescent="0.3">
      <c r="A3776" s="11"/>
      <c r="B3776" s="8"/>
    </row>
    <row r="3777" spans="1:2" x14ac:dyDescent="0.3">
      <c r="A3777" s="11"/>
      <c r="B3777" s="8"/>
    </row>
    <row r="3778" spans="1:2" x14ac:dyDescent="0.3">
      <c r="A3778" s="11"/>
      <c r="B3778" s="8"/>
    </row>
    <row r="3779" spans="1:2" x14ac:dyDescent="0.3">
      <c r="A3779" s="11"/>
      <c r="B3779" s="8"/>
    </row>
    <row r="3780" spans="1:2" x14ac:dyDescent="0.3">
      <c r="A3780" s="11"/>
      <c r="B3780" s="8"/>
    </row>
    <row r="3781" spans="1:2" x14ac:dyDescent="0.3">
      <c r="A3781" s="11"/>
      <c r="B3781" s="8"/>
    </row>
    <row r="3782" spans="1:2" x14ac:dyDescent="0.3">
      <c r="A3782" s="11"/>
      <c r="B3782" s="8"/>
    </row>
    <row r="3783" spans="1:2" x14ac:dyDescent="0.3">
      <c r="A3783" s="11"/>
      <c r="B3783" s="8"/>
    </row>
    <row r="3784" spans="1:2" x14ac:dyDescent="0.3">
      <c r="A3784" s="11"/>
      <c r="B3784" s="8"/>
    </row>
    <row r="3785" spans="1:2" x14ac:dyDescent="0.3">
      <c r="A3785" s="11"/>
      <c r="B3785" s="8"/>
    </row>
    <row r="3786" spans="1:2" x14ac:dyDescent="0.3">
      <c r="A3786" s="11"/>
      <c r="B3786" s="8"/>
    </row>
    <row r="3787" spans="1:2" x14ac:dyDescent="0.3">
      <c r="A3787" s="11"/>
      <c r="B3787" s="8"/>
    </row>
    <row r="3788" spans="1:2" x14ac:dyDescent="0.3">
      <c r="A3788" s="11"/>
      <c r="B3788" s="8"/>
    </row>
    <row r="3789" spans="1:2" x14ac:dyDescent="0.3">
      <c r="A3789" s="11"/>
      <c r="B3789" s="8"/>
    </row>
    <row r="3790" spans="1:2" x14ac:dyDescent="0.3">
      <c r="A3790" s="11"/>
      <c r="B3790" s="8"/>
    </row>
    <row r="3791" spans="1:2" x14ac:dyDescent="0.3">
      <c r="A3791" s="11"/>
      <c r="B3791" s="8"/>
    </row>
    <row r="3792" spans="1:2" x14ac:dyDescent="0.3">
      <c r="A3792" s="11"/>
      <c r="B3792" s="8"/>
    </row>
    <row r="3793" spans="1:2" x14ac:dyDescent="0.3">
      <c r="A3793" s="11"/>
      <c r="B3793" s="8"/>
    </row>
    <row r="3794" spans="1:2" x14ac:dyDescent="0.3">
      <c r="A3794" s="11"/>
      <c r="B3794" s="8"/>
    </row>
    <row r="3795" spans="1:2" x14ac:dyDescent="0.3">
      <c r="A3795" s="11"/>
      <c r="B3795" s="8"/>
    </row>
    <row r="3796" spans="1:2" x14ac:dyDescent="0.3">
      <c r="A3796" s="11"/>
      <c r="B3796" s="8"/>
    </row>
    <row r="3797" spans="1:2" x14ac:dyDescent="0.3">
      <c r="A3797" s="11"/>
      <c r="B3797" s="8"/>
    </row>
    <row r="3798" spans="1:2" x14ac:dyDescent="0.3">
      <c r="A3798" s="11"/>
      <c r="B3798" s="8"/>
    </row>
    <row r="3799" spans="1:2" x14ac:dyDescent="0.3">
      <c r="A3799" s="11"/>
      <c r="B3799" s="8"/>
    </row>
    <row r="3800" spans="1:2" x14ac:dyDescent="0.3">
      <c r="A3800" s="11"/>
      <c r="B3800" s="8"/>
    </row>
    <row r="3801" spans="1:2" x14ac:dyDescent="0.3">
      <c r="A3801" s="11"/>
      <c r="B3801" s="8"/>
    </row>
    <row r="3802" spans="1:2" x14ac:dyDescent="0.3">
      <c r="A3802" s="11"/>
      <c r="B3802" s="8"/>
    </row>
    <row r="3803" spans="1:2" x14ac:dyDescent="0.3">
      <c r="A3803" s="11"/>
      <c r="B3803" s="8"/>
    </row>
    <row r="3804" spans="1:2" x14ac:dyDescent="0.3">
      <c r="A3804" s="11"/>
      <c r="B3804" s="8"/>
    </row>
    <row r="3805" spans="1:2" x14ac:dyDescent="0.3">
      <c r="A3805" s="11"/>
      <c r="B3805" s="8"/>
    </row>
    <row r="3806" spans="1:2" x14ac:dyDescent="0.3">
      <c r="A3806" s="11"/>
      <c r="B3806" s="8"/>
    </row>
    <row r="3807" spans="1:2" x14ac:dyDescent="0.3">
      <c r="A3807" s="11"/>
      <c r="B3807" s="8"/>
    </row>
    <row r="3808" spans="1:2" x14ac:dyDescent="0.3">
      <c r="A3808" s="11"/>
      <c r="B3808" s="8"/>
    </row>
    <row r="3809" spans="1:2" x14ac:dyDescent="0.3">
      <c r="A3809" s="11"/>
      <c r="B3809" s="8"/>
    </row>
    <row r="3810" spans="1:2" x14ac:dyDescent="0.3">
      <c r="A3810" s="11"/>
      <c r="B3810" s="8"/>
    </row>
    <row r="3811" spans="1:2" x14ac:dyDescent="0.3">
      <c r="A3811" s="11"/>
      <c r="B3811" s="8"/>
    </row>
    <row r="3812" spans="1:2" x14ac:dyDescent="0.3">
      <c r="A3812" s="11"/>
      <c r="B3812" s="8"/>
    </row>
    <row r="3813" spans="1:2" x14ac:dyDescent="0.3">
      <c r="A3813" s="11"/>
      <c r="B3813" s="8"/>
    </row>
    <row r="3814" spans="1:2" x14ac:dyDescent="0.3">
      <c r="A3814" s="11"/>
      <c r="B3814" s="8"/>
    </row>
    <row r="3815" spans="1:2" x14ac:dyDescent="0.3">
      <c r="A3815" s="11"/>
      <c r="B3815" s="8"/>
    </row>
    <row r="3816" spans="1:2" x14ac:dyDescent="0.3">
      <c r="A3816" s="11"/>
      <c r="B3816" s="8"/>
    </row>
    <row r="3817" spans="1:2" x14ac:dyDescent="0.3">
      <c r="A3817" s="11"/>
      <c r="B3817" s="8"/>
    </row>
    <row r="3818" spans="1:2" x14ac:dyDescent="0.3">
      <c r="A3818" s="11"/>
      <c r="B3818" s="8"/>
    </row>
    <row r="3819" spans="1:2" x14ac:dyDescent="0.3">
      <c r="A3819" s="11"/>
      <c r="B3819" s="8"/>
    </row>
    <row r="3820" spans="1:2" x14ac:dyDescent="0.3">
      <c r="A3820" s="11"/>
      <c r="B3820" s="8"/>
    </row>
    <row r="3821" spans="1:2" x14ac:dyDescent="0.3">
      <c r="A3821" s="11"/>
      <c r="B3821" s="8"/>
    </row>
    <row r="3822" spans="1:2" x14ac:dyDescent="0.3">
      <c r="A3822" s="11"/>
      <c r="B3822" s="8"/>
    </row>
    <row r="3823" spans="1:2" x14ac:dyDescent="0.3">
      <c r="A3823" s="11"/>
      <c r="B3823" s="8"/>
    </row>
    <row r="3824" spans="1:2" x14ac:dyDescent="0.3">
      <c r="A3824" s="11"/>
      <c r="B3824" s="8"/>
    </row>
    <row r="3825" spans="1:2" x14ac:dyDescent="0.3">
      <c r="A3825" s="11"/>
      <c r="B3825" s="8"/>
    </row>
    <row r="3826" spans="1:2" x14ac:dyDescent="0.3">
      <c r="A3826" s="11"/>
      <c r="B3826" s="8"/>
    </row>
    <row r="3827" spans="1:2" x14ac:dyDescent="0.3">
      <c r="A3827" s="11"/>
      <c r="B3827" s="8"/>
    </row>
    <row r="3828" spans="1:2" x14ac:dyDescent="0.3">
      <c r="A3828" s="11"/>
      <c r="B3828" s="8"/>
    </row>
    <row r="3829" spans="1:2" x14ac:dyDescent="0.3">
      <c r="A3829" s="11"/>
      <c r="B3829" s="8"/>
    </row>
    <row r="3830" spans="1:2" x14ac:dyDescent="0.3">
      <c r="A3830" s="11"/>
      <c r="B3830" s="8"/>
    </row>
    <row r="3831" spans="1:2" x14ac:dyDescent="0.3">
      <c r="A3831" s="11"/>
      <c r="B3831" s="8"/>
    </row>
    <row r="3832" spans="1:2" x14ac:dyDescent="0.3">
      <c r="A3832" s="11"/>
      <c r="B3832" s="8"/>
    </row>
    <row r="3833" spans="1:2" x14ac:dyDescent="0.3">
      <c r="A3833" s="11"/>
      <c r="B3833" s="8"/>
    </row>
    <row r="3834" spans="1:2" x14ac:dyDescent="0.3">
      <c r="A3834" s="11"/>
      <c r="B3834" s="8"/>
    </row>
    <row r="3835" spans="1:2" x14ac:dyDescent="0.3">
      <c r="A3835" s="11"/>
      <c r="B3835" s="8"/>
    </row>
    <row r="3836" spans="1:2" x14ac:dyDescent="0.3">
      <c r="A3836" s="11"/>
      <c r="B3836" s="8"/>
    </row>
    <row r="3837" spans="1:2" x14ac:dyDescent="0.3">
      <c r="A3837" s="11"/>
      <c r="B3837" s="8"/>
    </row>
    <row r="3838" spans="1:2" x14ac:dyDescent="0.3">
      <c r="A3838" s="11"/>
      <c r="B3838" s="8"/>
    </row>
    <row r="3839" spans="1:2" x14ac:dyDescent="0.3">
      <c r="A3839" s="11"/>
      <c r="B3839" s="8"/>
    </row>
    <row r="3840" spans="1:2" x14ac:dyDescent="0.3">
      <c r="A3840" s="11"/>
      <c r="B3840" s="8"/>
    </row>
    <row r="3841" spans="1:2" x14ac:dyDescent="0.3">
      <c r="A3841" s="11"/>
      <c r="B3841" s="8"/>
    </row>
    <row r="3842" spans="1:2" x14ac:dyDescent="0.3">
      <c r="A3842" s="11"/>
      <c r="B3842" s="8"/>
    </row>
    <row r="3843" spans="1:2" x14ac:dyDescent="0.3">
      <c r="A3843" s="11"/>
      <c r="B3843" s="8"/>
    </row>
    <row r="3844" spans="1:2" x14ac:dyDescent="0.3">
      <c r="A3844" s="11"/>
      <c r="B3844" s="8"/>
    </row>
    <row r="3845" spans="1:2" x14ac:dyDescent="0.3">
      <c r="A3845" s="11"/>
      <c r="B3845" s="8"/>
    </row>
    <row r="3846" spans="1:2" x14ac:dyDescent="0.3">
      <c r="A3846" s="11"/>
      <c r="B3846" s="8"/>
    </row>
    <row r="3847" spans="1:2" x14ac:dyDescent="0.3">
      <c r="A3847" s="11"/>
      <c r="B3847" s="8"/>
    </row>
    <row r="3848" spans="1:2" x14ac:dyDescent="0.3">
      <c r="A3848" s="11"/>
      <c r="B3848" s="8"/>
    </row>
    <row r="3849" spans="1:2" x14ac:dyDescent="0.3">
      <c r="A3849" s="11"/>
      <c r="B3849" s="8"/>
    </row>
    <row r="3850" spans="1:2" x14ac:dyDescent="0.3">
      <c r="A3850" s="11"/>
      <c r="B3850" s="8"/>
    </row>
    <row r="3851" spans="1:2" x14ac:dyDescent="0.3">
      <c r="A3851" s="11"/>
      <c r="B3851" s="8"/>
    </row>
    <row r="3852" spans="1:2" x14ac:dyDescent="0.3">
      <c r="A3852" s="11"/>
      <c r="B3852" s="8"/>
    </row>
    <row r="3853" spans="1:2" x14ac:dyDescent="0.3">
      <c r="A3853" s="11"/>
      <c r="B3853" s="8"/>
    </row>
    <row r="3854" spans="1:2" x14ac:dyDescent="0.3">
      <c r="A3854" s="11"/>
      <c r="B3854" s="8"/>
    </row>
    <row r="3855" spans="1:2" x14ac:dyDescent="0.3">
      <c r="A3855" s="11"/>
      <c r="B3855" s="8"/>
    </row>
    <row r="3856" spans="1:2" x14ac:dyDescent="0.3">
      <c r="A3856" s="11"/>
      <c r="B3856" s="8"/>
    </row>
    <row r="3857" spans="1:2" x14ac:dyDescent="0.3">
      <c r="A3857" s="11"/>
      <c r="B3857" s="8"/>
    </row>
    <row r="3858" spans="1:2" x14ac:dyDescent="0.3">
      <c r="A3858" s="11"/>
      <c r="B3858" s="8"/>
    </row>
    <row r="3859" spans="1:2" x14ac:dyDescent="0.3">
      <c r="A3859" s="11"/>
      <c r="B3859" s="8"/>
    </row>
    <row r="3860" spans="1:2" x14ac:dyDescent="0.3">
      <c r="A3860" s="11"/>
      <c r="B3860" s="8"/>
    </row>
    <row r="3861" spans="1:2" x14ac:dyDescent="0.3">
      <c r="A3861" s="11"/>
      <c r="B3861" s="8"/>
    </row>
    <row r="3862" spans="1:2" x14ac:dyDescent="0.3">
      <c r="A3862" s="11"/>
      <c r="B3862" s="8"/>
    </row>
    <row r="3863" spans="1:2" x14ac:dyDescent="0.3">
      <c r="A3863" s="11"/>
      <c r="B3863" s="8"/>
    </row>
    <row r="3864" spans="1:2" x14ac:dyDescent="0.3">
      <c r="A3864" s="11"/>
      <c r="B3864" s="8"/>
    </row>
    <row r="3865" spans="1:2" x14ac:dyDescent="0.3">
      <c r="A3865" s="11"/>
      <c r="B3865" s="8"/>
    </row>
    <row r="3866" spans="1:2" x14ac:dyDescent="0.3">
      <c r="A3866" s="11"/>
      <c r="B3866" s="8"/>
    </row>
    <row r="3867" spans="1:2" x14ac:dyDescent="0.3">
      <c r="A3867" s="11"/>
      <c r="B3867" s="8"/>
    </row>
    <row r="3868" spans="1:2" x14ac:dyDescent="0.3">
      <c r="A3868" s="11"/>
      <c r="B3868" s="8"/>
    </row>
    <row r="3869" spans="1:2" x14ac:dyDescent="0.3">
      <c r="A3869" s="11"/>
      <c r="B3869" s="8"/>
    </row>
    <row r="3870" spans="1:2" x14ac:dyDescent="0.3">
      <c r="A3870" s="11"/>
      <c r="B3870" s="8"/>
    </row>
    <row r="3871" spans="1:2" x14ac:dyDescent="0.3">
      <c r="A3871" s="11"/>
      <c r="B3871" s="8"/>
    </row>
    <row r="3872" spans="1:2" x14ac:dyDescent="0.3">
      <c r="A3872" s="11"/>
      <c r="B3872" s="8"/>
    </row>
    <row r="3873" spans="1:2" x14ac:dyDescent="0.3">
      <c r="A3873" s="11"/>
      <c r="B3873" s="8"/>
    </row>
    <row r="3874" spans="1:2" x14ac:dyDescent="0.3">
      <c r="A3874" s="11"/>
      <c r="B3874" s="8"/>
    </row>
    <row r="3875" spans="1:2" x14ac:dyDescent="0.3">
      <c r="A3875" s="11"/>
      <c r="B3875" s="8"/>
    </row>
    <row r="3876" spans="1:2" x14ac:dyDescent="0.3">
      <c r="A3876" s="11"/>
      <c r="B3876" s="8"/>
    </row>
    <row r="3877" spans="1:2" x14ac:dyDescent="0.3">
      <c r="A3877" s="11"/>
      <c r="B3877" s="8"/>
    </row>
    <row r="3878" spans="1:2" x14ac:dyDescent="0.3">
      <c r="A3878" s="11"/>
      <c r="B3878" s="8"/>
    </row>
    <row r="3879" spans="1:2" x14ac:dyDescent="0.3">
      <c r="A3879" s="11"/>
      <c r="B3879" s="8"/>
    </row>
    <row r="3880" spans="1:2" x14ac:dyDescent="0.3">
      <c r="A3880" s="11"/>
      <c r="B3880" s="8"/>
    </row>
    <row r="3881" spans="1:2" x14ac:dyDescent="0.3">
      <c r="A3881" s="11"/>
      <c r="B3881" s="8"/>
    </row>
    <row r="3882" spans="1:2" x14ac:dyDescent="0.3">
      <c r="A3882" s="11"/>
      <c r="B3882" s="8"/>
    </row>
    <row r="3883" spans="1:2" x14ac:dyDescent="0.3">
      <c r="A3883" s="11"/>
      <c r="B3883" s="8"/>
    </row>
    <row r="3884" spans="1:2" x14ac:dyDescent="0.3">
      <c r="A3884" s="11"/>
      <c r="B3884" s="8"/>
    </row>
    <row r="3885" spans="1:2" x14ac:dyDescent="0.3">
      <c r="A3885" s="11"/>
      <c r="B3885" s="8"/>
    </row>
    <row r="3886" spans="1:2" x14ac:dyDescent="0.3">
      <c r="A3886" s="11"/>
      <c r="B3886" s="8"/>
    </row>
    <row r="3887" spans="1:2" x14ac:dyDescent="0.3">
      <c r="A3887" s="11"/>
      <c r="B3887" s="8"/>
    </row>
    <row r="3888" spans="1:2" x14ac:dyDescent="0.3">
      <c r="A3888" s="11"/>
      <c r="B3888" s="8"/>
    </row>
    <row r="3889" spans="1:2" x14ac:dyDescent="0.3">
      <c r="A3889" s="11"/>
      <c r="B3889" s="8"/>
    </row>
    <row r="3890" spans="1:2" x14ac:dyDescent="0.3">
      <c r="A3890" s="11"/>
      <c r="B3890" s="8"/>
    </row>
    <row r="3891" spans="1:2" x14ac:dyDescent="0.3">
      <c r="A3891" s="11"/>
      <c r="B3891" s="8"/>
    </row>
    <row r="3892" spans="1:2" x14ac:dyDescent="0.3">
      <c r="A3892" s="11"/>
      <c r="B3892" s="8"/>
    </row>
    <row r="3893" spans="1:2" x14ac:dyDescent="0.3">
      <c r="A3893" s="11"/>
      <c r="B3893" s="8"/>
    </row>
    <row r="3894" spans="1:2" x14ac:dyDescent="0.3">
      <c r="A3894" s="11"/>
      <c r="B3894" s="8"/>
    </row>
    <row r="3895" spans="1:2" x14ac:dyDescent="0.3">
      <c r="A3895" s="11"/>
      <c r="B3895" s="8"/>
    </row>
    <row r="3896" spans="1:2" x14ac:dyDescent="0.3">
      <c r="A3896" s="11"/>
      <c r="B3896" s="8"/>
    </row>
    <row r="3897" spans="1:2" x14ac:dyDescent="0.3">
      <c r="A3897" s="11"/>
      <c r="B3897" s="8"/>
    </row>
    <row r="3898" spans="1:2" x14ac:dyDescent="0.3">
      <c r="A3898" s="11"/>
      <c r="B3898" s="8"/>
    </row>
    <row r="3899" spans="1:2" x14ac:dyDescent="0.3">
      <c r="A3899" s="11"/>
      <c r="B3899" s="8"/>
    </row>
    <row r="3900" spans="1:2" x14ac:dyDescent="0.3">
      <c r="A3900" s="11"/>
      <c r="B3900" s="8"/>
    </row>
    <row r="3901" spans="1:2" x14ac:dyDescent="0.3">
      <c r="A3901" s="11"/>
      <c r="B3901" s="8"/>
    </row>
    <row r="3902" spans="1:2" x14ac:dyDescent="0.3">
      <c r="A3902" s="11"/>
      <c r="B3902" s="8"/>
    </row>
    <row r="3903" spans="1:2" x14ac:dyDescent="0.3">
      <c r="A3903" s="11"/>
      <c r="B3903" s="8"/>
    </row>
    <row r="3904" spans="1:2" x14ac:dyDescent="0.3">
      <c r="A3904" s="11"/>
      <c r="B3904" s="8"/>
    </row>
    <row r="3905" spans="1:2" x14ac:dyDescent="0.3">
      <c r="A3905" s="11"/>
      <c r="B3905" s="8"/>
    </row>
    <row r="3906" spans="1:2" x14ac:dyDescent="0.3">
      <c r="A3906" s="11"/>
      <c r="B3906" s="8"/>
    </row>
    <row r="3907" spans="1:2" x14ac:dyDescent="0.3">
      <c r="A3907" s="11"/>
      <c r="B3907" s="8"/>
    </row>
    <row r="3908" spans="1:2" x14ac:dyDescent="0.3">
      <c r="A3908" s="11"/>
      <c r="B3908" s="8"/>
    </row>
    <row r="3909" spans="1:2" x14ac:dyDescent="0.3">
      <c r="A3909" s="11"/>
      <c r="B3909" s="8"/>
    </row>
    <row r="3910" spans="1:2" x14ac:dyDescent="0.3">
      <c r="A3910" s="11"/>
      <c r="B3910" s="8"/>
    </row>
    <row r="3911" spans="1:2" x14ac:dyDescent="0.3">
      <c r="A3911" s="11"/>
      <c r="B3911" s="8"/>
    </row>
    <row r="3912" spans="1:2" x14ac:dyDescent="0.3">
      <c r="A3912" s="11"/>
      <c r="B3912" s="8"/>
    </row>
    <row r="3913" spans="1:2" x14ac:dyDescent="0.3">
      <c r="A3913" s="11"/>
      <c r="B3913" s="8"/>
    </row>
    <row r="3914" spans="1:2" x14ac:dyDescent="0.3">
      <c r="A3914" s="11"/>
      <c r="B3914" s="8"/>
    </row>
    <row r="3915" spans="1:2" x14ac:dyDescent="0.3">
      <c r="A3915" s="11"/>
      <c r="B3915" s="8"/>
    </row>
    <row r="3916" spans="1:2" x14ac:dyDescent="0.3">
      <c r="A3916" s="11"/>
      <c r="B3916" s="8"/>
    </row>
    <row r="3917" spans="1:2" x14ac:dyDescent="0.3">
      <c r="A3917" s="11"/>
      <c r="B3917" s="8"/>
    </row>
    <row r="3918" spans="1:2" x14ac:dyDescent="0.3">
      <c r="A3918" s="11"/>
      <c r="B3918" s="8"/>
    </row>
    <row r="3919" spans="1:2" x14ac:dyDescent="0.3">
      <c r="A3919" s="11"/>
      <c r="B3919" s="8"/>
    </row>
    <row r="3920" spans="1:2" x14ac:dyDescent="0.3">
      <c r="A3920" s="11"/>
      <c r="B3920" s="8"/>
    </row>
    <row r="3921" spans="1:2" x14ac:dyDescent="0.3">
      <c r="A3921" s="11"/>
      <c r="B3921" s="8"/>
    </row>
    <row r="3922" spans="1:2" x14ac:dyDescent="0.3">
      <c r="A3922" s="11"/>
      <c r="B3922" s="8"/>
    </row>
    <row r="3923" spans="1:2" x14ac:dyDescent="0.3">
      <c r="A3923" s="11"/>
      <c r="B3923" s="8"/>
    </row>
    <row r="3924" spans="1:2" x14ac:dyDescent="0.3">
      <c r="A3924" s="11"/>
      <c r="B3924" s="8"/>
    </row>
    <row r="3925" spans="1:2" x14ac:dyDescent="0.3">
      <c r="A3925" s="11"/>
      <c r="B3925" s="8"/>
    </row>
    <row r="3926" spans="1:2" x14ac:dyDescent="0.3">
      <c r="A3926" s="11"/>
      <c r="B3926" s="8"/>
    </row>
    <row r="3927" spans="1:2" x14ac:dyDescent="0.3">
      <c r="A3927" s="11"/>
      <c r="B3927" s="8"/>
    </row>
    <row r="3928" spans="1:2" x14ac:dyDescent="0.3">
      <c r="A3928" s="11"/>
      <c r="B3928" s="8"/>
    </row>
    <row r="3929" spans="1:2" x14ac:dyDescent="0.3">
      <c r="A3929" s="11"/>
      <c r="B3929" s="8"/>
    </row>
    <row r="3930" spans="1:2" x14ac:dyDescent="0.3">
      <c r="A3930" s="11"/>
      <c r="B3930" s="8"/>
    </row>
    <row r="3931" spans="1:2" x14ac:dyDescent="0.3">
      <c r="A3931" s="11"/>
      <c r="B3931" s="8"/>
    </row>
    <row r="3932" spans="1:2" x14ac:dyDescent="0.3">
      <c r="A3932" s="11"/>
      <c r="B3932" s="8"/>
    </row>
    <row r="3933" spans="1:2" x14ac:dyDescent="0.3">
      <c r="A3933" s="11"/>
      <c r="B3933" s="8"/>
    </row>
    <row r="3934" spans="1:2" x14ac:dyDescent="0.3">
      <c r="A3934" s="11"/>
      <c r="B3934" s="8"/>
    </row>
    <row r="3935" spans="1:2" x14ac:dyDescent="0.3">
      <c r="A3935" s="11"/>
      <c r="B3935" s="8"/>
    </row>
    <row r="3936" spans="1:2" x14ac:dyDescent="0.3">
      <c r="A3936" s="11"/>
      <c r="B3936" s="8"/>
    </row>
    <row r="3937" spans="1:2" x14ac:dyDescent="0.3">
      <c r="A3937" s="11"/>
      <c r="B3937" s="8"/>
    </row>
    <row r="3938" spans="1:2" x14ac:dyDescent="0.3">
      <c r="A3938" s="11"/>
      <c r="B3938" s="8"/>
    </row>
    <row r="3939" spans="1:2" x14ac:dyDescent="0.3">
      <c r="A3939" s="11"/>
      <c r="B3939" s="8"/>
    </row>
    <row r="3940" spans="1:2" x14ac:dyDescent="0.3">
      <c r="A3940" s="11"/>
      <c r="B3940" s="8"/>
    </row>
    <row r="3941" spans="1:2" x14ac:dyDescent="0.3">
      <c r="A3941" s="11"/>
      <c r="B3941" s="8"/>
    </row>
    <row r="3942" spans="1:2" x14ac:dyDescent="0.3">
      <c r="A3942" s="11"/>
      <c r="B3942" s="8"/>
    </row>
    <row r="3943" spans="1:2" x14ac:dyDescent="0.3">
      <c r="A3943" s="11"/>
      <c r="B3943" s="8"/>
    </row>
    <row r="3944" spans="1:2" x14ac:dyDescent="0.3">
      <c r="A3944" s="11"/>
      <c r="B3944" s="8"/>
    </row>
    <row r="3945" spans="1:2" x14ac:dyDescent="0.3">
      <c r="A3945" s="11"/>
      <c r="B3945" s="8"/>
    </row>
    <row r="3946" spans="1:2" x14ac:dyDescent="0.3">
      <c r="A3946" s="11"/>
      <c r="B3946" s="8"/>
    </row>
    <row r="3947" spans="1:2" x14ac:dyDescent="0.3">
      <c r="A3947" s="11"/>
      <c r="B3947" s="8"/>
    </row>
    <row r="3948" spans="1:2" x14ac:dyDescent="0.3">
      <c r="A3948" s="11"/>
      <c r="B3948" s="8"/>
    </row>
    <row r="3949" spans="1:2" x14ac:dyDescent="0.3">
      <c r="A3949" s="11"/>
      <c r="B3949" s="8"/>
    </row>
    <row r="3950" spans="1:2" x14ac:dyDescent="0.3">
      <c r="A3950" s="11"/>
      <c r="B3950" s="8"/>
    </row>
    <row r="3951" spans="1:2" x14ac:dyDescent="0.3">
      <c r="A3951" s="11"/>
      <c r="B3951" s="8"/>
    </row>
    <row r="3952" spans="1:2" x14ac:dyDescent="0.3">
      <c r="A3952" s="11"/>
      <c r="B3952" s="8"/>
    </row>
    <row r="3953" spans="1:2" x14ac:dyDescent="0.3">
      <c r="A3953" s="11"/>
      <c r="B3953" s="8"/>
    </row>
    <row r="3954" spans="1:2" x14ac:dyDescent="0.3">
      <c r="A3954" s="11"/>
      <c r="B3954" s="8"/>
    </row>
    <row r="3955" spans="1:2" x14ac:dyDescent="0.3">
      <c r="A3955" s="11"/>
      <c r="B3955" s="8"/>
    </row>
    <row r="3956" spans="1:2" x14ac:dyDescent="0.3">
      <c r="A3956" s="11"/>
      <c r="B3956" s="8"/>
    </row>
    <row r="3957" spans="1:2" x14ac:dyDescent="0.3">
      <c r="A3957" s="11"/>
      <c r="B3957" s="8"/>
    </row>
    <row r="3958" spans="1:2" x14ac:dyDescent="0.3">
      <c r="A3958" s="11"/>
      <c r="B3958" s="8"/>
    </row>
    <row r="3959" spans="1:2" x14ac:dyDescent="0.3">
      <c r="A3959" s="11"/>
      <c r="B3959" s="8"/>
    </row>
    <row r="3960" spans="1:2" x14ac:dyDescent="0.3">
      <c r="A3960" s="11"/>
      <c r="B3960" s="8"/>
    </row>
    <row r="3961" spans="1:2" x14ac:dyDescent="0.3">
      <c r="A3961" s="11"/>
      <c r="B3961" s="8"/>
    </row>
    <row r="3962" spans="1:2" x14ac:dyDescent="0.3">
      <c r="A3962" s="11"/>
      <c r="B3962" s="8"/>
    </row>
    <row r="3963" spans="1:2" x14ac:dyDescent="0.3">
      <c r="A3963" s="11"/>
      <c r="B3963" s="8"/>
    </row>
    <row r="3964" spans="1:2" x14ac:dyDescent="0.3">
      <c r="A3964" s="11"/>
      <c r="B3964" s="8"/>
    </row>
    <row r="3965" spans="1:2" x14ac:dyDescent="0.3">
      <c r="A3965" s="11"/>
      <c r="B3965" s="8"/>
    </row>
    <row r="3966" spans="1:2" x14ac:dyDescent="0.3">
      <c r="A3966" s="11"/>
      <c r="B3966" s="8"/>
    </row>
    <row r="3967" spans="1:2" x14ac:dyDescent="0.3">
      <c r="A3967" s="11"/>
      <c r="B3967" s="8"/>
    </row>
    <row r="3968" spans="1:2" x14ac:dyDescent="0.3">
      <c r="A3968" s="11"/>
      <c r="B3968" s="8"/>
    </row>
    <row r="3969" spans="1:2" x14ac:dyDescent="0.3">
      <c r="A3969" s="11"/>
      <c r="B3969" s="8"/>
    </row>
    <row r="3970" spans="1:2" x14ac:dyDescent="0.3">
      <c r="A3970" s="11"/>
      <c r="B3970" s="8"/>
    </row>
    <row r="3971" spans="1:2" x14ac:dyDescent="0.3">
      <c r="A3971" s="11"/>
      <c r="B3971" s="8"/>
    </row>
    <row r="3972" spans="1:2" x14ac:dyDescent="0.3">
      <c r="A3972" s="11"/>
      <c r="B3972" s="8"/>
    </row>
    <row r="3973" spans="1:2" x14ac:dyDescent="0.3">
      <c r="A3973" s="11"/>
      <c r="B3973" s="8"/>
    </row>
    <row r="3974" spans="1:2" x14ac:dyDescent="0.3">
      <c r="A3974" s="11"/>
      <c r="B3974" s="8"/>
    </row>
    <row r="3975" spans="1:2" x14ac:dyDescent="0.3">
      <c r="A3975" s="11"/>
      <c r="B3975" s="8"/>
    </row>
    <row r="3976" spans="1:2" x14ac:dyDescent="0.3">
      <c r="A3976" s="11"/>
      <c r="B3976" s="8"/>
    </row>
    <row r="3977" spans="1:2" x14ac:dyDescent="0.3">
      <c r="A3977" s="11"/>
      <c r="B3977" s="8"/>
    </row>
    <row r="3978" spans="1:2" x14ac:dyDescent="0.3">
      <c r="A3978" s="11"/>
      <c r="B3978" s="8"/>
    </row>
    <row r="3979" spans="1:2" x14ac:dyDescent="0.3">
      <c r="A3979" s="11"/>
      <c r="B3979" s="8"/>
    </row>
    <row r="3980" spans="1:2" x14ac:dyDescent="0.3">
      <c r="A3980" s="11"/>
      <c r="B3980" s="8"/>
    </row>
    <row r="3981" spans="1:2" x14ac:dyDescent="0.3">
      <c r="A3981" s="11"/>
      <c r="B3981" s="8"/>
    </row>
    <row r="3982" spans="1:2" x14ac:dyDescent="0.3">
      <c r="A3982" s="11"/>
      <c r="B3982" s="8"/>
    </row>
    <row r="3983" spans="1:2" x14ac:dyDescent="0.3">
      <c r="A3983" s="11"/>
      <c r="B3983" s="8"/>
    </row>
    <row r="3984" spans="1:2" x14ac:dyDescent="0.3">
      <c r="A3984" s="11"/>
      <c r="B3984" s="8"/>
    </row>
    <row r="3985" spans="1:2" x14ac:dyDescent="0.3">
      <c r="A3985" s="11"/>
      <c r="B3985" s="8"/>
    </row>
    <row r="3986" spans="1:2" x14ac:dyDescent="0.3">
      <c r="A3986" s="11"/>
      <c r="B3986" s="8"/>
    </row>
    <row r="3987" spans="1:2" x14ac:dyDescent="0.3">
      <c r="A3987" s="11"/>
      <c r="B3987" s="8"/>
    </row>
    <row r="3988" spans="1:2" x14ac:dyDescent="0.3">
      <c r="A3988" s="11"/>
      <c r="B3988" s="8"/>
    </row>
    <row r="3989" spans="1:2" x14ac:dyDescent="0.3">
      <c r="A3989" s="11"/>
      <c r="B3989" s="8"/>
    </row>
    <row r="3990" spans="1:2" x14ac:dyDescent="0.3">
      <c r="A3990" s="11"/>
      <c r="B3990" s="8"/>
    </row>
    <row r="3991" spans="1:2" x14ac:dyDescent="0.3">
      <c r="A3991" s="11"/>
      <c r="B3991" s="8"/>
    </row>
    <row r="3992" spans="1:2" x14ac:dyDescent="0.3">
      <c r="A3992" s="11"/>
      <c r="B3992" s="8"/>
    </row>
    <row r="3993" spans="1:2" x14ac:dyDescent="0.3">
      <c r="A3993" s="11"/>
      <c r="B3993" s="8"/>
    </row>
    <row r="3994" spans="1:2" x14ac:dyDescent="0.3">
      <c r="A3994" s="11"/>
      <c r="B3994" s="8"/>
    </row>
    <row r="3995" spans="1:2" x14ac:dyDescent="0.3">
      <c r="A3995" s="11"/>
      <c r="B3995" s="8"/>
    </row>
    <row r="3996" spans="1:2" x14ac:dyDescent="0.3">
      <c r="A3996" s="11"/>
      <c r="B3996" s="8"/>
    </row>
    <row r="3997" spans="1:2" x14ac:dyDescent="0.3">
      <c r="A3997" s="11"/>
      <c r="B3997" s="8"/>
    </row>
    <row r="3998" spans="1:2" x14ac:dyDescent="0.3">
      <c r="A3998" s="11"/>
      <c r="B3998" s="8"/>
    </row>
    <row r="3999" spans="1:2" x14ac:dyDescent="0.3">
      <c r="A3999" s="11"/>
      <c r="B3999" s="8"/>
    </row>
    <row r="4000" spans="1:2" x14ac:dyDescent="0.3">
      <c r="A4000" s="11"/>
      <c r="B4000" s="8"/>
    </row>
    <row r="4001" spans="1:2" x14ac:dyDescent="0.3">
      <c r="A4001" s="11"/>
      <c r="B4001" s="8"/>
    </row>
    <row r="4002" spans="1:2" x14ac:dyDescent="0.3">
      <c r="A4002" s="11"/>
      <c r="B4002" s="8"/>
    </row>
    <row r="4003" spans="1:2" x14ac:dyDescent="0.3">
      <c r="A4003" s="11"/>
      <c r="B4003" s="8"/>
    </row>
    <row r="4004" spans="1:2" x14ac:dyDescent="0.3">
      <c r="A4004" s="11"/>
      <c r="B4004" s="8"/>
    </row>
    <row r="4005" spans="1:2" x14ac:dyDescent="0.3">
      <c r="A4005" s="11"/>
      <c r="B4005" s="8"/>
    </row>
    <row r="4006" spans="1:2" x14ac:dyDescent="0.3">
      <c r="A4006" s="11"/>
      <c r="B4006" s="8"/>
    </row>
    <row r="4007" spans="1:2" x14ac:dyDescent="0.3">
      <c r="A4007" s="11"/>
      <c r="B4007" s="8"/>
    </row>
    <row r="4008" spans="1:2" x14ac:dyDescent="0.3">
      <c r="A4008" s="11"/>
      <c r="B4008" s="8"/>
    </row>
    <row r="4009" spans="1:2" x14ac:dyDescent="0.3">
      <c r="A4009" s="11"/>
      <c r="B4009" s="8"/>
    </row>
    <row r="4010" spans="1:2" x14ac:dyDescent="0.3">
      <c r="A4010" s="11"/>
      <c r="B4010" s="8"/>
    </row>
    <row r="4011" spans="1:2" x14ac:dyDescent="0.3">
      <c r="A4011" s="11"/>
      <c r="B4011" s="8"/>
    </row>
    <row r="4012" spans="1:2" x14ac:dyDescent="0.3">
      <c r="A4012" s="11"/>
      <c r="B4012" s="8"/>
    </row>
    <row r="4013" spans="1:2" x14ac:dyDescent="0.3">
      <c r="A4013" s="11"/>
      <c r="B4013" s="8"/>
    </row>
    <row r="4014" spans="1:2" x14ac:dyDescent="0.3">
      <c r="A4014" s="11"/>
      <c r="B4014" s="8"/>
    </row>
    <row r="4015" spans="1:2" x14ac:dyDescent="0.3">
      <c r="A4015" s="11"/>
      <c r="B4015" s="8"/>
    </row>
    <row r="4016" spans="1:2" x14ac:dyDescent="0.3">
      <c r="A4016" s="11"/>
      <c r="B4016" s="8"/>
    </row>
    <row r="4017" spans="1:2" x14ac:dyDescent="0.3">
      <c r="A4017" s="11"/>
      <c r="B4017" s="8"/>
    </row>
    <row r="4018" spans="1:2" x14ac:dyDescent="0.3">
      <c r="A4018" s="11"/>
      <c r="B4018" s="8"/>
    </row>
    <row r="4019" spans="1:2" x14ac:dyDescent="0.3">
      <c r="A4019" s="11"/>
      <c r="B4019" s="8"/>
    </row>
    <row r="4020" spans="1:2" x14ac:dyDescent="0.3">
      <c r="A4020" s="11"/>
      <c r="B4020" s="8"/>
    </row>
    <row r="4021" spans="1:2" x14ac:dyDescent="0.3">
      <c r="A4021" s="11"/>
      <c r="B4021" s="8"/>
    </row>
    <row r="4022" spans="1:2" x14ac:dyDescent="0.3">
      <c r="A4022" s="11"/>
      <c r="B4022" s="8"/>
    </row>
    <row r="4023" spans="1:2" x14ac:dyDescent="0.3">
      <c r="A4023" s="11"/>
      <c r="B4023" s="8"/>
    </row>
    <row r="4024" spans="1:2" x14ac:dyDescent="0.3">
      <c r="A4024" s="11"/>
      <c r="B4024" s="8"/>
    </row>
    <row r="4025" spans="1:2" x14ac:dyDescent="0.3">
      <c r="A4025" s="11"/>
      <c r="B4025" s="8"/>
    </row>
    <row r="4026" spans="1:2" x14ac:dyDescent="0.3">
      <c r="A4026" s="11"/>
      <c r="B4026" s="8"/>
    </row>
    <row r="4027" spans="1:2" x14ac:dyDescent="0.3">
      <c r="A4027" s="11"/>
      <c r="B4027" s="8"/>
    </row>
    <row r="4028" spans="1:2" x14ac:dyDescent="0.3">
      <c r="A4028" s="11"/>
      <c r="B4028" s="8"/>
    </row>
    <row r="4029" spans="1:2" x14ac:dyDescent="0.3">
      <c r="A4029" s="11"/>
      <c r="B4029" s="8"/>
    </row>
    <row r="4030" spans="1:2" x14ac:dyDescent="0.3">
      <c r="A4030" s="11"/>
      <c r="B4030" s="8"/>
    </row>
    <row r="4031" spans="1:2" x14ac:dyDescent="0.3">
      <c r="A4031" s="11"/>
      <c r="B4031" s="8"/>
    </row>
    <row r="4032" spans="1:2" x14ac:dyDescent="0.3">
      <c r="A4032" s="11"/>
      <c r="B4032" s="8"/>
    </row>
    <row r="4033" spans="1:2" x14ac:dyDescent="0.3">
      <c r="A4033" s="11"/>
      <c r="B4033" s="8"/>
    </row>
    <row r="4034" spans="1:2" x14ac:dyDescent="0.3">
      <c r="A4034" s="11"/>
      <c r="B4034" s="8"/>
    </row>
    <row r="4035" spans="1:2" x14ac:dyDescent="0.3">
      <c r="A4035" s="11"/>
      <c r="B4035" s="8"/>
    </row>
    <row r="4036" spans="1:2" x14ac:dyDescent="0.3">
      <c r="A4036" s="11"/>
      <c r="B4036" s="8"/>
    </row>
    <row r="4037" spans="1:2" x14ac:dyDescent="0.3">
      <c r="A4037" s="11"/>
      <c r="B4037" s="8"/>
    </row>
    <row r="4038" spans="1:2" x14ac:dyDescent="0.3">
      <c r="A4038" s="11"/>
      <c r="B4038" s="8"/>
    </row>
    <row r="4039" spans="1:2" x14ac:dyDescent="0.3">
      <c r="A4039" s="11"/>
      <c r="B4039" s="8"/>
    </row>
    <row r="4040" spans="1:2" x14ac:dyDescent="0.3">
      <c r="A4040" s="11"/>
      <c r="B4040" s="8"/>
    </row>
    <row r="4041" spans="1:2" x14ac:dyDescent="0.3">
      <c r="A4041" s="11"/>
      <c r="B4041" s="8"/>
    </row>
    <row r="4042" spans="1:2" x14ac:dyDescent="0.3">
      <c r="A4042" s="11"/>
      <c r="B4042" s="8"/>
    </row>
    <row r="4043" spans="1:2" x14ac:dyDescent="0.3">
      <c r="A4043" s="11"/>
      <c r="B4043" s="8"/>
    </row>
    <row r="4044" spans="1:2" x14ac:dyDescent="0.3">
      <c r="A4044" s="11"/>
      <c r="B4044" s="8"/>
    </row>
    <row r="4045" spans="1:2" x14ac:dyDescent="0.3">
      <c r="A4045" s="11"/>
      <c r="B4045" s="8"/>
    </row>
    <row r="4046" spans="1:2" x14ac:dyDescent="0.3">
      <c r="A4046" s="11"/>
      <c r="B4046" s="8"/>
    </row>
    <row r="4047" spans="1:2" x14ac:dyDescent="0.3">
      <c r="A4047" s="11"/>
      <c r="B4047" s="8"/>
    </row>
    <row r="4048" spans="1:2" x14ac:dyDescent="0.3">
      <c r="A4048" s="11"/>
      <c r="B4048" s="8"/>
    </row>
    <row r="4049" spans="1:2" x14ac:dyDescent="0.3">
      <c r="A4049" s="11"/>
      <c r="B4049" s="8"/>
    </row>
    <row r="4050" spans="1:2" x14ac:dyDescent="0.3">
      <c r="A4050" s="11"/>
      <c r="B4050" s="8"/>
    </row>
    <row r="4051" spans="1:2" x14ac:dyDescent="0.3">
      <c r="A4051" s="11"/>
      <c r="B4051" s="8"/>
    </row>
    <row r="4052" spans="1:2" x14ac:dyDescent="0.3">
      <c r="A4052" s="11"/>
      <c r="B4052" s="8"/>
    </row>
    <row r="4053" spans="1:2" x14ac:dyDescent="0.3">
      <c r="A4053" s="11"/>
      <c r="B4053" s="8"/>
    </row>
    <row r="4054" spans="1:2" x14ac:dyDescent="0.3">
      <c r="A4054" s="11"/>
      <c r="B4054" s="8"/>
    </row>
    <row r="4055" spans="1:2" x14ac:dyDescent="0.3">
      <c r="A4055" s="11"/>
      <c r="B4055" s="8"/>
    </row>
    <row r="4056" spans="1:2" x14ac:dyDescent="0.3">
      <c r="A4056" s="11"/>
      <c r="B4056" s="8"/>
    </row>
    <row r="4057" spans="1:2" x14ac:dyDescent="0.3">
      <c r="A4057" s="11"/>
      <c r="B4057" s="8"/>
    </row>
    <row r="4058" spans="1:2" x14ac:dyDescent="0.3">
      <c r="A4058" s="11"/>
      <c r="B4058" s="8"/>
    </row>
    <row r="4059" spans="1:2" x14ac:dyDescent="0.3">
      <c r="A4059" s="11"/>
      <c r="B4059" s="8"/>
    </row>
    <row r="4060" spans="1:2" x14ac:dyDescent="0.3">
      <c r="A4060" s="11"/>
      <c r="B4060" s="8"/>
    </row>
    <row r="4061" spans="1:2" x14ac:dyDescent="0.3">
      <c r="A4061" s="11"/>
      <c r="B4061" s="8"/>
    </row>
    <row r="4062" spans="1:2" x14ac:dyDescent="0.3">
      <c r="A4062" s="11"/>
      <c r="B4062" s="8"/>
    </row>
    <row r="4063" spans="1:2" x14ac:dyDescent="0.3">
      <c r="A4063" s="11"/>
      <c r="B4063" s="8"/>
    </row>
    <row r="4064" spans="1:2" x14ac:dyDescent="0.3">
      <c r="A4064" s="11"/>
      <c r="B4064" s="8"/>
    </row>
    <row r="4065" spans="1:2" x14ac:dyDescent="0.3">
      <c r="A4065" s="11"/>
      <c r="B4065" s="8"/>
    </row>
    <row r="4066" spans="1:2" x14ac:dyDescent="0.3">
      <c r="A4066" s="11"/>
      <c r="B4066" s="8"/>
    </row>
    <row r="4067" spans="1:2" x14ac:dyDescent="0.3">
      <c r="A4067" s="11"/>
      <c r="B4067" s="8"/>
    </row>
    <row r="4068" spans="1:2" x14ac:dyDescent="0.3">
      <c r="A4068" s="11"/>
      <c r="B4068" s="8"/>
    </row>
    <row r="4069" spans="1:2" x14ac:dyDescent="0.3">
      <c r="A4069" s="11"/>
      <c r="B4069" s="8"/>
    </row>
    <row r="4070" spans="1:2" x14ac:dyDescent="0.3">
      <c r="A4070" s="11"/>
      <c r="B4070" s="8"/>
    </row>
    <row r="4071" spans="1:2" x14ac:dyDescent="0.3">
      <c r="A4071" s="11"/>
      <c r="B4071" s="8"/>
    </row>
    <row r="4072" spans="1:2" x14ac:dyDescent="0.3">
      <c r="A4072" s="11"/>
      <c r="B4072" s="8"/>
    </row>
    <row r="4073" spans="1:2" x14ac:dyDescent="0.3">
      <c r="A4073" s="11"/>
      <c r="B4073" s="8"/>
    </row>
    <row r="4074" spans="1:2" x14ac:dyDescent="0.3">
      <c r="A4074" s="11"/>
      <c r="B4074" s="8"/>
    </row>
    <row r="4075" spans="1:2" x14ac:dyDescent="0.3">
      <c r="A4075" s="11"/>
      <c r="B4075" s="8"/>
    </row>
    <row r="4076" spans="1:2" x14ac:dyDescent="0.3">
      <c r="A4076" s="11"/>
      <c r="B4076" s="8"/>
    </row>
    <row r="4077" spans="1:2" x14ac:dyDescent="0.3">
      <c r="A4077" s="11"/>
      <c r="B4077" s="8"/>
    </row>
    <row r="4078" spans="1:2" x14ac:dyDescent="0.3">
      <c r="A4078" s="11"/>
      <c r="B4078" s="8"/>
    </row>
    <row r="4079" spans="1:2" x14ac:dyDescent="0.3">
      <c r="A4079" s="11"/>
      <c r="B4079" s="8"/>
    </row>
    <row r="4080" spans="1:2" x14ac:dyDescent="0.3">
      <c r="A4080" s="11"/>
      <c r="B4080" s="8"/>
    </row>
    <row r="4081" spans="1:2" x14ac:dyDescent="0.3">
      <c r="A4081" s="11"/>
      <c r="B4081" s="8"/>
    </row>
    <row r="4082" spans="1:2" x14ac:dyDescent="0.3">
      <c r="A4082" s="11"/>
      <c r="B4082" s="8"/>
    </row>
    <row r="4083" spans="1:2" x14ac:dyDescent="0.3">
      <c r="A4083" s="11"/>
      <c r="B4083" s="8"/>
    </row>
    <row r="4084" spans="1:2" x14ac:dyDescent="0.3">
      <c r="A4084" s="11"/>
      <c r="B4084" s="8"/>
    </row>
    <row r="4085" spans="1:2" x14ac:dyDescent="0.3">
      <c r="A4085" s="11"/>
      <c r="B4085" s="8"/>
    </row>
    <row r="4086" spans="1:2" x14ac:dyDescent="0.3">
      <c r="A4086" s="11"/>
      <c r="B4086" s="8"/>
    </row>
    <row r="4087" spans="1:2" x14ac:dyDescent="0.3">
      <c r="A4087" s="11"/>
      <c r="B4087" s="8"/>
    </row>
    <row r="4088" spans="1:2" x14ac:dyDescent="0.3">
      <c r="A4088" s="11"/>
      <c r="B4088" s="8"/>
    </row>
    <row r="4089" spans="1:2" x14ac:dyDescent="0.3">
      <c r="A4089" s="11"/>
      <c r="B4089" s="8"/>
    </row>
    <row r="4090" spans="1:2" x14ac:dyDescent="0.3">
      <c r="A4090" s="11"/>
      <c r="B4090" s="8"/>
    </row>
    <row r="4091" spans="1:2" x14ac:dyDescent="0.3">
      <c r="A4091" s="11"/>
      <c r="B4091" s="8"/>
    </row>
    <row r="4092" spans="1:2" x14ac:dyDescent="0.3">
      <c r="A4092" s="11"/>
      <c r="B4092" s="8"/>
    </row>
    <row r="4093" spans="1:2" x14ac:dyDescent="0.3">
      <c r="A4093" s="11"/>
      <c r="B4093" s="8"/>
    </row>
    <row r="4094" spans="1:2" x14ac:dyDescent="0.3">
      <c r="A4094" s="11"/>
      <c r="B4094" s="8"/>
    </row>
    <row r="4095" spans="1:2" x14ac:dyDescent="0.3">
      <c r="A4095" s="11"/>
      <c r="B4095" s="8"/>
    </row>
    <row r="4096" spans="1:2" x14ac:dyDescent="0.3">
      <c r="A4096" s="11"/>
      <c r="B4096" s="8"/>
    </row>
    <row r="4097" spans="1:2" x14ac:dyDescent="0.3">
      <c r="A4097" s="11"/>
      <c r="B4097" s="8"/>
    </row>
    <row r="4098" spans="1:2" x14ac:dyDescent="0.3">
      <c r="A4098" s="11"/>
      <c r="B4098" s="8"/>
    </row>
    <row r="4099" spans="1:2" x14ac:dyDescent="0.3">
      <c r="A4099" s="11"/>
      <c r="B4099" s="8"/>
    </row>
    <row r="4100" spans="1:2" x14ac:dyDescent="0.3">
      <c r="A4100" s="11"/>
      <c r="B4100" s="8"/>
    </row>
    <row r="4101" spans="1:2" x14ac:dyDescent="0.3">
      <c r="A4101" s="11"/>
      <c r="B4101" s="8"/>
    </row>
    <row r="4102" spans="1:2" x14ac:dyDescent="0.3">
      <c r="A4102" s="11"/>
      <c r="B4102" s="8"/>
    </row>
    <row r="4103" spans="1:2" x14ac:dyDescent="0.3">
      <c r="A4103" s="11"/>
      <c r="B4103" s="8"/>
    </row>
    <row r="4104" spans="1:2" x14ac:dyDescent="0.3">
      <c r="A4104" s="11"/>
      <c r="B4104" s="8"/>
    </row>
    <row r="4105" spans="1:2" x14ac:dyDescent="0.3">
      <c r="A4105" s="11"/>
      <c r="B4105" s="8"/>
    </row>
    <row r="4106" spans="1:2" x14ac:dyDescent="0.3">
      <c r="A4106" s="11"/>
      <c r="B4106" s="8"/>
    </row>
    <row r="4107" spans="1:2" x14ac:dyDescent="0.3">
      <c r="A4107" s="11"/>
      <c r="B4107" s="8"/>
    </row>
    <row r="4108" spans="1:2" x14ac:dyDescent="0.3">
      <c r="A4108" s="11"/>
      <c r="B4108" s="8"/>
    </row>
    <row r="4109" spans="1:2" x14ac:dyDescent="0.3">
      <c r="A4109" s="11"/>
      <c r="B4109" s="8"/>
    </row>
    <row r="4110" spans="1:2" x14ac:dyDescent="0.3">
      <c r="A4110" s="11"/>
      <c r="B4110" s="8"/>
    </row>
    <row r="4111" spans="1:2" x14ac:dyDescent="0.3">
      <c r="A4111" s="11"/>
      <c r="B4111" s="8"/>
    </row>
    <row r="4112" spans="1:2" x14ac:dyDescent="0.3">
      <c r="A4112" s="11"/>
      <c r="B4112" s="8"/>
    </row>
    <row r="4113" spans="1:2" x14ac:dyDescent="0.3">
      <c r="A4113" s="11"/>
      <c r="B4113" s="8"/>
    </row>
    <row r="4114" spans="1:2" x14ac:dyDescent="0.3">
      <c r="A4114" s="11"/>
      <c r="B4114" s="8"/>
    </row>
    <row r="4115" spans="1:2" x14ac:dyDescent="0.3">
      <c r="A4115" s="11"/>
      <c r="B4115" s="8"/>
    </row>
    <row r="4116" spans="1:2" x14ac:dyDescent="0.3">
      <c r="A4116" s="11"/>
      <c r="B4116" s="8"/>
    </row>
    <row r="4117" spans="1:2" x14ac:dyDescent="0.3">
      <c r="A4117" s="11"/>
      <c r="B4117" s="8"/>
    </row>
    <row r="4118" spans="1:2" x14ac:dyDescent="0.3">
      <c r="A4118" s="11"/>
      <c r="B4118" s="8"/>
    </row>
    <row r="4119" spans="1:2" x14ac:dyDescent="0.3">
      <c r="A4119" s="11"/>
      <c r="B4119" s="8"/>
    </row>
    <row r="4120" spans="1:2" x14ac:dyDescent="0.3">
      <c r="A4120" s="11"/>
      <c r="B4120" s="8"/>
    </row>
    <row r="4121" spans="1:2" x14ac:dyDescent="0.3">
      <c r="A4121" s="11"/>
      <c r="B4121" s="8"/>
    </row>
    <row r="4122" spans="1:2" x14ac:dyDescent="0.3">
      <c r="A4122" s="11"/>
      <c r="B4122" s="8"/>
    </row>
    <row r="4123" spans="1:2" x14ac:dyDescent="0.3">
      <c r="A4123" s="11"/>
      <c r="B4123" s="8"/>
    </row>
    <row r="4124" spans="1:2" x14ac:dyDescent="0.3">
      <c r="A4124" s="11"/>
      <c r="B4124" s="8"/>
    </row>
    <row r="4125" spans="1:2" x14ac:dyDescent="0.3">
      <c r="A4125" s="11"/>
      <c r="B4125" s="8"/>
    </row>
    <row r="4126" spans="1:2" x14ac:dyDescent="0.3">
      <c r="A4126" s="11"/>
      <c r="B4126" s="8"/>
    </row>
    <row r="4127" spans="1:2" x14ac:dyDescent="0.3">
      <c r="A4127" s="11"/>
      <c r="B4127" s="8"/>
    </row>
    <row r="4128" spans="1:2" x14ac:dyDescent="0.3">
      <c r="A4128" s="11"/>
      <c r="B4128" s="8"/>
    </row>
    <row r="4129" spans="1:2" x14ac:dyDescent="0.3">
      <c r="A4129" s="11"/>
      <c r="B4129" s="8"/>
    </row>
    <row r="4130" spans="1:2" x14ac:dyDescent="0.3">
      <c r="A4130" s="11"/>
      <c r="B4130" s="8"/>
    </row>
    <row r="4131" spans="1:2" x14ac:dyDescent="0.3">
      <c r="A4131" s="11"/>
      <c r="B4131" s="8"/>
    </row>
    <row r="4132" spans="1:2" x14ac:dyDescent="0.3">
      <c r="A4132" s="11"/>
      <c r="B4132" s="8"/>
    </row>
    <row r="4133" spans="1:2" x14ac:dyDescent="0.3">
      <c r="A4133" s="11"/>
      <c r="B4133" s="8"/>
    </row>
    <row r="4134" spans="1:2" x14ac:dyDescent="0.3">
      <c r="A4134" s="11"/>
      <c r="B4134" s="8"/>
    </row>
    <row r="4135" spans="1:2" x14ac:dyDescent="0.3">
      <c r="A4135" s="11"/>
      <c r="B4135" s="8"/>
    </row>
    <row r="4136" spans="1:2" x14ac:dyDescent="0.3">
      <c r="A4136" s="11"/>
      <c r="B4136" s="8"/>
    </row>
    <row r="4137" spans="1:2" x14ac:dyDescent="0.3">
      <c r="A4137" s="11"/>
      <c r="B4137" s="8"/>
    </row>
    <row r="4138" spans="1:2" x14ac:dyDescent="0.3">
      <c r="A4138" s="11"/>
      <c r="B4138" s="8"/>
    </row>
    <row r="4139" spans="1:2" x14ac:dyDescent="0.3">
      <c r="A4139" s="11"/>
      <c r="B4139" s="8"/>
    </row>
    <row r="4140" spans="1:2" x14ac:dyDescent="0.3">
      <c r="A4140" s="11"/>
      <c r="B4140" s="8"/>
    </row>
    <row r="4141" spans="1:2" x14ac:dyDescent="0.3">
      <c r="A4141" s="11"/>
      <c r="B4141" s="8"/>
    </row>
    <row r="4142" spans="1:2" x14ac:dyDescent="0.3">
      <c r="A4142" s="11"/>
      <c r="B4142" s="8"/>
    </row>
    <row r="4143" spans="1:2" x14ac:dyDescent="0.3">
      <c r="A4143" s="11"/>
      <c r="B4143" s="8"/>
    </row>
    <row r="4144" spans="1:2" x14ac:dyDescent="0.3">
      <c r="A4144" s="11"/>
      <c r="B4144" s="8"/>
    </row>
    <row r="4145" spans="1:2" x14ac:dyDescent="0.3">
      <c r="A4145" s="11"/>
      <c r="B4145" s="8"/>
    </row>
    <row r="4146" spans="1:2" x14ac:dyDescent="0.3">
      <c r="A4146" s="11"/>
      <c r="B4146" s="8"/>
    </row>
    <row r="4147" spans="1:2" x14ac:dyDescent="0.3">
      <c r="A4147" s="11"/>
      <c r="B4147" s="8"/>
    </row>
    <row r="4148" spans="1:2" x14ac:dyDescent="0.3">
      <c r="A4148" s="11"/>
      <c r="B4148" s="8"/>
    </row>
    <row r="4149" spans="1:2" x14ac:dyDescent="0.3">
      <c r="A4149" s="11"/>
      <c r="B4149" s="8"/>
    </row>
    <row r="4150" spans="1:2" x14ac:dyDescent="0.3">
      <c r="A4150" s="11"/>
      <c r="B4150" s="8"/>
    </row>
    <row r="4151" spans="1:2" x14ac:dyDescent="0.3">
      <c r="A4151" s="11"/>
      <c r="B4151" s="8"/>
    </row>
    <row r="4152" spans="1:2" x14ac:dyDescent="0.3">
      <c r="A4152" s="11"/>
      <c r="B4152" s="8"/>
    </row>
    <row r="4153" spans="1:2" x14ac:dyDescent="0.3">
      <c r="A4153" s="11"/>
      <c r="B4153" s="8"/>
    </row>
    <row r="4154" spans="1:2" x14ac:dyDescent="0.3">
      <c r="A4154" s="11"/>
      <c r="B4154" s="8"/>
    </row>
    <row r="4155" spans="1:2" x14ac:dyDescent="0.3">
      <c r="A4155" s="11"/>
      <c r="B4155" s="8"/>
    </row>
    <row r="4156" spans="1:2" x14ac:dyDescent="0.3">
      <c r="A4156" s="11"/>
      <c r="B4156" s="8"/>
    </row>
    <row r="4157" spans="1:2" x14ac:dyDescent="0.3">
      <c r="A4157" s="11"/>
      <c r="B4157" s="8"/>
    </row>
    <row r="4158" spans="1:2" x14ac:dyDescent="0.3">
      <c r="A4158" s="11"/>
      <c r="B4158" s="8"/>
    </row>
    <row r="4159" spans="1:2" x14ac:dyDescent="0.3">
      <c r="A4159" s="11"/>
      <c r="B4159" s="8"/>
    </row>
    <row r="4160" spans="1:2" x14ac:dyDescent="0.3">
      <c r="A4160" s="11"/>
      <c r="B4160" s="8"/>
    </row>
    <row r="4161" spans="1:2" x14ac:dyDescent="0.3">
      <c r="A4161" s="11"/>
      <c r="B4161" s="8"/>
    </row>
    <row r="4162" spans="1:2" x14ac:dyDescent="0.3">
      <c r="A4162" s="11"/>
      <c r="B4162" s="8"/>
    </row>
    <row r="4163" spans="1:2" x14ac:dyDescent="0.3">
      <c r="A4163" s="11"/>
      <c r="B4163" s="8"/>
    </row>
    <row r="4164" spans="1:2" x14ac:dyDescent="0.3">
      <c r="A4164" s="11"/>
      <c r="B4164" s="8"/>
    </row>
    <row r="4165" spans="1:2" x14ac:dyDescent="0.3">
      <c r="A4165" s="11"/>
      <c r="B4165" s="8"/>
    </row>
    <row r="4166" spans="1:2" x14ac:dyDescent="0.3">
      <c r="A4166" s="11"/>
      <c r="B4166" s="8"/>
    </row>
    <row r="4167" spans="1:2" x14ac:dyDescent="0.3">
      <c r="A4167" s="11"/>
      <c r="B4167" s="8"/>
    </row>
    <row r="4168" spans="1:2" x14ac:dyDescent="0.3">
      <c r="A4168" s="11"/>
      <c r="B4168" s="8"/>
    </row>
    <row r="4169" spans="1:2" x14ac:dyDescent="0.3">
      <c r="A4169" s="11"/>
      <c r="B4169" s="8"/>
    </row>
    <row r="4170" spans="1:2" x14ac:dyDescent="0.3">
      <c r="A4170" s="11"/>
      <c r="B4170" s="8"/>
    </row>
    <row r="4171" spans="1:2" x14ac:dyDescent="0.3">
      <c r="A4171" s="11"/>
      <c r="B4171" s="8"/>
    </row>
    <row r="4172" spans="1:2" x14ac:dyDescent="0.3">
      <c r="A4172" s="11"/>
      <c r="B4172" s="8"/>
    </row>
    <row r="4173" spans="1:2" x14ac:dyDescent="0.3">
      <c r="A4173" s="11"/>
      <c r="B4173" s="8"/>
    </row>
    <row r="4174" spans="1:2" x14ac:dyDescent="0.3">
      <c r="A4174" s="11"/>
      <c r="B4174" s="8"/>
    </row>
    <row r="4175" spans="1:2" x14ac:dyDescent="0.3">
      <c r="A4175" s="11"/>
      <c r="B4175" s="8"/>
    </row>
    <row r="4176" spans="1:2" x14ac:dyDescent="0.3">
      <c r="A4176" s="11"/>
      <c r="B4176" s="8"/>
    </row>
    <row r="4177" spans="1:2" x14ac:dyDescent="0.3">
      <c r="A4177" s="11"/>
      <c r="B4177" s="8"/>
    </row>
    <row r="4178" spans="1:2" x14ac:dyDescent="0.3">
      <c r="A4178" s="11"/>
      <c r="B4178" s="8"/>
    </row>
    <row r="4179" spans="1:2" x14ac:dyDescent="0.3">
      <c r="A4179" s="11"/>
      <c r="B4179" s="8"/>
    </row>
    <row r="4180" spans="1:2" x14ac:dyDescent="0.3">
      <c r="A4180" s="11"/>
      <c r="B4180" s="8"/>
    </row>
    <row r="4181" spans="1:2" x14ac:dyDescent="0.3">
      <c r="A4181" s="11"/>
      <c r="B4181" s="8"/>
    </row>
    <row r="4182" spans="1:2" x14ac:dyDescent="0.3">
      <c r="A4182" s="11"/>
      <c r="B4182" s="8"/>
    </row>
    <row r="4183" spans="1:2" x14ac:dyDescent="0.3">
      <c r="A4183" s="11"/>
      <c r="B4183" s="8"/>
    </row>
    <row r="4184" spans="1:2" x14ac:dyDescent="0.3">
      <c r="A4184" s="11"/>
      <c r="B4184" s="8"/>
    </row>
    <row r="4185" spans="1:2" x14ac:dyDescent="0.3">
      <c r="A4185" s="11"/>
      <c r="B4185" s="8"/>
    </row>
    <row r="4186" spans="1:2" x14ac:dyDescent="0.3">
      <c r="A4186" s="11"/>
      <c r="B4186" s="8"/>
    </row>
    <row r="4187" spans="1:2" x14ac:dyDescent="0.3">
      <c r="A4187" s="11"/>
      <c r="B4187" s="8"/>
    </row>
    <row r="4188" spans="1:2" x14ac:dyDescent="0.3">
      <c r="A4188" s="11"/>
      <c r="B4188" s="8"/>
    </row>
    <row r="4189" spans="1:2" x14ac:dyDescent="0.3">
      <c r="A4189" s="11"/>
      <c r="B4189" s="8"/>
    </row>
    <row r="4190" spans="1:2" x14ac:dyDescent="0.3">
      <c r="A4190" s="11"/>
      <c r="B4190" s="8"/>
    </row>
    <row r="4191" spans="1:2" x14ac:dyDescent="0.3">
      <c r="A4191" s="11"/>
      <c r="B4191" s="8"/>
    </row>
    <row r="4192" spans="1:2" x14ac:dyDescent="0.3">
      <c r="A4192" s="11"/>
      <c r="B4192" s="8"/>
    </row>
    <row r="4193" spans="1:2" x14ac:dyDescent="0.3">
      <c r="A4193" s="11"/>
      <c r="B4193" s="8"/>
    </row>
    <row r="4194" spans="1:2" x14ac:dyDescent="0.3">
      <c r="A4194" s="11"/>
      <c r="B4194" s="8"/>
    </row>
    <row r="4195" spans="1:2" x14ac:dyDescent="0.3">
      <c r="A4195" s="11"/>
      <c r="B4195" s="8"/>
    </row>
    <row r="4196" spans="1:2" x14ac:dyDescent="0.3">
      <c r="A4196" s="11"/>
      <c r="B4196" s="8"/>
    </row>
    <row r="4197" spans="1:2" x14ac:dyDescent="0.3">
      <c r="A4197" s="11"/>
      <c r="B4197" s="8"/>
    </row>
    <row r="4198" spans="1:2" x14ac:dyDescent="0.3">
      <c r="A4198" s="11"/>
      <c r="B4198" s="8"/>
    </row>
    <row r="4199" spans="1:2" x14ac:dyDescent="0.3">
      <c r="A4199" s="11"/>
      <c r="B4199" s="8"/>
    </row>
    <row r="4200" spans="1:2" x14ac:dyDescent="0.3">
      <c r="A4200" s="11"/>
      <c r="B4200" s="8"/>
    </row>
    <row r="4201" spans="1:2" x14ac:dyDescent="0.3">
      <c r="A4201" s="11"/>
      <c r="B4201" s="8"/>
    </row>
    <row r="4202" spans="1:2" x14ac:dyDescent="0.3">
      <c r="A4202" s="11"/>
      <c r="B4202" s="8"/>
    </row>
    <row r="4203" spans="1:2" x14ac:dyDescent="0.3">
      <c r="A4203" s="11"/>
      <c r="B4203" s="8"/>
    </row>
    <row r="4204" spans="1:2" x14ac:dyDescent="0.3">
      <c r="A4204" s="11"/>
      <c r="B4204" s="8"/>
    </row>
    <row r="4205" spans="1:2" x14ac:dyDescent="0.3">
      <c r="A4205" s="11"/>
      <c r="B4205" s="8"/>
    </row>
    <row r="4206" spans="1:2" x14ac:dyDescent="0.3">
      <c r="A4206" s="11"/>
      <c r="B4206" s="8"/>
    </row>
    <row r="4207" spans="1:2" x14ac:dyDescent="0.3">
      <c r="A4207" s="11"/>
      <c r="B4207" s="8"/>
    </row>
    <row r="4208" spans="1:2" x14ac:dyDescent="0.3">
      <c r="A4208" s="11"/>
      <c r="B4208" s="8"/>
    </row>
    <row r="4209" spans="1:2" x14ac:dyDescent="0.3">
      <c r="A4209" s="11"/>
      <c r="B4209" s="8"/>
    </row>
    <row r="4210" spans="1:2" x14ac:dyDescent="0.3">
      <c r="A4210" s="11"/>
      <c r="B4210" s="8"/>
    </row>
    <row r="4211" spans="1:2" x14ac:dyDescent="0.3">
      <c r="A4211" s="11"/>
      <c r="B4211" s="8"/>
    </row>
    <row r="4212" spans="1:2" x14ac:dyDescent="0.3">
      <c r="A4212" s="11"/>
      <c r="B4212" s="8"/>
    </row>
    <row r="4213" spans="1:2" x14ac:dyDescent="0.3">
      <c r="A4213" s="11"/>
      <c r="B4213" s="8"/>
    </row>
    <row r="4214" spans="1:2" x14ac:dyDescent="0.3">
      <c r="A4214" s="11"/>
      <c r="B4214" s="8"/>
    </row>
    <row r="4215" spans="1:2" x14ac:dyDescent="0.3">
      <c r="A4215" s="11"/>
      <c r="B4215" s="8"/>
    </row>
    <row r="4216" spans="1:2" x14ac:dyDescent="0.3">
      <c r="A4216" s="11"/>
      <c r="B4216" s="8"/>
    </row>
    <row r="4217" spans="1:2" x14ac:dyDescent="0.3">
      <c r="A4217" s="11"/>
      <c r="B4217" s="8"/>
    </row>
    <row r="4218" spans="1:2" x14ac:dyDescent="0.3">
      <c r="A4218" s="11"/>
      <c r="B4218" s="8"/>
    </row>
    <row r="4219" spans="1:2" x14ac:dyDescent="0.3">
      <c r="A4219" s="11"/>
      <c r="B4219" s="8"/>
    </row>
    <row r="4220" spans="1:2" x14ac:dyDescent="0.3">
      <c r="A4220" s="11"/>
      <c r="B4220" s="8"/>
    </row>
    <row r="4221" spans="1:2" x14ac:dyDescent="0.3">
      <c r="A4221" s="11"/>
      <c r="B4221" s="8"/>
    </row>
    <row r="4222" spans="1:2" x14ac:dyDescent="0.3">
      <c r="A4222" s="11"/>
      <c r="B4222" s="8"/>
    </row>
    <row r="4223" spans="1:2" x14ac:dyDescent="0.3">
      <c r="A4223" s="11"/>
      <c r="B4223" s="8"/>
    </row>
    <row r="4224" spans="1:2" x14ac:dyDescent="0.3">
      <c r="A4224" s="11"/>
      <c r="B4224" s="8"/>
    </row>
    <row r="4225" spans="1:2" x14ac:dyDescent="0.3">
      <c r="A4225" s="11"/>
      <c r="B4225" s="8"/>
    </row>
    <row r="4226" spans="1:2" x14ac:dyDescent="0.3">
      <c r="A4226" s="11"/>
      <c r="B4226" s="8"/>
    </row>
    <row r="4227" spans="1:2" x14ac:dyDescent="0.3">
      <c r="A4227" s="11"/>
      <c r="B4227" s="8"/>
    </row>
    <row r="4228" spans="1:2" x14ac:dyDescent="0.3">
      <c r="A4228" s="11"/>
      <c r="B4228" s="8"/>
    </row>
    <row r="4229" spans="1:2" x14ac:dyDescent="0.3">
      <c r="A4229" s="11"/>
      <c r="B4229" s="8"/>
    </row>
    <row r="4230" spans="1:2" x14ac:dyDescent="0.3">
      <c r="A4230" s="11"/>
      <c r="B4230" s="8"/>
    </row>
    <row r="4231" spans="1:2" x14ac:dyDescent="0.3">
      <c r="A4231" s="11"/>
      <c r="B4231" s="8"/>
    </row>
    <row r="4232" spans="1:2" x14ac:dyDescent="0.3">
      <c r="A4232" s="11"/>
      <c r="B4232" s="8"/>
    </row>
    <row r="4233" spans="1:2" x14ac:dyDescent="0.3">
      <c r="A4233" s="11"/>
      <c r="B4233" s="8"/>
    </row>
    <row r="4234" spans="1:2" x14ac:dyDescent="0.3">
      <c r="A4234" s="11"/>
      <c r="B4234" s="8"/>
    </row>
    <row r="4235" spans="1:2" x14ac:dyDescent="0.3">
      <c r="A4235" s="11"/>
      <c r="B4235" s="8"/>
    </row>
    <row r="4236" spans="1:2" x14ac:dyDescent="0.3">
      <c r="A4236" s="11"/>
      <c r="B4236" s="8"/>
    </row>
    <row r="4237" spans="1:2" x14ac:dyDescent="0.3">
      <c r="A4237" s="11"/>
      <c r="B4237" s="8"/>
    </row>
    <row r="4238" spans="1:2" x14ac:dyDescent="0.3">
      <c r="A4238" s="11"/>
      <c r="B4238" s="8"/>
    </row>
    <row r="4239" spans="1:2" x14ac:dyDescent="0.3">
      <c r="A4239" s="11"/>
      <c r="B4239" s="8"/>
    </row>
    <row r="4240" spans="1:2" x14ac:dyDescent="0.3">
      <c r="A4240" s="11"/>
      <c r="B4240" s="8"/>
    </row>
    <row r="4241" spans="1:2" x14ac:dyDescent="0.3">
      <c r="A4241" s="11"/>
      <c r="B4241" s="8"/>
    </row>
    <row r="4242" spans="1:2" x14ac:dyDescent="0.3">
      <c r="A4242" s="11"/>
      <c r="B4242" s="8"/>
    </row>
    <row r="4243" spans="1:2" x14ac:dyDescent="0.3">
      <c r="A4243" s="11"/>
      <c r="B4243" s="8"/>
    </row>
    <row r="4244" spans="1:2" x14ac:dyDescent="0.3">
      <c r="A4244" s="11"/>
      <c r="B4244" s="8"/>
    </row>
    <row r="4245" spans="1:2" x14ac:dyDescent="0.3">
      <c r="A4245" s="11"/>
      <c r="B4245" s="8"/>
    </row>
    <row r="4246" spans="1:2" x14ac:dyDescent="0.3">
      <c r="A4246" s="11"/>
      <c r="B4246" s="8"/>
    </row>
    <row r="4247" spans="1:2" x14ac:dyDescent="0.3">
      <c r="A4247" s="11"/>
      <c r="B4247" s="8"/>
    </row>
    <row r="4248" spans="1:2" x14ac:dyDescent="0.3">
      <c r="A4248" s="11"/>
      <c r="B4248" s="8"/>
    </row>
    <row r="4249" spans="1:2" x14ac:dyDescent="0.3">
      <c r="A4249" s="11"/>
      <c r="B4249" s="8"/>
    </row>
    <row r="4250" spans="1:2" x14ac:dyDescent="0.3">
      <c r="A4250" s="11"/>
      <c r="B4250" s="8"/>
    </row>
    <row r="4251" spans="1:2" x14ac:dyDescent="0.3">
      <c r="A4251" s="11"/>
      <c r="B4251" s="8"/>
    </row>
    <row r="4252" spans="1:2" x14ac:dyDescent="0.3">
      <c r="A4252" s="11"/>
      <c r="B4252" s="8"/>
    </row>
    <row r="4253" spans="1:2" x14ac:dyDescent="0.3">
      <c r="A4253" s="11"/>
      <c r="B4253" s="8"/>
    </row>
    <row r="4254" spans="1:2" x14ac:dyDescent="0.3">
      <c r="A4254" s="11"/>
      <c r="B4254" s="8"/>
    </row>
    <row r="4255" spans="1:2" x14ac:dyDescent="0.3">
      <c r="A4255" s="11"/>
      <c r="B4255" s="8"/>
    </row>
    <row r="4256" spans="1:2" x14ac:dyDescent="0.3">
      <c r="A4256" s="11"/>
      <c r="B4256" s="8"/>
    </row>
    <row r="4257" spans="1:2" x14ac:dyDescent="0.3">
      <c r="A4257" s="11"/>
      <c r="B4257" s="8"/>
    </row>
    <row r="4258" spans="1:2" x14ac:dyDescent="0.3">
      <c r="A4258" s="11"/>
      <c r="B4258" s="8"/>
    </row>
    <row r="4259" spans="1:2" x14ac:dyDescent="0.3">
      <c r="A4259" s="11"/>
      <c r="B4259" s="8"/>
    </row>
    <row r="4260" spans="1:2" x14ac:dyDescent="0.3">
      <c r="A4260" s="11"/>
      <c r="B4260" s="8"/>
    </row>
    <row r="4261" spans="1:2" x14ac:dyDescent="0.3">
      <c r="A4261" s="11"/>
      <c r="B4261" s="8"/>
    </row>
    <row r="4262" spans="1:2" x14ac:dyDescent="0.3">
      <c r="A4262" s="11"/>
      <c r="B4262" s="8"/>
    </row>
    <row r="4263" spans="1:2" x14ac:dyDescent="0.3">
      <c r="A4263" s="11"/>
      <c r="B4263" s="8"/>
    </row>
    <row r="4264" spans="1:2" x14ac:dyDescent="0.3">
      <c r="A4264" s="11"/>
      <c r="B4264" s="8"/>
    </row>
    <row r="4265" spans="1:2" x14ac:dyDescent="0.3">
      <c r="A4265" s="11"/>
      <c r="B4265" s="8"/>
    </row>
    <row r="4266" spans="1:2" x14ac:dyDescent="0.3">
      <c r="A4266" s="11"/>
      <c r="B4266" s="8"/>
    </row>
    <row r="4267" spans="1:2" x14ac:dyDescent="0.3">
      <c r="A4267" s="11"/>
      <c r="B4267" s="8"/>
    </row>
    <row r="4268" spans="1:2" x14ac:dyDescent="0.3">
      <c r="A4268" s="11"/>
      <c r="B4268" s="8"/>
    </row>
    <row r="4269" spans="1:2" x14ac:dyDescent="0.3">
      <c r="A4269" s="11"/>
      <c r="B4269" s="8"/>
    </row>
    <row r="4270" spans="1:2" x14ac:dyDescent="0.3">
      <c r="A4270" s="11"/>
      <c r="B4270" s="8"/>
    </row>
    <row r="4271" spans="1:2" x14ac:dyDescent="0.3">
      <c r="A4271" s="11"/>
      <c r="B4271" s="8"/>
    </row>
    <row r="4272" spans="1:2" x14ac:dyDescent="0.3">
      <c r="A4272" s="11"/>
      <c r="B4272" s="8"/>
    </row>
    <row r="4273" spans="1:2" x14ac:dyDescent="0.3">
      <c r="A4273" s="11"/>
      <c r="B4273" s="8"/>
    </row>
    <row r="4274" spans="1:2" x14ac:dyDescent="0.3">
      <c r="A4274" s="11"/>
      <c r="B4274" s="8"/>
    </row>
    <row r="4275" spans="1:2" x14ac:dyDescent="0.3">
      <c r="A4275" s="11"/>
      <c r="B4275" s="8"/>
    </row>
    <row r="4276" spans="1:2" x14ac:dyDescent="0.3">
      <c r="A4276" s="11"/>
      <c r="B4276" s="8"/>
    </row>
    <row r="4277" spans="1:2" x14ac:dyDescent="0.3">
      <c r="A4277" s="11"/>
      <c r="B4277" s="8"/>
    </row>
    <row r="4278" spans="1:2" x14ac:dyDescent="0.3">
      <c r="A4278" s="11"/>
      <c r="B4278" s="8"/>
    </row>
    <row r="4279" spans="1:2" x14ac:dyDescent="0.3">
      <c r="A4279" s="11"/>
      <c r="B4279" s="8"/>
    </row>
    <row r="4280" spans="1:2" x14ac:dyDescent="0.3">
      <c r="A4280" s="11"/>
      <c r="B4280" s="8"/>
    </row>
    <row r="4281" spans="1:2" x14ac:dyDescent="0.3">
      <c r="A4281" s="11"/>
      <c r="B4281" s="8"/>
    </row>
    <row r="4282" spans="1:2" x14ac:dyDescent="0.3">
      <c r="A4282" s="11"/>
      <c r="B4282" s="8"/>
    </row>
    <row r="4283" spans="1:2" x14ac:dyDescent="0.3">
      <c r="A4283" s="11"/>
      <c r="B4283" s="8"/>
    </row>
    <row r="4284" spans="1:2" x14ac:dyDescent="0.3">
      <c r="A4284" s="11"/>
      <c r="B4284" s="8"/>
    </row>
    <row r="4285" spans="1:2" x14ac:dyDescent="0.3">
      <c r="A4285" s="11"/>
      <c r="B4285" s="8"/>
    </row>
    <row r="4286" spans="1:2" x14ac:dyDescent="0.3">
      <c r="A4286" s="11"/>
      <c r="B4286" s="8"/>
    </row>
    <row r="4287" spans="1:2" x14ac:dyDescent="0.3">
      <c r="A4287" s="11"/>
      <c r="B4287" s="8"/>
    </row>
    <row r="4288" spans="1:2" x14ac:dyDescent="0.3">
      <c r="A4288" s="11"/>
      <c r="B4288" s="8"/>
    </row>
    <row r="4289" spans="1:2" x14ac:dyDescent="0.3">
      <c r="A4289" s="11"/>
      <c r="B4289" s="8"/>
    </row>
    <row r="4290" spans="1:2" x14ac:dyDescent="0.3">
      <c r="A4290" s="11"/>
      <c r="B4290" s="8"/>
    </row>
    <row r="4291" spans="1:2" x14ac:dyDescent="0.3">
      <c r="A4291" s="11"/>
      <c r="B4291" s="8"/>
    </row>
    <row r="4292" spans="1:2" x14ac:dyDescent="0.3">
      <c r="A4292" s="11"/>
      <c r="B4292" s="8"/>
    </row>
    <row r="4293" spans="1:2" x14ac:dyDescent="0.3">
      <c r="A4293" s="11"/>
      <c r="B4293" s="8"/>
    </row>
    <row r="4294" spans="1:2" x14ac:dyDescent="0.3">
      <c r="A4294" s="11"/>
      <c r="B4294" s="8"/>
    </row>
    <row r="4295" spans="1:2" x14ac:dyDescent="0.3">
      <c r="A4295" s="11"/>
      <c r="B4295" s="8"/>
    </row>
    <row r="4296" spans="1:2" x14ac:dyDescent="0.3">
      <c r="A4296" s="11"/>
      <c r="B4296" s="8"/>
    </row>
    <row r="4297" spans="1:2" x14ac:dyDescent="0.3">
      <c r="A4297" s="11"/>
      <c r="B4297" s="8"/>
    </row>
    <row r="4298" spans="1:2" x14ac:dyDescent="0.3">
      <c r="A4298" s="11"/>
      <c r="B4298" s="8"/>
    </row>
    <row r="4299" spans="1:2" x14ac:dyDescent="0.3">
      <c r="A4299" s="11"/>
      <c r="B4299" s="8"/>
    </row>
    <row r="4300" spans="1:2" x14ac:dyDescent="0.3">
      <c r="A4300" s="11"/>
      <c r="B4300" s="8"/>
    </row>
    <row r="4301" spans="1:2" x14ac:dyDescent="0.3">
      <c r="A4301" s="11"/>
      <c r="B4301" s="8"/>
    </row>
    <row r="4302" spans="1:2" x14ac:dyDescent="0.3">
      <c r="A4302" s="11"/>
      <c r="B4302" s="8"/>
    </row>
    <row r="4303" spans="1:2" x14ac:dyDescent="0.3">
      <c r="A4303" s="11"/>
      <c r="B4303" s="8"/>
    </row>
    <row r="4304" spans="1:2" x14ac:dyDescent="0.3">
      <c r="A4304" s="11"/>
      <c r="B4304" s="8"/>
    </row>
    <row r="4305" spans="1:2" x14ac:dyDescent="0.3">
      <c r="A4305" s="11"/>
      <c r="B4305" s="8"/>
    </row>
    <row r="4306" spans="1:2" x14ac:dyDescent="0.3">
      <c r="A4306" s="11"/>
      <c r="B4306" s="8"/>
    </row>
    <row r="4307" spans="1:2" x14ac:dyDescent="0.3">
      <c r="A4307" s="11"/>
      <c r="B4307" s="8"/>
    </row>
    <row r="4308" spans="1:2" x14ac:dyDescent="0.3">
      <c r="A4308" s="11"/>
      <c r="B4308" s="8"/>
    </row>
    <row r="4309" spans="1:2" x14ac:dyDescent="0.3">
      <c r="A4309" s="11"/>
      <c r="B4309" s="8"/>
    </row>
    <row r="4310" spans="1:2" x14ac:dyDescent="0.3">
      <c r="A4310" s="11"/>
      <c r="B4310" s="8"/>
    </row>
    <row r="4311" spans="1:2" x14ac:dyDescent="0.3">
      <c r="A4311" s="11"/>
      <c r="B4311" s="8"/>
    </row>
    <row r="4312" spans="1:2" x14ac:dyDescent="0.3">
      <c r="A4312" s="11"/>
      <c r="B4312" s="8"/>
    </row>
    <row r="4313" spans="1:2" x14ac:dyDescent="0.3">
      <c r="A4313" s="11"/>
      <c r="B4313" s="8"/>
    </row>
    <row r="4314" spans="1:2" x14ac:dyDescent="0.3">
      <c r="A4314" s="11"/>
      <c r="B4314" s="8"/>
    </row>
    <row r="4315" spans="1:2" x14ac:dyDescent="0.3">
      <c r="A4315" s="11"/>
      <c r="B4315" s="8"/>
    </row>
    <row r="4316" spans="1:2" x14ac:dyDescent="0.3">
      <c r="A4316" s="11"/>
      <c r="B4316" s="8"/>
    </row>
    <row r="4317" spans="1:2" x14ac:dyDescent="0.3">
      <c r="A4317" s="11"/>
      <c r="B4317" s="8"/>
    </row>
    <row r="4318" spans="1:2" x14ac:dyDescent="0.3">
      <c r="A4318" s="11"/>
      <c r="B4318" s="8"/>
    </row>
    <row r="4319" spans="1:2" x14ac:dyDescent="0.3">
      <c r="A4319" s="11"/>
      <c r="B4319" s="8"/>
    </row>
    <row r="4320" spans="1:2" x14ac:dyDescent="0.3">
      <c r="A4320" s="11"/>
      <c r="B4320" s="8"/>
    </row>
    <row r="4321" spans="1:2" x14ac:dyDescent="0.3">
      <c r="A4321" s="11"/>
      <c r="B4321" s="8"/>
    </row>
    <row r="4322" spans="1:2" x14ac:dyDescent="0.3">
      <c r="A4322" s="11"/>
      <c r="B4322" s="8"/>
    </row>
    <row r="4323" spans="1:2" x14ac:dyDescent="0.3">
      <c r="A4323" s="11"/>
      <c r="B4323" s="8"/>
    </row>
    <row r="4324" spans="1:2" x14ac:dyDescent="0.3">
      <c r="A4324" s="11"/>
      <c r="B4324" s="8"/>
    </row>
    <row r="4325" spans="1:2" x14ac:dyDescent="0.3">
      <c r="A4325" s="11"/>
      <c r="B4325" s="8"/>
    </row>
    <row r="4326" spans="1:2" x14ac:dyDescent="0.3">
      <c r="A4326" s="11"/>
      <c r="B4326" s="8"/>
    </row>
    <row r="4327" spans="1:2" x14ac:dyDescent="0.3">
      <c r="A4327" s="11"/>
      <c r="B4327" s="8"/>
    </row>
    <row r="4328" spans="1:2" x14ac:dyDescent="0.3">
      <c r="A4328" s="11"/>
      <c r="B4328" s="8"/>
    </row>
    <row r="4329" spans="1:2" x14ac:dyDescent="0.3">
      <c r="A4329" s="11"/>
      <c r="B4329" s="8"/>
    </row>
    <row r="4330" spans="1:2" x14ac:dyDescent="0.3">
      <c r="A4330" s="11"/>
      <c r="B4330" s="8"/>
    </row>
    <row r="4331" spans="1:2" x14ac:dyDescent="0.3">
      <c r="A4331" s="11"/>
      <c r="B4331" s="8"/>
    </row>
    <row r="4332" spans="1:2" x14ac:dyDescent="0.3">
      <c r="A4332" s="11"/>
      <c r="B4332" s="8"/>
    </row>
    <row r="4333" spans="1:2" x14ac:dyDescent="0.3">
      <c r="A4333" s="11"/>
      <c r="B4333" s="8"/>
    </row>
    <row r="4334" spans="1:2" x14ac:dyDescent="0.3">
      <c r="A4334" s="11"/>
      <c r="B4334" s="8"/>
    </row>
    <row r="4335" spans="1:2" x14ac:dyDescent="0.3">
      <c r="A4335" s="11"/>
      <c r="B4335" s="8"/>
    </row>
    <row r="4336" spans="1:2" x14ac:dyDescent="0.3">
      <c r="A4336" s="11"/>
      <c r="B4336" s="8"/>
    </row>
    <row r="4337" spans="1:2" x14ac:dyDescent="0.3">
      <c r="A4337" s="11"/>
      <c r="B4337" s="8"/>
    </row>
    <row r="4338" spans="1:2" x14ac:dyDescent="0.3">
      <c r="A4338" s="11"/>
      <c r="B4338" s="8"/>
    </row>
    <row r="4339" spans="1:2" x14ac:dyDescent="0.3">
      <c r="A4339" s="11"/>
      <c r="B4339" s="8"/>
    </row>
    <row r="4340" spans="1:2" x14ac:dyDescent="0.3">
      <c r="A4340" s="11"/>
      <c r="B4340" s="8"/>
    </row>
    <row r="4341" spans="1:2" x14ac:dyDescent="0.3">
      <c r="A4341" s="11"/>
      <c r="B4341" s="8"/>
    </row>
    <row r="4342" spans="1:2" x14ac:dyDescent="0.3">
      <c r="A4342" s="11"/>
      <c r="B4342" s="8"/>
    </row>
    <row r="4343" spans="1:2" x14ac:dyDescent="0.3">
      <c r="A4343" s="11"/>
      <c r="B4343" s="8"/>
    </row>
    <row r="4344" spans="1:2" x14ac:dyDescent="0.3">
      <c r="A4344" s="11"/>
      <c r="B4344" s="8"/>
    </row>
    <row r="4345" spans="1:2" x14ac:dyDescent="0.3">
      <c r="A4345" s="11"/>
      <c r="B4345" s="8"/>
    </row>
    <row r="4346" spans="1:2" x14ac:dyDescent="0.3">
      <c r="A4346" s="11"/>
      <c r="B4346" s="8"/>
    </row>
    <row r="4347" spans="1:2" x14ac:dyDescent="0.3">
      <c r="A4347" s="11"/>
      <c r="B4347" s="8"/>
    </row>
    <row r="4348" spans="1:2" x14ac:dyDescent="0.3">
      <c r="A4348" s="11"/>
      <c r="B4348" s="8"/>
    </row>
    <row r="4349" spans="1:2" x14ac:dyDescent="0.3">
      <c r="A4349" s="11"/>
      <c r="B4349" s="8"/>
    </row>
    <row r="4350" spans="1:2" x14ac:dyDescent="0.3">
      <c r="A4350" s="11"/>
      <c r="B4350" s="8"/>
    </row>
    <row r="4351" spans="1:2" x14ac:dyDescent="0.3">
      <c r="A4351" s="11"/>
      <c r="B4351" s="8"/>
    </row>
    <row r="4352" spans="1:2" x14ac:dyDescent="0.3">
      <c r="A4352" s="11"/>
      <c r="B4352" s="8"/>
    </row>
    <row r="4353" spans="1:2" x14ac:dyDescent="0.3">
      <c r="A4353" s="11"/>
      <c r="B4353" s="8"/>
    </row>
    <row r="4354" spans="1:2" x14ac:dyDescent="0.3">
      <c r="A4354" s="11"/>
      <c r="B4354" s="8"/>
    </row>
    <row r="4355" spans="1:2" x14ac:dyDescent="0.3">
      <c r="A4355" s="11"/>
      <c r="B4355" s="8"/>
    </row>
    <row r="4356" spans="1:2" x14ac:dyDescent="0.3">
      <c r="A4356" s="11"/>
      <c r="B4356" s="8"/>
    </row>
    <row r="4357" spans="1:2" x14ac:dyDescent="0.3">
      <c r="A4357" s="11"/>
      <c r="B4357" s="8"/>
    </row>
    <row r="4358" spans="1:2" x14ac:dyDescent="0.3">
      <c r="A4358" s="11"/>
      <c r="B4358" s="8"/>
    </row>
    <row r="4359" spans="1:2" x14ac:dyDescent="0.3">
      <c r="A4359" s="11"/>
      <c r="B4359" s="8"/>
    </row>
    <row r="4360" spans="1:2" x14ac:dyDescent="0.3">
      <c r="A4360" s="11"/>
      <c r="B4360" s="8"/>
    </row>
    <row r="4361" spans="1:2" x14ac:dyDescent="0.3">
      <c r="A4361" s="11"/>
      <c r="B4361" s="8"/>
    </row>
    <row r="4362" spans="1:2" x14ac:dyDescent="0.3">
      <c r="A4362" s="11"/>
      <c r="B4362" s="8"/>
    </row>
    <row r="4363" spans="1:2" x14ac:dyDescent="0.3">
      <c r="A4363" s="11"/>
      <c r="B4363" s="8"/>
    </row>
    <row r="4364" spans="1:2" x14ac:dyDescent="0.3">
      <c r="A4364" s="11"/>
      <c r="B4364" s="8"/>
    </row>
    <row r="4365" spans="1:2" x14ac:dyDescent="0.3">
      <c r="A4365" s="11"/>
      <c r="B4365" s="8"/>
    </row>
    <row r="4366" spans="1:2" x14ac:dyDescent="0.3">
      <c r="A4366" s="11"/>
      <c r="B4366" s="8"/>
    </row>
    <row r="4367" spans="1:2" x14ac:dyDescent="0.3">
      <c r="A4367" s="11"/>
      <c r="B4367" s="8"/>
    </row>
    <row r="4368" spans="1:2" x14ac:dyDescent="0.3">
      <c r="A4368" s="11"/>
      <c r="B4368" s="8"/>
    </row>
    <row r="4369" spans="1:2" x14ac:dyDescent="0.3">
      <c r="A4369" s="11"/>
      <c r="B4369" s="8"/>
    </row>
    <row r="4370" spans="1:2" x14ac:dyDescent="0.3">
      <c r="A4370" s="11"/>
      <c r="B4370" s="8"/>
    </row>
    <row r="4371" spans="1:2" x14ac:dyDescent="0.3">
      <c r="A4371" s="11"/>
      <c r="B4371" s="8"/>
    </row>
    <row r="4372" spans="1:2" x14ac:dyDescent="0.3">
      <c r="A4372" s="11"/>
      <c r="B4372" s="8"/>
    </row>
    <row r="4373" spans="1:2" x14ac:dyDescent="0.3">
      <c r="A4373" s="11"/>
      <c r="B4373" s="8"/>
    </row>
    <row r="4374" spans="1:2" x14ac:dyDescent="0.3">
      <c r="A4374" s="11"/>
      <c r="B4374" s="8"/>
    </row>
    <row r="4375" spans="1:2" x14ac:dyDescent="0.3">
      <c r="A4375" s="11"/>
      <c r="B4375" s="8"/>
    </row>
    <row r="4376" spans="1:2" x14ac:dyDescent="0.3">
      <c r="A4376" s="11"/>
      <c r="B4376" s="8"/>
    </row>
    <row r="4377" spans="1:2" x14ac:dyDescent="0.3">
      <c r="A4377" s="11"/>
      <c r="B4377" s="8"/>
    </row>
    <row r="4378" spans="1:2" x14ac:dyDescent="0.3">
      <c r="A4378" s="11"/>
      <c r="B4378" s="8"/>
    </row>
    <row r="4379" spans="1:2" x14ac:dyDescent="0.3">
      <c r="A4379" s="11"/>
      <c r="B4379" s="8"/>
    </row>
    <row r="4380" spans="1:2" x14ac:dyDescent="0.3">
      <c r="A4380" s="11"/>
      <c r="B4380" s="8"/>
    </row>
    <row r="4381" spans="1:2" x14ac:dyDescent="0.3">
      <c r="A4381" s="11"/>
      <c r="B4381" s="8"/>
    </row>
    <row r="4382" spans="1:2" x14ac:dyDescent="0.3">
      <c r="A4382" s="11"/>
      <c r="B4382" s="8"/>
    </row>
    <row r="4383" spans="1:2" x14ac:dyDescent="0.3">
      <c r="A4383" s="11"/>
      <c r="B4383" s="8"/>
    </row>
    <row r="4384" spans="1:2" x14ac:dyDescent="0.3">
      <c r="A4384" s="11"/>
      <c r="B4384" s="8"/>
    </row>
    <row r="4385" spans="1:2" x14ac:dyDescent="0.3">
      <c r="A4385" s="11"/>
      <c r="B4385" s="8"/>
    </row>
    <row r="4386" spans="1:2" x14ac:dyDescent="0.3">
      <c r="A4386" s="11"/>
      <c r="B4386" s="8"/>
    </row>
    <row r="4387" spans="1:2" x14ac:dyDescent="0.3">
      <c r="A4387" s="11"/>
      <c r="B4387" s="8"/>
    </row>
    <row r="4388" spans="1:2" x14ac:dyDescent="0.3">
      <c r="A4388" s="11"/>
      <c r="B4388" s="8"/>
    </row>
    <row r="4389" spans="1:2" x14ac:dyDescent="0.3">
      <c r="A4389" s="11"/>
      <c r="B4389" s="8"/>
    </row>
    <row r="4390" spans="1:2" x14ac:dyDescent="0.3">
      <c r="A4390" s="11"/>
      <c r="B4390" s="8"/>
    </row>
    <row r="4391" spans="1:2" x14ac:dyDescent="0.3">
      <c r="A4391" s="11"/>
      <c r="B4391" s="8"/>
    </row>
    <row r="4392" spans="1:2" x14ac:dyDescent="0.3">
      <c r="A4392" s="11"/>
      <c r="B4392" s="8"/>
    </row>
    <row r="4393" spans="1:2" x14ac:dyDescent="0.3">
      <c r="A4393" s="11"/>
      <c r="B4393" s="8"/>
    </row>
    <row r="4394" spans="1:2" x14ac:dyDescent="0.3">
      <c r="A4394" s="11"/>
      <c r="B4394" s="8"/>
    </row>
    <row r="4395" spans="1:2" x14ac:dyDescent="0.3">
      <c r="A4395" s="11"/>
      <c r="B4395" s="8"/>
    </row>
    <row r="4396" spans="1:2" x14ac:dyDescent="0.3">
      <c r="A4396" s="11"/>
      <c r="B4396" s="8"/>
    </row>
    <row r="4397" spans="1:2" x14ac:dyDescent="0.3">
      <c r="A4397" s="11"/>
      <c r="B4397" s="8"/>
    </row>
    <row r="4398" spans="1:2" x14ac:dyDescent="0.3">
      <c r="A4398" s="11"/>
      <c r="B4398" s="8"/>
    </row>
    <row r="4399" spans="1:2" x14ac:dyDescent="0.3">
      <c r="A4399" s="11"/>
      <c r="B4399" s="8"/>
    </row>
    <row r="4400" spans="1:2" x14ac:dyDescent="0.3">
      <c r="A4400" s="11"/>
      <c r="B4400" s="8"/>
    </row>
    <row r="4401" spans="1:2" x14ac:dyDescent="0.3">
      <c r="A4401" s="11"/>
      <c r="B4401" s="8"/>
    </row>
    <row r="4402" spans="1:2" x14ac:dyDescent="0.3">
      <c r="A4402" s="11"/>
      <c r="B4402" s="8"/>
    </row>
    <row r="4403" spans="1:2" x14ac:dyDescent="0.3">
      <c r="A4403" s="11"/>
      <c r="B4403" s="8"/>
    </row>
    <row r="4404" spans="1:2" x14ac:dyDescent="0.3">
      <c r="A4404" s="11"/>
      <c r="B4404" s="8"/>
    </row>
    <row r="4405" spans="1:2" x14ac:dyDescent="0.3">
      <c r="A4405" s="11"/>
      <c r="B4405" s="8"/>
    </row>
    <row r="4406" spans="1:2" x14ac:dyDescent="0.3">
      <c r="A4406" s="11"/>
      <c r="B4406" s="8"/>
    </row>
    <row r="4407" spans="1:2" x14ac:dyDescent="0.3">
      <c r="A4407" s="11"/>
      <c r="B4407" s="8"/>
    </row>
    <row r="4408" spans="1:2" x14ac:dyDescent="0.3">
      <c r="A4408" s="11"/>
      <c r="B4408" s="8"/>
    </row>
    <row r="4409" spans="1:2" x14ac:dyDescent="0.3">
      <c r="A4409" s="11"/>
      <c r="B4409" s="8"/>
    </row>
    <row r="4410" spans="1:2" x14ac:dyDescent="0.3">
      <c r="A4410" s="11"/>
      <c r="B4410" s="8"/>
    </row>
    <row r="4411" spans="1:2" x14ac:dyDescent="0.3">
      <c r="A4411" s="11"/>
      <c r="B4411" s="8"/>
    </row>
    <row r="4412" spans="1:2" x14ac:dyDescent="0.3">
      <c r="A4412" s="11"/>
      <c r="B4412" s="8"/>
    </row>
    <row r="4413" spans="1:2" x14ac:dyDescent="0.3">
      <c r="A4413" s="11"/>
      <c r="B4413" s="8"/>
    </row>
    <row r="4414" spans="1:2" x14ac:dyDescent="0.3">
      <c r="A4414" s="11"/>
      <c r="B4414" s="8"/>
    </row>
    <row r="4415" spans="1:2" x14ac:dyDescent="0.3">
      <c r="A4415" s="11"/>
      <c r="B4415" s="8"/>
    </row>
    <row r="4416" spans="1:2" x14ac:dyDescent="0.3">
      <c r="A4416" s="11"/>
      <c r="B4416" s="8"/>
    </row>
    <row r="4417" spans="1:2" x14ac:dyDescent="0.3">
      <c r="A4417" s="11"/>
      <c r="B4417" s="8"/>
    </row>
    <row r="4418" spans="1:2" x14ac:dyDescent="0.3">
      <c r="A4418" s="11"/>
      <c r="B4418" s="8"/>
    </row>
    <row r="4419" spans="1:2" x14ac:dyDescent="0.3">
      <c r="A4419" s="11"/>
      <c r="B4419" s="8"/>
    </row>
    <row r="4420" spans="1:2" x14ac:dyDescent="0.3">
      <c r="A4420" s="11"/>
      <c r="B4420" s="8"/>
    </row>
    <row r="4421" spans="1:2" x14ac:dyDescent="0.3">
      <c r="A4421" s="11"/>
      <c r="B4421" s="8"/>
    </row>
    <row r="4422" spans="1:2" x14ac:dyDescent="0.3">
      <c r="A4422" s="11"/>
      <c r="B4422" s="8"/>
    </row>
    <row r="4423" spans="1:2" x14ac:dyDescent="0.3">
      <c r="A4423" s="11"/>
      <c r="B4423" s="8"/>
    </row>
    <row r="4424" spans="1:2" x14ac:dyDescent="0.3">
      <c r="A4424" s="11"/>
      <c r="B4424" s="8"/>
    </row>
    <row r="4425" spans="1:2" x14ac:dyDescent="0.3">
      <c r="A4425" s="11"/>
      <c r="B4425" s="8"/>
    </row>
    <row r="4426" spans="1:2" x14ac:dyDescent="0.3">
      <c r="A4426" s="11"/>
      <c r="B4426" s="8"/>
    </row>
    <row r="4427" spans="1:2" x14ac:dyDescent="0.3">
      <c r="A4427" s="11"/>
      <c r="B4427" s="8"/>
    </row>
    <row r="4428" spans="1:2" x14ac:dyDescent="0.3">
      <c r="A4428" s="11"/>
      <c r="B4428" s="8"/>
    </row>
    <row r="4429" spans="1:2" x14ac:dyDescent="0.3">
      <c r="A4429" s="11"/>
      <c r="B4429" s="8"/>
    </row>
    <row r="4430" spans="1:2" x14ac:dyDescent="0.3">
      <c r="A4430" s="11"/>
      <c r="B4430" s="8"/>
    </row>
    <row r="4431" spans="1:2" x14ac:dyDescent="0.3">
      <c r="A4431" s="11"/>
      <c r="B4431" s="8"/>
    </row>
    <row r="4432" spans="1:2" x14ac:dyDescent="0.3">
      <c r="A4432" s="11"/>
      <c r="B4432" s="8"/>
    </row>
    <row r="4433" spans="1:2" x14ac:dyDescent="0.3">
      <c r="A4433" s="11"/>
      <c r="B4433" s="8"/>
    </row>
    <row r="4434" spans="1:2" x14ac:dyDescent="0.3">
      <c r="A4434" s="11"/>
      <c r="B4434" s="8"/>
    </row>
    <row r="4435" spans="1:2" x14ac:dyDescent="0.3">
      <c r="A4435" s="11"/>
      <c r="B4435" s="8"/>
    </row>
    <row r="4436" spans="1:2" x14ac:dyDescent="0.3">
      <c r="A4436" s="11"/>
      <c r="B4436" s="8"/>
    </row>
    <row r="4437" spans="1:2" x14ac:dyDescent="0.3">
      <c r="A4437" s="11"/>
      <c r="B4437" s="8"/>
    </row>
    <row r="4438" spans="1:2" x14ac:dyDescent="0.3">
      <c r="A4438" s="11"/>
      <c r="B4438" s="8"/>
    </row>
    <row r="4439" spans="1:2" x14ac:dyDescent="0.3">
      <c r="A4439" s="11"/>
      <c r="B4439" s="8"/>
    </row>
    <row r="4440" spans="1:2" x14ac:dyDescent="0.3">
      <c r="A4440" s="11"/>
      <c r="B4440" s="8"/>
    </row>
    <row r="4441" spans="1:2" x14ac:dyDescent="0.3">
      <c r="A4441" s="11"/>
      <c r="B4441" s="8"/>
    </row>
    <row r="4442" spans="1:2" x14ac:dyDescent="0.3">
      <c r="A4442" s="11"/>
      <c r="B4442" s="8"/>
    </row>
    <row r="4443" spans="1:2" x14ac:dyDescent="0.3">
      <c r="A4443" s="11"/>
      <c r="B4443" s="8"/>
    </row>
    <row r="4444" spans="1:2" x14ac:dyDescent="0.3">
      <c r="A4444" s="11"/>
      <c r="B4444" s="8"/>
    </row>
    <row r="4445" spans="1:2" x14ac:dyDescent="0.3">
      <c r="A4445" s="11"/>
      <c r="B4445" s="8"/>
    </row>
    <row r="4446" spans="1:2" x14ac:dyDescent="0.3">
      <c r="A4446" s="11"/>
      <c r="B4446" s="8"/>
    </row>
    <row r="4447" spans="1:2" x14ac:dyDescent="0.3">
      <c r="A4447" s="11"/>
      <c r="B4447" s="8"/>
    </row>
    <row r="4448" spans="1:2" x14ac:dyDescent="0.3">
      <c r="A4448" s="11"/>
      <c r="B4448" s="8"/>
    </row>
    <row r="4449" spans="1:2" x14ac:dyDescent="0.3">
      <c r="A4449" s="11"/>
      <c r="B4449" s="8"/>
    </row>
    <row r="4450" spans="1:2" x14ac:dyDescent="0.3">
      <c r="A4450" s="11"/>
      <c r="B4450" s="8"/>
    </row>
    <row r="4451" spans="1:2" x14ac:dyDescent="0.3">
      <c r="A4451" s="11"/>
      <c r="B4451" s="8"/>
    </row>
    <row r="4452" spans="1:2" x14ac:dyDescent="0.3">
      <c r="A4452" s="11"/>
      <c r="B4452" s="8"/>
    </row>
    <row r="4453" spans="1:2" x14ac:dyDescent="0.3">
      <c r="A4453" s="11"/>
      <c r="B4453" s="8"/>
    </row>
    <row r="4454" spans="1:2" x14ac:dyDescent="0.3">
      <c r="A4454" s="11"/>
      <c r="B4454" s="8"/>
    </row>
    <row r="4455" spans="1:2" x14ac:dyDescent="0.3">
      <c r="A4455" s="11"/>
      <c r="B4455" s="8"/>
    </row>
    <row r="4456" spans="1:2" x14ac:dyDescent="0.3">
      <c r="A4456" s="11"/>
      <c r="B4456" s="8"/>
    </row>
    <row r="4457" spans="1:2" x14ac:dyDescent="0.3">
      <c r="A4457" s="11"/>
      <c r="B4457" s="8"/>
    </row>
    <row r="4458" spans="1:2" x14ac:dyDescent="0.3">
      <c r="A4458" s="11"/>
      <c r="B4458" s="8"/>
    </row>
    <row r="4459" spans="1:2" x14ac:dyDescent="0.3">
      <c r="A4459" s="11"/>
      <c r="B4459" s="8"/>
    </row>
    <row r="4460" spans="1:2" x14ac:dyDescent="0.3">
      <c r="A4460" s="11"/>
      <c r="B4460" s="8"/>
    </row>
    <row r="4461" spans="1:2" x14ac:dyDescent="0.3">
      <c r="A4461" s="11"/>
      <c r="B4461" s="8"/>
    </row>
    <row r="4462" spans="1:2" x14ac:dyDescent="0.3">
      <c r="A4462" s="11"/>
      <c r="B4462" s="8"/>
    </row>
    <row r="4463" spans="1:2" x14ac:dyDescent="0.3">
      <c r="A4463" s="11"/>
      <c r="B4463" s="8"/>
    </row>
    <row r="4464" spans="1:2" x14ac:dyDescent="0.3">
      <c r="A4464" s="11"/>
      <c r="B4464" s="8"/>
    </row>
    <row r="4465" spans="1:2" x14ac:dyDescent="0.3">
      <c r="A4465" s="11"/>
      <c r="B4465" s="8"/>
    </row>
    <row r="4466" spans="1:2" x14ac:dyDescent="0.3">
      <c r="A4466" s="11"/>
      <c r="B4466" s="8"/>
    </row>
    <row r="4467" spans="1:2" x14ac:dyDescent="0.3">
      <c r="A4467" s="11"/>
      <c r="B4467" s="8"/>
    </row>
    <row r="4468" spans="1:2" x14ac:dyDescent="0.3">
      <c r="A4468" s="11"/>
      <c r="B4468" s="8"/>
    </row>
    <row r="4469" spans="1:2" x14ac:dyDescent="0.3">
      <c r="A4469" s="11"/>
      <c r="B4469" s="8"/>
    </row>
    <row r="4470" spans="1:2" x14ac:dyDescent="0.3">
      <c r="A4470" s="11"/>
      <c r="B4470" s="8"/>
    </row>
    <row r="4471" spans="1:2" x14ac:dyDescent="0.3">
      <c r="A4471" s="11"/>
      <c r="B4471" s="8"/>
    </row>
    <row r="4472" spans="1:2" x14ac:dyDescent="0.3">
      <c r="A4472" s="11"/>
      <c r="B4472" s="8"/>
    </row>
    <row r="4473" spans="1:2" x14ac:dyDescent="0.3">
      <c r="A4473" s="11"/>
      <c r="B4473" s="8"/>
    </row>
    <row r="4474" spans="1:2" x14ac:dyDescent="0.3">
      <c r="A4474" s="11"/>
      <c r="B4474" s="8"/>
    </row>
    <row r="4475" spans="1:2" x14ac:dyDescent="0.3">
      <c r="A4475" s="11"/>
      <c r="B4475" s="8"/>
    </row>
    <row r="4476" spans="1:2" x14ac:dyDescent="0.3">
      <c r="A4476" s="11"/>
      <c r="B4476" s="8"/>
    </row>
    <row r="4477" spans="1:2" x14ac:dyDescent="0.3">
      <c r="A4477" s="11"/>
      <c r="B4477" s="8"/>
    </row>
    <row r="4478" spans="1:2" x14ac:dyDescent="0.3">
      <c r="A4478" s="11"/>
      <c r="B4478" s="8"/>
    </row>
    <row r="4479" spans="1:2" x14ac:dyDescent="0.3">
      <c r="A4479" s="11"/>
      <c r="B4479" s="8"/>
    </row>
    <row r="4480" spans="1:2" x14ac:dyDescent="0.3">
      <c r="A4480" s="11"/>
      <c r="B4480" s="8"/>
    </row>
    <row r="4481" spans="1:2" x14ac:dyDescent="0.3">
      <c r="A4481" s="11"/>
      <c r="B4481" s="8"/>
    </row>
    <row r="4482" spans="1:2" x14ac:dyDescent="0.3">
      <c r="A4482" s="11"/>
      <c r="B4482" s="8"/>
    </row>
    <row r="4483" spans="1:2" x14ac:dyDescent="0.3">
      <c r="A4483" s="11"/>
      <c r="B4483" s="8"/>
    </row>
    <row r="4484" spans="1:2" x14ac:dyDescent="0.3">
      <c r="A4484" s="11"/>
      <c r="B4484" s="8"/>
    </row>
    <row r="4485" spans="1:2" x14ac:dyDescent="0.3">
      <c r="A4485" s="11"/>
      <c r="B4485" s="8"/>
    </row>
    <row r="4486" spans="1:2" x14ac:dyDescent="0.3">
      <c r="A4486" s="11"/>
      <c r="B4486" s="8"/>
    </row>
    <row r="4487" spans="1:2" x14ac:dyDescent="0.3">
      <c r="A4487" s="11"/>
      <c r="B4487" s="8"/>
    </row>
    <row r="4488" spans="1:2" x14ac:dyDescent="0.3">
      <c r="A4488" s="11"/>
      <c r="B4488" s="8"/>
    </row>
    <row r="4489" spans="1:2" x14ac:dyDescent="0.3">
      <c r="A4489" s="11"/>
      <c r="B4489" s="8"/>
    </row>
    <row r="4490" spans="1:2" x14ac:dyDescent="0.3">
      <c r="A4490" s="11"/>
      <c r="B4490" s="8"/>
    </row>
    <row r="4491" spans="1:2" x14ac:dyDescent="0.3">
      <c r="A4491" s="11"/>
      <c r="B4491" s="8"/>
    </row>
    <row r="4492" spans="1:2" x14ac:dyDescent="0.3">
      <c r="A4492" s="11"/>
      <c r="B4492" s="8"/>
    </row>
    <row r="4493" spans="1:2" x14ac:dyDescent="0.3">
      <c r="A4493" s="11"/>
      <c r="B4493" s="8"/>
    </row>
    <row r="4494" spans="1:2" x14ac:dyDescent="0.3">
      <c r="A4494" s="11"/>
      <c r="B4494" s="8"/>
    </row>
    <row r="4495" spans="1:2" x14ac:dyDescent="0.3">
      <c r="A4495" s="11"/>
      <c r="B4495" s="8"/>
    </row>
    <row r="4496" spans="1:2" x14ac:dyDescent="0.3">
      <c r="A4496" s="11"/>
      <c r="B4496" s="8"/>
    </row>
    <row r="4497" spans="1:2" x14ac:dyDescent="0.3">
      <c r="A4497" s="11"/>
      <c r="B4497" s="8"/>
    </row>
    <row r="4498" spans="1:2" x14ac:dyDescent="0.3">
      <c r="A4498" s="11"/>
      <c r="B4498" s="8"/>
    </row>
    <row r="4499" spans="1:2" x14ac:dyDescent="0.3">
      <c r="A4499" s="11"/>
      <c r="B4499" s="8"/>
    </row>
    <row r="4500" spans="1:2" x14ac:dyDescent="0.3">
      <c r="A4500" s="11"/>
      <c r="B4500" s="8"/>
    </row>
    <row r="4501" spans="1:2" x14ac:dyDescent="0.3">
      <c r="A4501" s="11"/>
      <c r="B4501" s="8"/>
    </row>
    <row r="4502" spans="1:2" x14ac:dyDescent="0.3">
      <c r="A4502" s="11"/>
      <c r="B4502" s="8"/>
    </row>
    <row r="4503" spans="1:2" x14ac:dyDescent="0.3">
      <c r="A4503" s="11"/>
      <c r="B4503" s="8"/>
    </row>
    <row r="4504" spans="1:2" x14ac:dyDescent="0.3">
      <c r="A4504" s="11"/>
      <c r="B4504" s="8"/>
    </row>
    <row r="4505" spans="1:2" x14ac:dyDescent="0.3">
      <c r="A4505" s="11"/>
      <c r="B4505" s="8"/>
    </row>
    <row r="4506" spans="1:2" x14ac:dyDescent="0.3">
      <c r="A4506" s="11"/>
      <c r="B4506" s="8"/>
    </row>
    <row r="4507" spans="1:2" x14ac:dyDescent="0.3">
      <c r="A4507" s="11"/>
      <c r="B4507" s="8"/>
    </row>
    <row r="4508" spans="1:2" x14ac:dyDescent="0.3">
      <c r="A4508" s="11"/>
      <c r="B4508" s="8"/>
    </row>
    <row r="4509" spans="1:2" x14ac:dyDescent="0.3">
      <c r="A4509" s="11"/>
      <c r="B4509" s="8"/>
    </row>
    <row r="4510" spans="1:2" x14ac:dyDescent="0.3">
      <c r="A4510" s="11"/>
      <c r="B4510" s="8"/>
    </row>
    <row r="4511" spans="1:2" x14ac:dyDescent="0.3">
      <c r="A4511" s="11"/>
      <c r="B4511" s="8"/>
    </row>
    <row r="4512" spans="1:2" x14ac:dyDescent="0.3">
      <c r="A4512" s="11"/>
      <c r="B4512" s="8"/>
    </row>
    <row r="4513" spans="1:2" x14ac:dyDescent="0.3">
      <c r="A4513" s="11"/>
      <c r="B4513" s="8"/>
    </row>
    <row r="4514" spans="1:2" x14ac:dyDescent="0.3">
      <c r="A4514" s="11"/>
      <c r="B4514" s="8"/>
    </row>
    <row r="4515" spans="1:2" x14ac:dyDescent="0.3">
      <c r="A4515" s="11"/>
      <c r="B4515" s="8"/>
    </row>
    <row r="4516" spans="1:2" x14ac:dyDescent="0.3">
      <c r="A4516" s="11"/>
      <c r="B4516" s="8"/>
    </row>
    <row r="4517" spans="1:2" x14ac:dyDescent="0.3">
      <c r="A4517" s="11"/>
      <c r="B4517" s="8"/>
    </row>
    <row r="4518" spans="1:2" x14ac:dyDescent="0.3">
      <c r="A4518" s="11"/>
      <c r="B4518" s="8"/>
    </row>
    <row r="4519" spans="1:2" x14ac:dyDescent="0.3">
      <c r="A4519" s="11"/>
      <c r="B4519" s="8"/>
    </row>
    <row r="4520" spans="1:2" x14ac:dyDescent="0.3">
      <c r="A4520" s="11"/>
      <c r="B4520" s="8"/>
    </row>
    <row r="4521" spans="1:2" x14ac:dyDescent="0.3">
      <c r="A4521" s="11"/>
      <c r="B4521" s="8"/>
    </row>
    <row r="4522" spans="1:2" x14ac:dyDescent="0.3">
      <c r="A4522" s="11"/>
      <c r="B4522" s="8"/>
    </row>
    <row r="4523" spans="1:2" x14ac:dyDescent="0.3">
      <c r="A4523" s="11"/>
      <c r="B4523" s="8"/>
    </row>
    <row r="4524" spans="1:2" x14ac:dyDescent="0.3">
      <c r="A4524" s="11"/>
      <c r="B4524" s="8"/>
    </row>
    <row r="4525" spans="1:2" x14ac:dyDescent="0.3">
      <c r="A4525" s="11"/>
      <c r="B4525" s="8"/>
    </row>
    <row r="4526" spans="1:2" x14ac:dyDescent="0.3">
      <c r="A4526" s="11"/>
      <c r="B4526" s="8"/>
    </row>
    <row r="4527" spans="1:2" x14ac:dyDescent="0.3">
      <c r="A4527" s="11"/>
      <c r="B4527" s="8"/>
    </row>
    <row r="4528" spans="1:2" x14ac:dyDescent="0.3">
      <c r="A4528" s="11"/>
      <c r="B4528" s="8"/>
    </row>
    <row r="4529" spans="1:2" x14ac:dyDescent="0.3">
      <c r="A4529" s="11"/>
      <c r="B4529" s="8"/>
    </row>
    <row r="4530" spans="1:2" x14ac:dyDescent="0.3">
      <c r="A4530" s="11"/>
      <c r="B4530" s="8"/>
    </row>
    <row r="4531" spans="1:2" x14ac:dyDescent="0.3">
      <c r="A4531" s="11"/>
      <c r="B4531" s="8"/>
    </row>
    <row r="4532" spans="1:2" x14ac:dyDescent="0.3">
      <c r="A4532" s="11"/>
      <c r="B4532" s="8"/>
    </row>
    <row r="4533" spans="1:2" x14ac:dyDescent="0.3">
      <c r="A4533" s="11"/>
      <c r="B4533" s="8"/>
    </row>
    <row r="4534" spans="1:2" x14ac:dyDescent="0.3">
      <c r="A4534" s="11"/>
      <c r="B4534" s="8"/>
    </row>
    <row r="4535" spans="1:2" x14ac:dyDescent="0.3">
      <c r="A4535" s="11"/>
      <c r="B4535" s="8"/>
    </row>
    <row r="4536" spans="1:2" x14ac:dyDescent="0.3">
      <c r="A4536" s="11"/>
      <c r="B4536" s="8"/>
    </row>
    <row r="4537" spans="1:2" x14ac:dyDescent="0.3">
      <c r="A4537" s="11"/>
      <c r="B4537" s="8"/>
    </row>
    <row r="4538" spans="1:2" x14ac:dyDescent="0.3">
      <c r="A4538" s="11"/>
      <c r="B4538" s="8"/>
    </row>
    <row r="4539" spans="1:2" x14ac:dyDescent="0.3">
      <c r="A4539" s="11"/>
      <c r="B4539" s="8"/>
    </row>
    <row r="4540" spans="1:2" x14ac:dyDescent="0.3">
      <c r="A4540" s="11"/>
      <c r="B4540" s="8"/>
    </row>
    <row r="4541" spans="1:2" x14ac:dyDescent="0.3">
      <c r="A4541" s="11"/>
      <c r="B4541" s="8"/>
    </row>
    <row r="4542" spans="1:2" x14ac:dyDescent="0.3">
      <c r="A4542" s="11"/>
      <c r="B4542" s="8"/>
    </row>
    <row r="4543" spans="1:2" x14ac:dyDescent="0.3">
      <c r="A4543" s="11"/>
      <c r="B4543" s="8"/>
    </row>
    <row r="4544" spans="1:2" x14ac:dyDescent="0.3">
      <c r="A4544" s="11"/>
      <c r="B4544" s="8"/>
    </row>
    <row r="4545" spans="1:2" x14ac:dyDescent="0.3">
      <c r="A4545" s="11"/>
      <c r="B4545" s="8"/>
    </row>
    <row r="4546" spans="1:2" x14ac:dyDescent="0.3">
      <c r="A4546" s="11"/>
      <c r="B4546" s="8"/>
    </row>
    <row r="4547" spans="1:2" x14ac:dyDescent="0.3">
      <c r="A4547" s="11"/>
      <c r="B4547" s="8"/>
    </row>
    <row r="4548" spans="1:2" x14ac:dyDescent="0.3">
      <c r="A4548" s="11"/>
      <c r="B4548" s="8"/>
    </row>
    <row r="4549" spans="1:2" x14ac:dyDescent="0.3">
      <c r="A4549" s="11"/>
      <c r="B4549" s="8"/>
    </row>
    <row r="4550" spans="1:2" x14ac:dyDescent="0.3">
      <c r="A4550" s="11"/>
      <c r="B4550" s="8"/>
    </row>
    <row r="4551" spans="1:2" x14ac:dyDescent="0.3">
      <c r="A4551" s="11"/>
      <c r="B4551" s="8"/>
    </row>
    <row r="4552" spans="1:2" x14ac:dyDescent="0.3">
      <c r="A4552" s="11"/>
      <c r="B4552" s="8"/>
    </row>
    <row r="4553" spans="1:2" x14ac:dyDescent="0.3">
      <c r="A4553" s="11"/>
      <c r="B4553" s="8"/>
    </row>
    <row r="4554" spans="1:2" x14ac:dyDescent="0.3">
      <c r="A4554" s="11"/>
      <c r="B4554" s="8"/>
    </row>
    <row r="4555" spans="1:2" x14ac:dyDescent="0.3">
      <c r="A4555" s="11"/>
      <c r="B4555" s="8"/>
    </row>
    <row r="4556" spans="1:2" x14ac:dyDescent="0.3">
      <c r="A4556" s="11"/>
      <c r="B4556" s="8"/>
    </row>
    <row r="4557" spans="1:2" x14ac:dyDescent="0.3">
      <c r="A4557" s="11"/>
      <c r="B4557" s="8"/>
    </row>
    <row r="4558" spans="1:2" x14ac:dyDescent="0.3">
      <c r="A4558" s="11"/>
      <c r="B4558" s="8"/>
    </row>
    <row r="4559" spans="1:2" x14ac:dyDescent="0.3">
      <c r="A4559" s="11"/>
      <c r="B4559" s="8"/>
    </row>
    <row r="4560" spans="1:2" x14ac:dyDescent="0.3">
      <c r="A4560" s="11"/>
      <c r="B4560" s="8"/>
    </row>
    <row r="4561" spans="1:2" x14ac:dyDescent="0.3">
      <c r="A4561" s="11"/>
      <c r="B4561" s="8"/>
    </row>
    <row r="4562" spans="1:2" x14ac:dyDescent="0.3">
      <c r="A4562" s="11"/>
      <c r="B4562" s="8"/>
    </row>
    <row r="4563" spans="1:2" x14ac:dyDescent="0.3">
      <c r="A4563" s="11"/>
      <c r="B4563" s="8"/>
    </row>
    <row r="4564" spans="1:2" x14ac:dyDescent="0.3">
      <c r="A4564" s="11"/>
      <c r="B4564" s="8"/>
    </row>
    <row r="4565" spans="1:2" x14ac:dyDescent="0.3">
      <c r="A4565" s="11"/>
      <c r="B4565" s="8"/>
    </row>
    <row r="4566" spans="1:2" x14ac:dyDescent="0.3">
      <c r="A4566" s="11"/>
      <c r="B4566" s="8"/>
    </row>
    <row r="4567" spans="1:2" x14ac:dyDescent="0.3">
      <c r="A4567" s="11"/>
      <c r="B4567" s="8"/>
    </row>
    <row r="4568" spans="1:2" x14ac:dyDescent="0.3">
      <c r="A4568" s="11"/>
      <c r="B4568" s="8"/>
    </row>
    <row r="4569" spans="1:2" x14ac:dyDescent="0.3">
      <c r="A4569" s="11"/>
      <c r="B4569" s="8"/>
    </row>
    <row r="4570" spans="1:2" x14ac:dyDescent="0.3">
      <c r="A4570" s="11"/>
      <c r="B4570" s="8"/>
    </row>
    <row r="4571" spans="1:2" x14ac:dyDescent="0.3">
      <c r="A4571" s="11"/>
      <c r="B4571" s="8"/>
    </row>
    <row r="4572" spans="1:2" x14ac:dyDescent="0.3">
      <c r="A4572" s="11"/>
      <c r="B4572" s="8"/>
    </row>
    <row r="4573" spans="1:2" x14ac:dyDescent="0.3">
      <c r="A4573" s="11"/>
      <c r="B4573" s="8"/>
    </row>
    <row r="4574" spans="1:2" x14ac:dyDescent="0.3">
      <c r="A4574" s="11"/>
      <c r="B4574" s="8"/>
    </row>
    <row r="4575" spans="1:2" x14ac:dyDescent="0.3">
      <c r="A4575" s="11"/>
      <c r="B4575" s="8"/>
    </row>
    <row r="4576" spans="1:2" x14ac:dyDescent="0.3">
      <c r="A4576" s="11"/>
      <c r="B4576" s="8"/>
    </row>
    <row r="4577" spans="1:2" x14ac:dyDescent="0.3">
      <c r="A4577" s="11"/>
      <c r="B4577" s="8"/>
    </row>
    <row r="4578" spans="1:2" x14ac:dyDescent="0.3">
      <c r="A4578" s="11"/>
      <c r="B4578" s="8"/>
    </row>
    <row r="4579" spans="1:2" x14ac:dyDescent="0.3">
      <c r="A4579" s="11"/>
      <c r="B4579" s="8"/>
    </row>
    <row r="4580" spans="1:2" x14ac:dyDescent="0.3">
      <c r="A4580" s="11"/>
      <c r="B4580" s="8"/>
    </row>
    <row r="4581" spans="1:2" x14ac:dyDescent="0.3">
      <c r="A4581" s="11"/>
      <c r="B4581" s="8"/>
    </row>
    <row r="4582" spans="1:2" x14ac:dyDescent="0.3">
      <c r="A4582" s="11"/>
      <c r="B4582" s="8"/>
    </row>
    <row r="4583" spans="1:2" x14ac:dyDescent="0.3">
      <c r="A4583" s="11"/>
      <c r="B4583" s="8"/>
    </row>
    <row r="4584" spans="1:2" x14ac:dyDescent="0.3">
      <c r="A4584" s="11"/>
      <c r="B4584" s="8"/>
    </row>
    <row r="4585" spans="1:2" x14ac:dyDescent="0.3">
      <c r="A4585" s="11"/>
      <c r="B4585" s="8"/>
    </row>
    <row r="4586" spans="1:2" x14ac:dyDescent="0.3">
      <c r="A4586" s="11"/>
      <c r="B4586" s="8"/>
    </row>
    <row r="4587" spans="1:2" x14ac:dyDescent="0.3">
      <c r="A4587" s="11"/>
      <c r="B4587" s="8"/>
    </row>
    <row r="4588" spans="1:2" x14ac:dyDescent="0.3">
      <c r="A4588" s="11"/>
      <c r="B4588" s="8"/>
    </row>
    <row r="4589" spans="1:2" x14ac:dyDescent="0.3">
      <c r="A4589" s="11"/>
      <c r="B4589" s="8"/>
    </row>
    <row r="4590" spans="1:2" x14ac:dyDescent="0.3">
      <c r="A4590" s="11"/>
      <c r="B4590" s="8"/>
    </row>
    <row r="4591" spans="1:2" x14ac:dyDescent="0.3">
      <c r="A4591" s="11"/>
      <c r="B4591" s="8"/>
    </row>
    <row r="4592" spans="1:2" x14ac:dyDescent="0.3">
      <c r="A4592" s="11"/>
      <c r="B4592" s="8"/>
    </row>
    <row r="4593" spans="1:2" x14ac:dyDescent="0.3">
      <c r="A4593" s="11"/>
      <c r="B4593" s="8"/>
    </row>
    <row r="4594" spans="1:2" x14ac:dyDescent="0.3">
      <c r="A4594" s="11"/>
      <c r="B4594" s="8"/>
    </row>
    <row r="4595" spans="1:2" x14ac:dyDescent="0.3">
      <c r="A4595" s="11"/>
      <c r="B4595" s="8"/>
    </row>
    <row r="4596" spans="1:2" x14ac:dyDescent="0.3">
      <c r="A4596" s="11"/>
      <c r="B4596" s="8"/>
    </row>
    <row r="4597" spans="1:2" x14ac:dyDescent="0.3">
      <c r="A4597" s="11"/>
      <c r="B4597" s="8"/>
    </row>
    <row r="4598" spans="1:2" x14ac:dyDescent="0.3">
      <c r="A4598" s="11"/>
      <c r="B4598" s="8"/>
    </row>
    <row r="4599" spans="1:2" x14ac:dyDescent="0.3">
      <c r="A4599" s="11"/>
      <c r="B4599" s="8"/>
    </row>
    <row r="4600" spans="1:2" x14ac:dyDescent="0.3">
      <c r="A4600" s="11"/>
      <c r="B4600" s="8"/>
    </row>
    <row r="4601" spans="1:2" x14ac:dyDescent="0.3">
      <c r="A4601" s="11"/>
      <c r="B4601" s="8"/>
    </row>
    <row r="4602" spans="1:2" x14ac:dyDescent="0.3">
      <c r="A4602" s="11"/>
      <c r="B4602" s="8"/>
    </row>
    <row r="4603" spans="1:2" x14ac:dyDescent="0.3">
      <c r="A4603" s="11"/>
      <c r="B4603" s="8"/>
    </row>
    <row r="4604" spans="1:2" x14ac:dyDescent="0.3">
      <c r="A4604" s="11"/>
      <c r="B4604" s="8"/>
    </row>
    <row r="4605" spans="1:2" x14ac:dyDescent="0.3">
      <c r="A4605" s="11"/>
      <c r="B4605" s="8"/>
    </row>
    <row r="4606" spans="1:2" x14ac:dyDescent="0.3">
      <c r="A4606" s="11"/>
      <c r="B4606" s="8"/>
    </row>
    <row r="4607" spans="1:2" x14ac:dyDescent="0.3">
      <c r="A4607" s="11"/>
      <c r="B4607" s="8"/>
    </row>
    <row r="4608" spans="1:2" x14ac:dyDescent="0.3">
      <c r="A4608" s="11"/>
      <c r="B4608" s="8"/>
    </row>
    <row r="4609" spans="1:2" x14ac:dyDescent="0.3">
      <c r="A4609" s="11"/>
      <c r="B4609" s="8"/>
    </row>
    <row r="4610" spans="1:2" x14ac:dyDescent="0.3">
      <c r="A4610" s="11"/>
      <c r="B4610" s="8"/>
    </row>
    <row r="4611" spans="1:2" x14ac:dyDescent="0.3">
      <c r="A4611" s="11"/>
      <c r="B4611" s="8"/>
    </row>
    <row r="4612" spans="1:2" x14ac:dyDescent="0.3">
      <c r="A4612" s="11"/>
      <c r="B4612" s="8"/>
    </row>
    <row r="4613" spans="1:2" x14ac:dyDescent="0.3">
      <c r="A4613" s="11"/>
      <c r="B4613" s="8"/>
    </row>
    <row r="4614" spans="1:2" x14ac:dyDescent="0.3">
      <c r="A4614" s="11"/>
      <c r="B4614" s="8"/>
    </row>
    <row r="4615" spans="1:2" x14ac:dyDescent="0.3">
      <c r="A4615" s="11"/>
      <c r="B4615" s="8"/>
    </row>
    <row r="4616" spans="1:2" x14ac:dyDescent="0.3">
      <c r="A4616" s="11"/>
      <c r="B4616" s="8"/>
    </row>
    <row r="4617" spans="1:2" x14ac:dyDescent="0.3">
      <c r="A4617" s="11"/>
      <c r="B4617" s="8"/>
    </row>
    <row r="4618" spans="1:2" x14ac:dyDescent="0.3">
      <c r="A4618" s="11"/>
      <c r="B4618" s="8"/>
    </row>
    <row r="4619" spans="1:2" x14ac:dyDescent="0.3">
      <c r="A4619" s="11"/>
      <c r="B4619" s="8"/>
    </row>
    <row r="4620" spans="1:2" x14ac:dyDescent="0.3">
      <c r="A4620" s="11"/>
      <c r="B4620" s="8"/>
    </row>
    <row r="4621" spans="1:2" x14ac:dyDescent="0.3">
      <c r="A4621" s="11"/>
      <c r="B4621" s="8"/>
    </row>
    <row r="4622" spans="1:2" x14ac:dyDescent="0.3">
      <c r="A4622" s="11"/>
      <c r="B4622" s="8"/>
    </row>
    <row r="4623" spans="1:2" x14ac:dyDescent="0.3">
      <c r="A4623" s="11"/>
      <c r="B4623" s="8"/>
    </row>
    <row r="4624" spans="1:2" x14ac:dyDescent="0.3">
      <c r="A4624" s="11"/>
      <c r="B4624" s="8"/>
    </row>
    <row r="4625" spans="1:2" x14ac:dyDescent="0.3">
      <c r="A4625" s="11"/>
      <c r="B4625" s="8"/>
    </row>
    <row r="4626" spans="1:2" x14ac:dyDescent="0.3">
      <c r="A4626" s="11"/>
      <c r="B4626" s="8"/>
    </row>
    <row r="4627" spans="1:2" x14ac:dyDescent="0.3">
      <c r="A4627" s="11"/>
      <c r="B4627" s="8"/>
    </row>
    <row r="4628" spans="1:2" x14ac:dyDescent="0.3">
      <c r="A4628" s="11"/>
      <c r="B4628" s="8"/>
    </row>
    <row r="4629" spans="1:2" x14ac:dyDescent="0.3">
      <c r="A4629" s="11"/>
      <c r="B4629" s="8"/>
    </row>
    <row r="4630" spans="1:2" x14ac:dyDescent="0.3">
      <c r="A4630" s="11"/>
      <c r="B4630" s="8"/>
    </row>
    <row r="4631" spans="1:2" x14ac:dyDescent="0.3">
      <c r="A4631" s="11"/>
      <c r="B4631" s="8"/>
    </row>
    <row r="4632" spans="1:2" x14ac:dyDescent="0.3">
      <c r="A4632" s="11"/>
      <c r="B4632" s="8"/>
    </row>
    <row r="4633" spans="1:2" x14ac:dyDescent="0.3">
      <c r="A4633" s="11"/>
      <c r="B4633" s="8"/>
    </row>
    <row r="4634" spans="1:2" x14ac:dyDescent="0.3">
      <c r="A4634" s="11"/>
      <c r="B4634" s="8"/>
    </row>
    <row r="4635" spans="1:2" x14ac:dyDescent="0.3">
      <c r="A4635" s="11"/>
      <c r="B4635" s="8"/>
    </row>
    <row r="4636" spans="1:2" x14ac:dyDescent="0.3">
      <c r="A4636" s="11"/>
      <c r="B4636" s="8"/>
    </row>
    <row r="4637" spans="1:2" x14ac:dyDescent="0.3">
      <c r="A4637" s="11"/>
      <c r="B4637" s="8"/>
    </row>
    <row r="4638" spans="1:2" x14ac:dyDescent="0.3">
      <c r="A4638" s="11"/>
      <c r="B4638" s="8"/>
    </row>
    <row r="4639" spans="1:2" x14ac:dyDescent="0.3">
      <c r="A4639" s="11"/>
      <c r="B4639" s="8"/>
    </row>
    <row r="4640" spans="1:2" x14ac:dyDescent="0.3">
      <c r="A4640" s="11"/>
      <c r="B4640" s="8"/>
    </row>
    <row r="4641" spans="1:2" x14ac:dyDescent="0.3">
      <c r="A4641" s="11"/>
      <c r="B4641" s="8"/>
    </row>
    <row r="4642" spans="1:2" x14ac:dyDescent="0.3">
      <c r="A4642" s="11"/>
      <c r="B4642" s="8"/>
    </row>
    <row r="4643" spans="1:2" x14ac:dyDescent="0.3">
      <c r="A4643" s="11"/>
      <c r="B4643" s="8"/>
    </row>
    <row r="4644" spans="1:2" x14ac:dyDescent="0.3">
      <c r="A4644" s="11"/>
      <c r="B4644" s="8"/>
    </row>
    <row r="4645" spans="1:2" x14ac:dyDescent="0.3">
      <c r="A4645" s="11"/>
      <c r="B4645" s="8"/>
    </row>
    <row r="4646" spans="1:2" x14ac:dyDescent="0.3">
      <c r="A4646" s="11"/>
      <c r="B4646" s="8"/>
    </row>
    <row r="4647" spans="1:2" x14ac:dyDescent="0.3">
      <c r="A4647" s="11"/>
      <c r="B4647" s="8"/>
    </row>
    <row r="4648" spans="1:2" x14ac:dyDescent="0.3">
      <c r="A4648" s="11"/>
      <c r="B4648" s="8"/>
    </row>
    <row r="4649" spans="1:2" x14ac:dyDescent="0.3">
      <c r="A4649" s="11"/>
      <c r="B4649" s="8"/>
    </row>
    <row r="4650" spans="1:2" x14ac:dyDescent="0.3">
      <c r="A4650" s="11"/>
      <c r="B4650" s="8"/>
    </row>
    <row r="4651" spans="1:2" x14ac:dyDescent="0.3">
      <c r="A4651" s="11"/>
      <c r="B4651" s="8"/>
    </row>
    <row r="4652" spans="1:2" x14ac:dyDescent="0.3">
      <c r="A4652" s="11"/>
      <c r="B4652" s="8"/>
    </row>
    <row r="4653" spans="1:2" x14ac:dyDescent="0.3">
      <c r="A4653" s="11"/>
      <c r="B4653" s="8"/>
    </row>
    <row r="4654" spans="1:2" x14ac:dyDescent="0.3">
      <c r="A4654" s="11"/>
      <c r="B4654" s="8"/>
    </row>
    <row r="4655" spans="1:2" x14ac:dyDescent="0.3">
      <c r="A4655" s="11"/>
      <c r="B4655" s="8"/>
    </row>
    <row r="4656" spans="1:2" x14ac:dyDescent="0.3">
      <c r="A4656" s="11"/>
      <c r="B4656" s="8"/>
    </row>
    <row r="4657" spans="1:2" x14ac:dyDescent="0.3">
      <c r="A4657" s="11"/>
      <c r="B4657" s="8"/>
    </row>
    <row r="4658" spans="1:2" x14ac:dyDescent="0.3">
      <c r="A4658" s="11"/>
      <c r="B4658" s="8"/>
    </row>
    <row r="4659" spans="1:2" x14ac:dyDescent="0.3">
      <c r="A4659" s="11"/>
      <c r="B4659" s="8"/>
    </row>
    <row r="4660" spans="1:2" x14ac:dyDescent="0.3">
      <c r="A4660" s="11"/>
      <c r="B4660" s="8"/>
    </row>
    <row r="4661" spans="1:2" x14ac:dyDescent="0.3">
      <c r="A4661" s="11"/>
      <c r="B4661" s="8"/>
    </row>
    <row r="4662" spans="1:2" x14ac:dyDescent="0.3">
      <c r="A4662" s="11"/>
      <c r="B4662" s="8"/>
    </row>
    <row r="4663" spans="1:2" x14ac:dyDescent="0.3">
      <c r="A4663" s="11"/>
      <c r="B4663" s="8"/>
    </row>
    <row r="4664" spans="1:2" x14ac:dyDescent="0.3">
      <c r="A4664" s="11"/>
      <c r="B4664" s="8"/>
    </row>
    <row r="4665" spans="1:2" x14ac:dyDescent="0.3">
      <c r="A4665" s="11"/>
      <c r="B4665" s="8"/>
    </row>
    <row r="4666" spans="1:2" x14ac:dyDescent="0.3">
      <c r="A4666" s="11"/>
      <c r="B4666" s="8"/>
    </row>
    <row r="4667" spans="1:2" x14ac:dyDescent="0.3">
      <c r="A4667" s="11"/>
      <c r="B4667" s="8"/>
    </row>
    <row r="4668" spans="1:2" x14ac:dyDescent="0.3">
      <c r="A4668" s="11"/>
      <c r="B4668" s="8"/>
    </row>
    <row r="4669" spans="1:2" x14ac:dyDescent="0.3">
      <c r="A4669" s="11"/>
      <c r="B4669" s="8"/>
    </row>
    <row r="4670" spans="1:2" x14ac:dyDescent="0.3">
      <c r="A4670" s="11"/>
      <c r="B4670" s="8"/>
    </row>
    <row r="4671" spans="1:2" x14ac:dyDescent="0.3">
      <c r="A4671" s="11"/>
      <c r="B4671" s="8"/>
    </row>
    <row r="4672" spans="1:2" x14ac:dyDescent="0.3">
      <c r="A4672" s="11"/>
      <c r="B4672" s="8"/>
    </row>
    <row r="4673" spans="1:2" x14ac:dyDescent="0.3">
      <c r="A4673" s="11"/>
      <c r="B4673" s="8"/>
    </row>
    <row r="4674" spans="1:2" x14ac:dyDescent="0.3">
      <c r="A4674" s="11"/>
      <c r="B4674" s="8"/>
    </row>
    <row r="4675" spans="1:2" x14ac:dyDescent="0.3">
      <c r="A4675" s="11"/>
      <c r="B4675" s="8"/>
    </row>
    <row r="4676" spans="1:2" x14ac:dyDescent="0.3">
      <c r="A4676" s="11"/>
      <c r="B4676" s="8"/>
    </row>
    <row r="4677" spans="1:2" x14ac:dyDescent="0.3">
      <c r="A4677" s="11"/>
      <c r="B4677" s="8"/>
    </row>
    <row r="4678" spans="1:2" x14ac:dyDescent="0.3">
      <c r="A4678" s="11"/>
      <c r="B4678" s="8"/>
    </row>
    <row r="4679" spans="1:2" x14ac:dyDescent="0.3">
      <c r="A4679" s="11"/>
      <c r="B4679" s="8"/>
    </row>
    <row r="4680" spans="1:2" x14ac:dyDescent="0.3">
      <c r="A4680" s="11"/>
      <c r="B4680" s="8"/>
    </row>
    <row r="4681" spans="1:2" x14ac:dyDescent="0.3">
      <c r="A4681" s="11"/>
      <c r="B4681" s="8"/>
    </row>
    <row r="4682" spans="1:2" x14ac:dyDescent="0.3">
      <c r="A4682" s="11"/>
      <c r="B4682" s="8"/>
    </row>
    <row r="4683" spans="1:2" x14ac:dyDescent="0.3">
      <c r="A4683" s="11"/>
      <c r="B4683" s="8"/>
    </row>
    <row r="4684" spans="1:2" x14ac:dyDescent="0.3">
      <c r="A4684" s="11"/>
      <c r="B4684" s="8"/>
    </row>
    <row r="4685" spans="1:2" x14ac:dyDescent="0.3">
      <c r="A4685" s="11"/>
      <c r="B4685" s="8"/>
    </row>
    <row r="4686" spans="1:2" x14ac:dyDescent="0.3">
      <c r="A4686" s="11"/>
      <c r="B4686" s="8"/>
    </row>
    <row r="4687" spans="1:2" x14ac:dyDescent="0.3">
      <c r="A4687" s="11"/>
      <c r="B4687" s="8"/>
    </row>
    <row r="4688" spans="1:2" x14ac:dyDescent="0.3">
      <c r="A4688" s="11"/>
      <c r="B4688" s="8"/>
    </row>
    <row r="4689" spans="1:2" x14ac:dyDescent="0.3">
      <c r="A4689" s="11"/>
      <c r="B4689" s="8"/>
    </row>
    <row r="4690" spans="1:2" x14ac:dyDescent="0.3">
      <c r="A4690" s="11"/>
      <c r="B4690" s="8"/>
    </row>
    <row r="4691" spans="1:2" x14ac:dyDescent="0.3">
      <c r="A4691" s="11"/>
      <c r="B4691" s="8"/>
    </row>
    <row r="4692" spans="1:2" x14ac:dyDescent="0.3">
      <c r="A4692" s="11"/>
      <c r="B4692" s="8"/>
    </row>
    <row r="4693" spans="1:2" x14ac:dyDescent="0.3">
      <c r="A4693" s="11"/>
      <c r="B4693" s="8"/>
    </row>
    <row r="4694" spans="1:2" x14ac:dyDescent="0.3">
      <c r="A4694" s="11"/>
      <c r="B4694" s="8"/>
    </row>
    <row r="4695" spans="1:2" x14ac:dyDescent="0.3">
      <c r="A4695" s="11"/>
      <c r="B4695" s="8"/>
    </row>
    <row r="4696" spans="1:2" x14ac:dyDescent="0.3">
      <c r="A4696" s="11"/>
      <c r="B4696" s="8"/>
    </row>
    <row r="4697" spans="1:2" x14ac:dyDescent="0.3">
      <c r="A4697" s="11"/>
      <c r="B4697" s="8"/>
    </row>
    <row r="4698" spans="1:2" x14ac:dyDescent="0.3">
      <c r="A4698" s="11"/>
      <c r="B4698" s="8"/>
    </row>
    <row r="4699" spans="1:2" x14ac:dyDescent="0.3">
      <c r="A4699" s="11"/>
      <c r="B4699" s="8"/>
    </row>
    <row r="4700" spans="1:2" x14ac:dyDescent="0.3">
      <c r="A4700" s="11"/>
      <c r="B4700" s="8"/>
    </row>
    <row r="4701" spans="1:2" x14ac:dyDescent="0.3">
      <c r="A4701" s="11"/>
      <c r="B4701" s="8"/>
    </row>
    <row r="4702" spans="1:2" x14ac:dyDescent="0.3">
      <c r="A4702" s="11"/>
      <c r="B4702" s="8"/>
    </row>
    <row r="4703" spans="1:2" x14ac:dyDescent="0.3">
      <c r="A4703" s="11"/>
      <c r="B4703" s="8"/>
    </row>
    <row r="4704" spans="1:2" x14ac:dyDescent="0.3">
      <c r="A4704" s="11"/>
      <c r="B4704" s="8"/>
    </row>
    <row r="4705" spans="1:2" x14ac:dyDescent="0.3">
      <c r="A4705" s="11"/>
      <c r="B4705" s="8"/>
    </row>
    <row r="4706" spans="1:2" x14ac:dyDescent="0.3">
      <c r="A4706" s="11"/>
      <c r="B4706" s="8"/>
    </row>
    <row r="4707" spans="1:2" x14ac:dyDescent="0.3">
      <c r="A4707" s="11"/>
      <c r="B4707" s="8"/>
    </row>
    <row r="4708" spans="1:2" x14ac:dyDescent="0.3">
      <c r="A4708" s="11"/>
      <c r="B4708" s="8"/>
    </row>
    <row r="4709" spans="1:2" x14ac:dyDescent="0.3">
      <c r="A4709" s="11"/>
      <c r="B4709" s="8"/>
    </row>
    <row r="4710" spans="1:2" x14ac:dyDescent="0.3">
      <c r="A4710" s="11"/>
      <c r="B4710" s="8"/>
    </row>
    <row r="4711" spans="1:2" x14ac:dyDescent="0.3">
      <c r="A4711" s="11"/>
      <c r="B4711" s="8"/>
    </row>
    <row r="4712" spans="1:2" x14ac:dyDescent="0.3">
      <c r="A4712" s="11"/>
      <c r="B4712" s="8"/>
    </row>
    <row r="4713" spans="1:2" x14ac:dyDescent="0.3">
      <c r="A4713" s="11"/>
      <c r="B4713" s="8"/>
    </row>
    <row r="4714" spans="1:2" x14ac:dyDescent="0.3">
      <c r="A4714" s="11"/>
      <c r="B4714" s="8"/>
    </row>
    <row r="4715" spans="1:2" x14ac:dyDescent="0.3">
      <c r="A4715" s="11"/>
      <c r="B4715" s="8"/>
    </row>
    <row r="4716" spans="1:2" x14ac:dyDescent="0.3">
      <c r="A4716" s="11"/>
      <c r="B4716" s="8"/>
    </row>
    <row r="4717" spans="1:2" x14ac:dyDescent="0.3">
      <c r="A4717" s="11"/>
      <c r="B4717" s="8"/>
    </row>
    <row r="4718" spans="1:2" x14ac:dyDescent="0.3">
      <c r="A4718" s="11"/>
      <c r="B4718" s="8"/>
    </row>
    <row r="4719" spans="1:2" x14ac:dyDescent="0.3">
      <c r="A4719" s="11"/>
      <c r="B4719" s="8"/>
    </row>
    <row r="4720" spans="1:2" x14ac:dyDescent="0.3">
      <c r="A4720" s="11"/>
      <c r="B4720" s="8"/>
    </row>
    <row r="4721" spans="1:2" x14ac:dyDescent="0.3">
      <c r="A4721" s="11"/>
      <c r="B4721" s="8"/>
    </row>
    <row r="4722" spans="1:2" x14ac:dyDescent="0.3">
      <c r="A4722" s="11"/>
      <c r="B4722" s="8"/>
    </row>
    <row r="4723" spans="1:2" x14ac:dyDescent="0.3">
      <c r="A4723" s="11"/>
      <c r="B4723" s="8"/>
    </row>
    <row r="4724" spans="1:2" x14ac:dyDescent="0.3">
      <c r="A4724" s="11"/>
      <c r="B4724" s="8"/>
    </row>
    <row r="4725" spans="1:2" x14ac:dyDescent="0.3">
      <c r="A4725" s="11"/>
      <c r="B4725" s="8"/>
    </row>
    <row r="4726" spans="1:2" x14ac:dyDescent="0.3">
      <c r="A4726" s="11"/>
      <c r="B4726" s="8"/>
    </row>
    <row r="4727" spans="1:2" x14ac:dyDescent="0.3">
      <c r="A4727" s="11"/>
      <c r="B4727" s="8"/>
    </row>
    <row r="4728" spans="1:2" x14ac:dyDescent="0.3">
      <c r="A4728" s="11"/>
      <c r="B4728" s="8"/>
    </row>
    <row r="4729" spans="1:2" x14ac:dyDescent="0.3">
      <c r="A4729" s="11"/>
      <c r="B4729" s="8"/>
    </row>
    <row r="4730" spans="1:2" x14ac:dyDescent="0.3">
      <c r="A4730" s="11"/>
      <c r="B4730" s="8"/>
    </row>
    <row r="4731" spans="1:2" x14ac:dyDescent="0.3">
      <c r="A4731" s="11"/>
      <c r="B4731" s="8"/>
    </row>
    <row r="4732" spans="1:2" x14ac:dyDescent="0.3">
      <c r="A4732" s="11"/>
      <c r="B4732" s="8"/>
    </row>
    <row r="4733" spans="1:2" x14ac:dyDescent="0.3">
      <c r="A4733" s="11"/>
      <c r="B4733" s="8"/>
    </row>
    <row r="4734" spans="1:2" x14ac:dyDescent="0.3">
      <c r="A4734" s="11"/>
      <c r="B4734" s="8"/>
    </row>
    <row r="4735" spans="1:2" x14ac:dyDescent="0.3">
      <c r="A4735" s="11"/>
      <c r="B4735" s="8"/>
    </row>
    <row r="4736" spans="1:2" x14ac:dyDescent="0.3">
      <c r="A4736" s="11"/>
      <c r="B4736" s="8"/>
    </row>
    <row r="4737" spans="1:2" x14ac:dyDescent="0.3">
      <c r="A4737" s="11"/>
      <c r="B4737" s="8"/>
    </row>
    <row r="4738" spans="1:2" x14ac:dyDescent="0.3">
      <c r="A4738" s="11"/>
      <c r="B4738" s="8"/>
    </row>
    <row r="4739" spans="1:2" x14ac:dyDescent="0.3">
      <c r="A4739" s="11"/>
      <c r="B4739" s="8"/>
    </row>
    <row r="4740" spans="1:2" x14ac:dyDescent="0.3">
      <c r="A4740" s="11"/>
      <c r="B4740" s="8"/>
    </row>
    <row r="4741" spans="1:2" x14ac:dyDescent="0.3">
      <c r="A4741" s="11"/>
      <c r="B4741" s="8"/>
    </row>
    <row r="4742" spans="1:2" x14ac:dyDescent="0.3">
      <c r="A4742" s="11"/>
      <c r="B4742" s="8"/>
    </row>
    <row r="4743" spans="1:2" x14ac:dyDescent="0.3">
      <c r="A4743" s="11"/>
      <c r="B4743" s="8"/>
    </row>
    <row r="4744" spans="1:2" x14ac:dyDescent="0.3">
      <c r="A4744" s="11"/>
      <c r="B4744" s="8"/>
    </row>
    <row r="4745" spans="1:2" x14ac:dyDescent="0.3">
      <c r="A4745" s="11"/>
      <c r="B4745" s="8"/>
    </row>
    <row r="4746" spans="1:2" x14ac:dyDescent="0.3">
      <c r="A4746" s="11"/>
      <c r="B4746" s="8"/>
    </row>
    <row r="4747" spans="1:2" x14ac:dyDescent="0.3">
      <c r="A4747" s="11"/>
      <c r="B4747" s="8"/>
    </row>
    <row r="4748" spans="1:2" x14ac:dyDescent="0.3">
      <c r="A4748" s="11"/>
      <c r="B4748" s="8"/>
    </row>
    <row r="4749" spans="1:2" x14ac:dyDescent="0.3">
      <c r="A4749" s="11"/>
      <c r="B4749" s="8"/>
    </row>
    <row r="4750" spans="1:2" x14ac:dyDescent="0.3">
      <c r="A4750" s="11"/>
      <c r="B4750" s="8"/>
    </row>
    <row r="4751" spans="1:2" x14ac:dyDescent="0.3">
      <c r="A4751" s="11"/>
      <c r="B4751" s="8"/>
    </row>
    <row r="4752" spans="1:2" x14ac:dyDescent="0.3">
      <c r="A4752" s="11"/>
      <c r="B4752" s="8"/>
    </row>
    <row r="4753" spans="1:2" x14ac:dyDescent="0.3">
      <c r="A4753" s="11"/>
      <c r="B4753" s="8"/>
    </row>
    <row r="4754" spans="1:2" x14ac:dyDescent="0.3">
      <c r="A4754" s="11"/>
      <c r="B4754" s="8"/>
    </row>
    <row r="4755" spans="1:2" x14ac:dyDescent="0.3">
      <c r="A4755" s="11"/>
      <c r="B4755" s="8"/>
    </row>
    <row r="4756" spans="1:2" x14ac:dyDescent="0.3">
      <c r="A4756" s="11"/>
      <c r="B4756" s="8"/>
    </row>
    <row r="4757" spans="1:2" x14ac:dyDescent="0.3">
      <c r="A4757" s="11"/>
      <c r="B4757" s="8"/>
    </row>
    <row r="4758" spans="1:2" x14ac:dyDescent="0.3">
      <c r="A4758" s="11"/>
      <c r="B4758" s="8"/>
    </row>
    <row r="4759" spans="1:2" x14ac:dyDescent="0.3">
      <c r="A4759" s="11"/>
      <c r="B4759" s="8"/>
    </row>
    <row r="4760" spans="1:2" x14ac:dyDescent="0.3">
      <c r="A4760" s="11"/>
      <c r="B4760" s="8"/>
    </row>
    <row r="4761" spans="1:2" x14ac:dyDescent="0.3">
      <c r="A4761" s="11"/>
      <c r="B4761" s="8"/>
    </row>
    <row r="4762" spans="1:2" x14ac:dyDescent="0.3">
      <c r="A4762" s="11"/>
      <c r="B4762" s="8"/>
    </row>
    <row r="4763" spans="1:2" x14ac:dyDescent="0.3">
      <c r="A4763" s="11"/>
      <c r="B4763" s="8"/>
    </row>
    <row r="4764" spans="1:2" x14ac:dyDescent="0.3">
      <c r="A4764" s="11"/>
      <c r="B4764" s="8"/>
    </row>
    <row r="4765" spans="1:2" x14ac:dyDescent="0.3">
      <c r="A4765" s="11"/>
      <c r="B4765" s="8"/>
    </row>
    <row r="4766" spans="1:2" x14ac:dyDescent="0.3">
      <c r="A4766" s="11"/>
      <c r="B4766" s="8"/>
    </row>
    <row r="4767" spans="1:2" x14ac:dyDescent="0.3">
      <c r="A4767" s="11"/>
      <c r="B4767" s="8"/>
    </row>
    <row r="4768" spans="1:2" x14ac:dyDescent="0.3">
      <c r="A4768" s="11"/>
      <c r="B4768" s="8"/>
    </row>
    <row r="4769" spans="1:2" x14ac:dyDescent="0.3">
      <c r="A4769" s="11"/>
      <c r="B4769" s="8"/>
    </row>
    <row r="4770" spans="1:2" x14ac:dyDescent="0.3">
      <c r="A4770" s="11"/>
      <c r="B4770" s="8"/>
    </row>
    <row r="4771" spans="1:2" x14ac:dyDescent="0.3">
      <c r="A4771" s="11"/>
      <c r="B4771" s="8"/>
    </row>
    <row r="4772" spans="1:2" x14ac:dyDescent="0.3">
      <c r="A4772" s="11"/>
      <c r="B4772" s="8"/>
    </row>
    <row r="4773" spans="1:2" x14ac:dyDescent="0.3">
      <c r="A4773" s="11"/>
      <c r="B4773" s="8"/>
    </row>
    <row r="4774" spans="1:2" x14ac:dyDescent="0.3">
      <c r="A4774" s="11"/>
      <c r="B4774" s="8"/>
    </row>
    <row r="4775" spans="1:2" x14ac:dyDescent="0.3">
      <c r="A4775" s="11"/>
      <c r="B4775" s="8"/>
    </row>
    <row r="4776" spans="1:2" x14ac:dyDescent="0.3">
      <c r="A4776" s="11"/>
      <c r="B4776" s="8"/>
    </row>
    <row r="4777" spans="1:2" x14ac:dyDescent="0.3">
      <c r="A4777" s="11"/>
      <c r="B4777" s="8"/>
    </row>
    <row r="4778" spans="1:2" x14ac:dyDescent="0.3">
      <c r="A4778" s="11"/>
      <c r="B4778" s="8"/>
    </row>
    <row r="4779" spans="1:2" x14ac:dyDescent="0.3">
      <c r="A4779" s="11"/>
      <c r="B4779" s="8"/>
    </row>
    <row r="4780" spans="1:2" x14ac:dyDescent="0.3">
      <c r="A4780" s="11"/>
      <c r="B4780" s="8"/>
    </row>
    <row r="4781" spans="1:2" x14ac:dyDescent="0.3">
      <c r="A4781" s="11"/>
      <c r="B4781" s="8"/>
    </row>
    <row r="4782" spans="1:2" x14ac:dyDescent="0.3">
      <c r="A4782" s="11"/>
      <c r="B4782" s="8"/>
    </row>
    <row r="4783" spans="1:2" x14ac:dyDescent="0.3">
      <c r="A4783" s="11"/>
      <c r="B4783" s="8"/>
    </row>
    <row r="4784" spans="1:2" x14ac:dyDescent="0.3">
      <c r="A4784" s="11"/>
      <c r="B4784" s="8"/>
    </row>
    <row r="4785" spans="1:2" x14ac:dyDescent="0.3">
      <c r="A4785" s="11"/>
      <c r="B4785" s="8"/>
    </row>
    <row r="4786" spans="1:2" x14ac:dyDescent="0.3">
      <c r="A4786" s="11"/>
      <c r="B4786" s="8"/>
    </row>
    <row r="4787" spans="1:2" x14ac:dyDescent="0.3">
      <c r="A4787" s="11"/>
      <c r="B4787" s="8"/>
    </row>
    <row r="4788" spans="1:2" x14ac:dyDescent="0.3">
      <c r="A4788" s="11"/>
      <c r="B4788" s="8"/>
    </row>
    <row r="4789" spans="1:2" x14ac:dyDescent="0.3">
      <c r="A4789" s="11"/>
      <c r="B4789" s="8"/>
    </row>
    <row r="4790" spans="1:2" x14ac:dyDescent="0.3">
      <c r="A4790" s="11"/>
      <c r="B4790" s="8"/>
    </row>
    <row r="4791" spans="1:2" x14ac:dyDescent="0.3">
      <c r="A4791" s="11"/>
      <c r="B4791" s="8"/>
    </row>
    <row r="4792" spans="1:2" x14ac:dyDescent="0.3">
      <c r="A4792" s="11"/>
      <c r="B4792" s="8"/>
    </row>
    <row r="4793" spans="1:2" x14ac:dyDescent="0.3">
      <c r="A4793" s="11"/>
      <c r="B4793" s="8"/>
    </row>
    <row r="4794" spans="1:2" x14ac:dyDescent="0.3">
      <c r="A4794" s="11"/>
      <c r="B4794" s="8"/>
    </row>
    <row r="4795" spans="1:2" x14ac:dyDescent="0.3">
      <c r="A4795" s="11"/>
      <c r="B4795" s="8"/>
    </row>
    <row r="4796" spans="1:2" x14ac:dyDescent="0.3">
      <c r="A4796" s="11"/>
      <c r="B4796" s="8"/>
    </row>
    <row r="4797" spans="1:2" x14ac:dyDescent="0.3">
      <c r="A4797" s="11"/>
      <c r="B4797" s="8"/>
    </row>
    <row r="4798" spans="1:2" x14ac:dyDescent="0.3">
      <c r="A4798" s="11"/>
      <c r="B4798" s="8"/>
    </row>
    <row r="4799" spans="1:2" x14ac:dyDescent="0.3">
      <c r="A4799" s="11"/>
      <c r="B4799" s="8"/>
    </row>
    <row r="4800" spans="1:2" x14ac:dyDescent="0.3">
      <c r="A4800" s="11"/>
      <c r="B4800" s="8"/>
    </row>
    <row r="4801" spans="1:2" x14ac:dyDescent="0.3">
      <c r="A4801" s="11"/>
      <c r="B4801" s="8"/>
    </row>
    <row r="4802" spans="1:2" x14ac:dyDescent="0.3">
      <c r="A4802" s="11"/>
      <c r="B4802" s="8"/>
    </row>
    <row r="4803" spans="1:2" x14ac:dyDescent="0.3">
      <c r="A4803" s="11"/>
      <c r="B4803" s="8"/>
    </row>
    <row r="4804" spans="1:2" x14ac:dyDescent="0.3">
      <c r="A4804" s="11"/>
      <c r="B4804" s="8"/>
    </row>
    <row r="4805" spans="1:2" x14ac:dyDescent="0.3">
      <c r="A4805" s="11"/>
      <c r="B4805" s="8"/>
    </row>
    <row r="4806" spans="1:2" x14ac:dyDescent="0.3">
      <c r="A4806" s="11"/>
      <c r="B4806" s="8"/>
    </row>
    <row r="4807" spans="1:2" x14ac:dyDescent="0.3">
      <c r="A4807" s="11"/>
      <c r="B4807" s="8"/>
    </row>
    <row r="4808" spans="1:2" x14ac:dyDescent="0.3">
      <c r="A4808" s="11"/>
      <c r="B4808" s="8"/>
    </row>
    <row r="4809" spans="1:2" x14ac:dyDescent="0.3">
      <c r="A4809" s="11"/>
      <c r="B4809" s="8"/>
    </row>
    <row r="4810" spans="1:2" x14ac:dyDescent="0.3">
      <c r="A4810" s="11"/>
      <c r="B4810" s="8"/>
    </row>
    <row r="4811" spans="1:2" x14ac:dyDescent="0.3">
      <c r="A4811" s="11"/>
      <c r="B4811" s="8"/>
    </row>
    <row r="4812" spans="1:2" x14ac:dyDescent="0.3">
      <c r="A4812" s="11"/>
      <c r="B4812" s="8"/>
    </row>
    <row r="4813" spans="1:2" x14ac:dyDescent="0.3">
      <c r="A4813" s="11"/>
      <c r="B4813" s="8"/>
    </row>
    <row r="4814" spans="1:2" x14ac:dyDescent="0.3">
      <c r="A4814" s="11"/>
      <c r="B4814" s="8"/>
    </row>
    <row r="4815" spans="1:2" x14ac:dyDescent="0.3">
      <c r="A4815" s="11"/>
      <c r="B4815" s="8"/>
    </row>
    <row r="4816" spans="1:2" x14ac:dyDescent="0.3">
      <c r="A4816" s="11"/>
      <c r="B4816" s="8"/>
    </row>
    <row r="4817" spans="1:2" x14ac:dyDescent="0.3">
      <c r="A4817" s="11"/>
      <c r="B4817" s="8"/>
    </row>
    <row r="4818" spans="1:2" x14ac:dyDescent="0.3">
      <c r="A4818" s="11"/>
      <c r="B4818" s="8"/>
    </row>
    <row r="4819" spans="1:2" x14ac:dyDescent="0.3">
      <c r="A4819" s="11"/>
      <c r="B4819" s="8"/>
    </row>
    <row r="4820" spans="1:2" x14ac:dyDescent="0.3">
      <c r="A4820" s="11"/>
      <c r="B4820" s="8"/>
    </row>
    <row r="4821" spans="1:2" x14ac:dyDescent="0.3">
      <c r="A4821" s="11"/>
      <c r="B4821" s="8"/>
    </row>
    <row r="4822" spans="1:2" x14ac:dyDescent="0.3">
      <c r="A4822" s="11"/>
      <c r="B4822" s="8"/>
    </row>
    <row r="4823" spans="1:2" x14ac:dyDescent="0.3">
      <c r="A4823" s="11"/>
      <c r="B4823" s="8"/>
    </row>
    <row r="4824" spans="1:2" x14ac:dyDescent="0.3">
      <c r="A4824" s="11"/>
      <c r="B4824" s="8"/>
    </row>
    <row r="4825" spans="1:2" x14ac:dyDescent="0.3">
      <c r="A4825" s="11"/>
      <c r="B4825" s="8"/>
    </row>
    <row r="4826" spans="1:2" x14ac:dyDescent="0.3">
      <c r="A4826" s="11"/>
      <c r="B4826" s="8"/>
    </row>
    <row r="4827" spans="1:2" x14ac:dyDescent="0.3">
      <c r="A4827" s="11"/>
      <c r="B4827" s="8"/>
    </row>
    <row r="4828" spans="1:2" x14ac:dyDescent="0.3">
      <c r="A4828" s="11"/>
      <c r="B4828" s="8"/>
    </row>
    <row r="4829" spans="1:2" x14ac:dyDescent="0.3">
      <c r="A4829" s="11"/>
      <c r="B4829" s="8"/>
    </row>
    <row r="4830" spans="1:2" x14ac:dyDescent="0.3">
      <c r="A4830" s="11"/>
      <c r="B4830" s="8"/>
    </row>
    <row r="4831" spans="1:2" x14ac:dyDescent="0.3">
      <c r="A4831" s="11"/>
      <c r="B4831" s="8"/>
    </row>
    <row r="4832" spans="1:2" x14ac:dyDescent="0.3">
      <c r="A4832" s="11"/>
      <c r="B4832" s="8"/>
    </row>
    <row r="4833" spans="1:2" x14ac:dyDescent="0.3">
      <c r="A4833" s="11"/>
      <c r="B4833" s="8"/>
    </row>
    <row r="4834" spans="1:2" x14ac:dyDescent="0.3">
      <c r="A4834" s="11"/>
      <c r="B4834" s="8"/>
    </row>
    <row r="4835" spans="1:2" x14ac:dyDescent="0.3">
      <c r="A4835" s="11"/>
      <c r="B4835" s="8"/>
    </row>
    <row r="4836" spans="1:2" x14ac:dyDescent="0.3">
      <c r="A4836" s="11"/>
      <c r="B4836" s="8"/>
    </row>
    <row r="4837" spans="1:2" x14ac:dyDescent="0.3">
      <c r="A4837" s="11"/>
      <c r="B4837" s="8"/>
    </row>
    <row r="4838" spans="1:2" x14ac:dyDescent="0.3">
      <c r="A4838" s="11"/>
      <c r="B4838" s="8"/>
    </row>
    <row r="4839" spans="1:2" x14ac:dyDescent="0.3">
      <c r="A4839" s="11"/>
      <c r="B4839" s="8"/>
    </row>
    <row r="4840" spans="1:2" x14ac:dyDescent="0.3">
      <c r="A4840" s="11"/>
      <c r="B4840" s="8"/>
    </row>
    <row r="4841" spans="1:2" x14ac:dyDescent="0.3">
      <c r="A4841" s="11"/>
      <c r="B4841" s="8"/>
    </row>
    <row r="4842" spans="1:2" x14ac:dyDescent="0.3">
      <c r="A4842" s="11"/>
      <c r="B4842" s="8"/>
    </row>
    <row r="4843" spans="1:2" x14ac:dyDescent="0.3">
      <c r="A4843" s="11"/>
      <c r="B4843" s="8"/>
    </row>
    <row r="4844" spans="1:2" x14ac:dyDescent="0.3">
      <c r="A4844" s="11"/>
      <c r="B4844" s="8"/>
    </row>
    <row r="4845" spans="1:2" x14ac:dyDescent="0.3">
      <c r="A4845" s="11"/>
      <c r="B4845" s="8"/>
    </row>
    <row r="4846" spans="1:2" x14ac:dyDescent="0.3">
      <c r="A4846" s="11"/>
      <c r="B4846" s="8"/>
    </row>
    <row r="4847" spans="1:2" x14ac:dyDescent="0.3">
      <c r="A4847" s="11"/>
      <c r="B4847" s="8"/>
    </row>
    <row r="4848" spans="1:2" x14ac:dyDescent="0.3">
      <c r="A4848" s="11"/>
      <c r="B4848" s="8"/>
    </row>
    <row r="4849" spans="1:2" x14ac:dyDescent="0.3">
      <c r="A4849" s="11"/>
      <c r="B4849" s="8"/>
    </row>
    <row r="4850" spans="1:2" x14ac:dyDescent="0.3">
      <c r="A4850" s="11"/>
      <c r="B4850" s="8"/>
    </row>
    <row r="4851" spans="1:2" x14ac:dyDescent="0.3">
      <c r="A4851" s="11"/>
      <c r="B4851" s="8"/>
    </row>
    <row r="4852" spans="1:2" x14ac:dyDescent="0.3">
      <c r="A4852" s="11"/>
      <c r="B4852" s="8"/>
    </row>
    <row r="4853" spans="1:2" x14ac:dyDescent="0.3">
      <c r="A4853" s="11"/>
      <c r="B4853" s="8"/>
    </row>
    <row r="4854" spans="1:2" x14ac:dyDescent="0.3">
      <c r="A4854" s="11"/>
      <c r="B4854" s="8"/>
    </row>
    <row r="4855" spans="1:2" x14ac:dyDescent="0.3">
      <c r="A4855" s="11"/>
      <c r="B4855" s="8"/>
    </row>
    <row r="4856" spans="1:2" x14ac:dyDescent="0.3">
      <c r="A4856" s="11"/>
      <c r="B4856" s="8"/>
    </row>
    <row r="4857" spans="1:2" x14ac:dyDescent="0.3">
      <c r="A4857" s="11"/>
      <c r="B4857" s="8"/>
    </row>
    <row r="4858" spans="1:2" x14ac:dyDescent="0.3">
      <c r="A4858" s="11"/>
      <c r="B4858" s="8"/>
    </row>
    <row r="4859" spans="1:2" x14ac:dyDescent="0.3">
      <c r="A4859" s="11"/>
      <c r="B4859" s="8"/>
    </row>
    <row r="4860" spans="1:2" x14ac:dyDescent="0.3">
      <c r="A4860" s="11"/>
      <c r="B4860" s="8"/>
    </row>
    <row r="4861" spans="1:2" x14ac:dyDescent="0.3">
      <c r="A4861" s="11"/>
      <c r="B4861" s="8"/>
    </row>
    <row r="4862" spans="1:2" x14ac:dyDescent="0.3">
      <c r="A4862" s="11"/>
      <c r="B4862" s="8"/>
    </row>
    <row r="4863" spans="1:2" x14ac:dyDescent="0.3">
      <c r="A4863" s="11"/>
      <c r="B4863" s="8"/>
    </row>
    <row r="4864" spans="1:2" x14ac:dyDescent="0.3">
      <c r="A4864" s="11"/>
      <c r="B4864" s="8"/>
    </row>
    <row r="4865" spans="1:2" x14ac:dyDescent="0.3">
      <c r="A4865" s="11"/>
      <c r="B4865" s="8"/>
    </row>
    <row r="4866" spans="1:2" x14ac:dyDescent="0.3">
      <c r="A4866" s="11"/>
      <c r="B4866" s="8"/>
    </row>
    <row r="4867" spans="1:2" x14ac:dyDescent="0.3">
      <c r="A4867" s="11"/>
      <c r="B4867" s="8"/>
    </row>
    <row r="4868" spans="1:2" x14ac:dyDescent="0.3">
      <c r="A4868" s="11"/>
      <c r="B4868" s="8"/>
    </row>
    <row r="4869" spans="1:2" x14ac:dyDescent="0.3">
      <c r="A4869" s="11"/>
      <c r="B4869" s="8"/>
    </row>
    <row r="4870" spans="1:2" x14ac:dyDescent="0.3">
      <c r="A4870" s="11"/>
      <c r="B4870" s="8"/>
    </row>
    <row r="4871" spans="1:2" x14ac:dyDescent="0.3">
      <c r="A4871" s="11"/>
      <c r="B4871" s="8"/>
    </row>
    <row r="4872" spans="1:2" x14ac:dyDescent="0.3">
      <c r="A4872" s="11"/>
      <c r="B4872" s="8"/>
    </row>
    <row r="4873" spans="1:2" x14ac:dyDescent="0.3">
      <c r="A4873" s="11"/>
      <c r="B4873" s="8"/>
    </row>
    <row r="4874" spans="1:2" x14ac:dyDescent="0.3">
      <c r="A4874" s="11"/>
      <c r="B4874" s="8"/>
    </row>
    <row r="4875" spans="1:2" x14ac:dyDescent="0.3">
      <c r="A4875" s="11"/>
      <c r="B4875" s="8"/>
    </row>
    <row r="4876" spans="1:2" x14ac:dyDescent="0.3">
      <c r="A4876" s="11"/>
      <c r="B4876" s="8"/>
    </row>
    <row r="4877" spans="1:2" x14ac:dyDescent="0.3">
      <c r="A4877" s="11"/>
      <c r="B4877" s="8"/>
    </row>
    <row r="4878" spans="1:2" x14ac:dyDescent="0.3">
      <c r="A4878" s="11"/>
      <c r="B4878" s="8"/>
    </row>
    <row r="4879" spans="1:2" x14ac:dyDescent="0.3">
      <c r="A4879" s="11"/>
      <c r="B4879" s="8"/>
    </row>
    <row r="4880" spans="1:2" x14ac:dyDescent="0.3">
      <c r="A4880" s="11"/>
      <c r="B4880" s="8"/>
    </row>
    <row r="4881" spans="1:2" x14ac:dyDescent="0.3">
      <c r="A4881" s="11"/>
      <c r="B4881" s="8"/>
    </row>
    <row r="4882" spans="1:2" x14ac:dyDescent="0.3">
      <c r="A4882" s="11"/>
      <c r="B4882" s="8"/>
    </row>
    <row r="4883" spans="1:2" x14ac:dyDescent="0.3">
      <c r="A4883" s="11"/>
      <c r="B4883" s="8"/>
    </row>
    <row r="4884" spans="1:2" x14ac:dyDescent="0.3">
      <c r="A4884" s="11"/>
      <c r="B4884" s="8"/>
    </row>
    <row r="4885" spans="1:2" x14ac:dyDescent="0.3">
      <c r="A4885" s="11"/>
      <c r="B4885" s="8"/>
    </row>
    <row r="4886" spans="1:2" x14ac:dyDescent="0.3">
      <c r="A4886" s="11"/>
      <c r="B4886" s="8"/>
    </row>
    <row r="4887" spans="1:2" x14ac:dyDescent="0.3">
      <c r="A4887" s="11"/>
      <c r="B4887" s="8"/>
    </row>
    <row r="4888" spans="1:2" x14ac:dyDescent="0.3">
      <c r="A4888" s="11"/>
      <c r="B4888" s="8"/>
    </row>
    <row r="4889" spans="1:2" x14ac:dyDescent="0.3">
      <c r="A4889" s="11"/>
      <c r="B4889" s="8"/>
    </row>
    <row r="4890" spans="1:2" x14ac:dyDescent="0.3">
      <c r="A4890" s="11"/>
      <c r="B4890" s="8"/>
    </row>
    <row r="4891" spans="1:2" x14ac:dyDescent="0.3">
      <c r="A4891" s="11"/>
      <c r="B4891" s="8"/>
    </row>
    <row r="4892" spans="1:2" x14ac:dyDescent="0.3">
      <c r="A4892" s="11"/>
      <c r="B4892" s="8"/>
    </row>
    <row r="4893" spans="1:2" x14ac:dyDescent="0.3">
      <c r="A4893" s="11"/>
      <c r="B4893" s="8"/>
    </row>
    <row r="4894" spans="1:2" x14ac:dyDescent="0.3">
      <c r="A4894" s="11"/>
      <c r="B4894" s="8"/>
    </row>
    <row r="4895" spans="1:2" x14ac:dyDescent="0.3">
      <c r="A4895" s="11"/>
      <c r="B4895" s="8"/>
    </row>
    <row r="4896" spans="1:2" x14ac:dyDescent="0.3">
      <c r="A4896" s="11"/>
      <c r="B4896" s="8"/>
    </row>
    <row r="4897" spans="1:2" x14ac:dyDescent="0.3">
      <c r="A4897" s="11"/>
      <c r="B4897" s="8"/>
    </row>
    <row r="4898" spans="1:2" x14ac:dyDescent="0.3">
      <c r="A4898" s="11"/>
      <c r="B4898" s="8"/>
    </row>
    <row r="4899" spans="1:2" x14ac:dyDescent="0.3">
      <c r="A4899" s="11"/>
      <c r="B4899" s="8"/>
    </row>
    <row r="4900" spans="1:2" x14ac:dyDescent="0.3">
      <c r="A4900" s="11"/>
      <c r="B4900" s="8"/>
    </row>
    <row r="4901" spans="1:2" x14ac:dyDescent="0.3">
      <c r="A4901" s="11"/>
      <c r="B4901" s="8"/>
    </row>
    <row r="4902" spans="1:2" x14ac:dyDescent="0.3">
      <c r="A4902" s="11"/>
      <c r="B4902" s="8"/>
    </row>
    <row r="4903" spans="1:2" x14ac:dyDescent="0.3">
      <c r="A4903" s="11"/>
      <c r="B4903" s="8"/>
    </row>
    <row r="4904" spans="1:2" x14ac:dyDescent="0.3">
      <c r="A4904" s="11"/>
      <c r="B4904" s="8"/>
    </row>
    <row r="4905" spans="1:2" x14ac:dyDescent="0.3">
      <c r="A4905" s="11"/>
      <c r="B4905" s="8"/>
    </row>
    <row r="4906" spans="1:2" x14ac:dyDescent="0.3">
      <c r="A4906" s="11"/>
      <c r="B4906" s="8"/>
    </row>
    <row r="4907" spans="1:2" x14ac:dyDescent="0.3">
      <c r="A4907" s="11"/>
      <c r="B4907" s="8"/>
    </row>
    <row r="4908" spans="1:2" x14ac:dyDescent="0.3">
      <c r="A4908" s="11"/>
      <c r="B4908" s="8"/>
    </row>
    <row r="4909" spans="1:2" x14ac:dyDescent="0.3">
      <c r="A4909" s="11"/>
      <c r="B4909" s="8"/>
    </row>
    <row r="4910" spans="1:2" x14ac:dyDescent="0.3">
      <c r="A4910" s="11"/>
      <c r="B4910" s="8"/>
    </row>
    <row r="4911" spans="1:2" x14ac:dyDescent="0.3">
      <c r="A4911" s="11"/>
      <c r="B4911" s="8"/>
    </row>
    <row r="4912" spans="1:2" x14ac:dyDescent="0.3">
      <c r="A4912" s="11"/>
      <c r="B4912" s="8"/>
    </row>
    <row r="4913" spans="1:2" x14ac:dyDescent="0.3">
      <c r="A4913" s="11"/>
      <c r="B4913" s="8"/>
    </row>
    <row r="4914" spans="1:2" x14ac:dyDescent="0.3">
      <c r="A4914" s="11"/>
      <c r="B4914" s="8"/>
    </row>
    <row r="4915" spans="1:2" x14ac:dyDescent="0.3">
      <c r="A4915" s="11"/>
      <c r="B4915" s="8"/>
    </row>
    <row r="4916" spans="1:2" x14ac:dyDescent="0.3">
      <c r="A4916" s="11"/>
      <c r="B4916" s="8"/>
    </row>
    <row r="4917" spans="1:2" x14ac:dyDescent="0.3">
      <c r="A4917" s="11"/>
      <c r="B4917" s="8"/>
    </row>
    <row r="4918" spans="1:2" x14ac:dyDescent="0.3">
      <c r="A4918" s="11"/>
      <c r="B4918" s="8"/>
    </row>
    <row r="4919" spans="1:2" x14ac:dyDescent="0.3">
      <c r="A4919" s="11"/>
      <c r="B4919" s="8"/>
    </row>
    <row r="4920" spans="1:2" x14ac:dyDescent="0.3">
      <c r="A4920" s="11"/>
      <c r="B4920" s="8"/>
    </row>
    <row r="4921" spans="1:2" x14ac:dyDescent="0.3">
      <c r="A4921" s="11"/>
      <c r="B4921" s="8"/>
    </row>
    <row r="4922" spans="1:2" x14ac:dyDescent="0.3">
      <c r="A4922" s="11"/>
      <c r="B4922" s="8"/>
    </row>
    <row r="4923" spans="1:2" x14ac:dyDescent="0.3">
      <c r="A4923" s="11"/>
      <c r="B4923" s="8"/>
    </row>
    <row r="4924" spans="1:2" x14ac:dyDescent="0.3">
      <c r="A4924" s="11"/>
      <c r="B4924" s="8"/>
    </row>
    <row r="4925" spans="1:2" x14ac:dyDescent="0.3">
      <c r="A4925" s="11"/>
      <c r="B4925" s="8"/>
    </row>
    <row r="4926" spans="1:2" x14ac:dyDescent="0.3">
      <c r="A4926" s="11"/>
      <c r="B4926" s="8"/>
    </row>
    <row r="4927" spans="1:2" x14ac:dyDescent="0.3">
      <c r="A4927" s="11"/>
      <c r="B4927" s="8"/>
    </row>
    <row r="4928" spans="1:2" x14ac:dyDescent="0.3">
      <c r="A4928" s="11"/>
      <c r="B4928" s="8"/>
    </row>
    <row r="4929" spans="1:2" x14ac:dyDescent="0.3">
      <c r="A4929" s="11"/>
      <c r="B4929" s="8"/>
    </row>
    <row r="4930" spans="1:2" x14ac:dyDescent="0.3">
      <c r="A4930" s="11"/>
      <c r="B4930" s="8"/>
    </row>
    <row r="4931" spans="1:2" x14ac:dyDescent="0.3">
      <c r="A4931" s="11"/>
      <c r="B4931" s="8"/>
    </row>
    <row r="4932" spans="1:2" x14ac:dyDescent="0.3">
      <c r="A4932" s="11"/>
      <c r="B4932" s="8"/>
    </row>
    <row r="4933" spans="1:2" x14ac:dyDescent="0.3">
      <c r="A4933" s="11"/>
      <c r="B4933" s="8"/>
    </row>
    <row r="4934" spans="1:2" x14ac:dyDescent="0.3">
      <c r="A4934" s="11"/>
      <c r="B4934" s="8"/>
    </row>
    <row r="4935" spans="1:2" x14ac:dyDescent="0.3">
      <c r="A4935" s="11"/>
      <c r="B4935" s="8"/>
    </row>
    <row r="4936" spans="1:2" x14ac:dyDescent="0.3">
      <c r="A4936" s="11"/>
      <c r="B4936" s="8"/>
    </row>
    <row r="4937" spans="1:2" x14ac:dyDescent="0.3">
      <c r="A4937" s="11"/>
      <c r="B4937" s="8"/>
    </row>
    <row r="4938" spans="1:2" x14ac:dyDescent="0.3">
      <c r="A4938" s="11"/>
      <c r="B4938" s="8"/>
    </row>
    <row r="4939" spans="1:2" x14ac:dyDescent="0.3">
      <c r="A4939" s="11"/>
      <c r="B4939" s="8"/>
    </row>
    <row r="4940" spans="1:2" x14ac:dyDescent="0.3">
      <c r="A4940" s="11"/>
      <c r="B4940" s="8"/>
    </row>
    <row r="4941" spans="1:2" x14ac:dyDescent="0.3">
      <c r="A4941" s="11"/>
      <c r="B4941" s="8"/>
    </row>
    <row r="4942" spans="1:2" x14ac:dyDescent="0.3">
      <c r="A4942" s="11"/>
      <c r="B4942" s="8"/>
    </row>
    <row r="4943" spans="1:2" x14ac:dyDescent="0.3">
      <c r="A4943" s="11"/>
      <c r="B4943" s="8"/>
    </row>
    <row r="4944" spans="1:2" x14ac:dyDescent="0.3">
      <c r="A4944" s="11"/>
      <c r="B4944" s="8"/>
    </row>
    <row r="4945" spans="1:2" x14ac:dyDescent="0.3">
      <c r="A4945" s="11"/>
      <c r="B4945" s="8"/>
    </row>
    <row r="4946" spans="1:2" x14ac:dyDescent="0.3">
      <c r="A4946" s="11"/>
      <c r="B4946" s="8"/>
    </row>
    <row r="4947" spans="1:2" x14ac:dyDescent="0.3">
      <c r="A4947" s="11"/>
      <c r="B4947" s="8"/>
    </row>
    <row r="4948" spans="1:2" x14ac:dyDescent="0.3">
      <c r="A4948" s="11"/>
      <c r="B4948" s="8"/>
    </row>
    <row r="4949" spans="1:2" x14ac:dyDescent="0.3">
      <c r="A4949" s="11"/>
      <c r="B4949" s="8"/>
    </row>
    <row r="4950" spans="1:2" x14ac:dyDescent="0.3">
      <c r="A4950" s="11"/>
      <c r="B4950" s="8"/>
    </row>
    <row r="4951" spans="1:2" x14ac:dyDescent="0.3">
      <c r="A4951" s="11"/>
      <c r="B4951" s="8"/>
    </row>
    <row r="4952" spans="1:2" x14ac:dyDescent="0.3">
      <c r="A4952" s="11"/>
      <c r="B4952" s="8"/>
    </row>
    <row r="4953" spans="1:2" x14ac:dyDescent="0.3">
      <c r="A4953" s="11"/>
      <c r="B4953" s="8"/>
    </row>
    <row r="4954" spans="1:2" x14ac:dyDescent="0.3">
      <c r="A4954" s="11"/>
      <c r="B4954" s="8"/>
    </row>
    <row r="4955" spans="1:2" x14ac:dyDescent="0.3">
      <c r="A4955" s="11"/>
      <c r="B4955" s="8"/>
    </row>
    <row r="4956" spans="1:2" x14ac:dyDescent="0.3">
      <c r="A4956" s="11"/>
      <c r="B4956" s="8"/>
    </row>
    <row r="4957" spans="1:2" x14ac:dyDescent="0.3">
      <c r="A4957" s="11"/>
      <c r="B4957" s="8"/>
    </row>
    <row r="4958" spans="1:2" x14ac:dyDescent="0.3">
      <c r="A4958" s="11"/>
      <c r="B4958" s="8"/>
    </row>
    <row r="4959" spans="1:2" x14ac:dyDescent="0.3">
      <c r="A4959" s="11"/>
      <c r="B4959" s="8"/>
    </row>
    <row r="4960" spans="1:2" x14ac:dyDescent="0.3">
      <c r="A4960" s="11"/>
      <c r="B4960" s="8"/>
    </row>
    <row r="4961" spans="1:2" x14ac:dyDescent="0.3">
      <c r="A4961" s="11"/>
      <c r="B4961" s="8"/>
    </row>
    <row r="4962" spans="1:2" x14ac:dyDescent="0.3">
      <c r="A4962" s="11"/>
      <c r="B4962" s="8"/>
    </row>
    <row r="4963" spans="1:2" x14ac:dyDescent="0.3">
      <c r="A4963" s="11"/>
      <c r="B4963" s="8"/>
    </row>
    <row r="4964" spans="1:2" x14ac:dyDescent="0.3">
      <c r="A4964" s="11"/>
      <c r="B4964" s="8"/>
    </row>
    <row r="4965" spans="1:2" x14ac:dyDescent="0.3">
      <c r="A4965" s="11"/>
      <c r="B4965" s="8"/>
    </row>
    <row r="4966" spans="1:2" x14ac:dyDescent="0.3">
      <c r="A4966" s="11"/>
      <c r="B4966" s="8"/>
    </row>
    <row r="4967" spans="1:2" x14ac:dyDescent="0.3">
      <c r="A4967" s="11"/>
      <c r="B4967" s="8"/>
    </row>
    <row r="4968" spans="1:2" x14ac:dyDescent="0.3">
      <c r="A4968" s="11"/>
      <c r="B4968" s="8"/>
    </row>
    <row r="4969" spans="1:2" x14ac:dyDescent="0.3">
      <c r="A4969" s="11"/>
      <c r="B4969" s="8"/>
    </row>
    <row r="4970" spans="1:2" x14ac:dyDescent="0.3">
      <c r="A4970" s="11"/>
      <c r="B4970" s="8"/>
    </row>
    <row r="4971" spans="1:2" x14ac:dyDescent="0.3">
      <c r="A4971" s="11"/>
      <c r="B4971" s="8"/>
    </row>
    <row r="4972" spans="1:2" x14ac:dyDescent="0.3">
      <c r="A4972" s="11"/>
      <c r="B4972" s="8"/>
    </row>
    <row r="4973" spans="1:2" x14ac:dyDescent="0.3">
      <c r="A4973" s="11"/>
      <c r="B4973" s="8"/>
    </row>
    <row r="4974" spans="1:2" x14ac:dyDescent="0.3">
      <c r="A4974" s="11"/>
      <c r="B4974" s="8"/>
    </row>
    <row r="4975" spans="1:2" x14ac:dyDescent="0.3">
      <c r="A4975" s="11"/>
      <c r="B4975" s="8"/>
    </row>
    <row r="4976" spans="1:2" x14ac:dyDescent="0.3">
      <c r="A4976" s="11"/>
      <c r="B4976" s="8"/>
    </row>
    <row r="4977" spans="1:2" x14ac:dyDescent="0.3">
      <c r="A4977" s="11"/>
      <c r="B4977" s="8"/>
    </row>
    <row r="4978" spans="1:2" x14ac:dyDescent="0.3">
      <c r="A4978" s="11"/>
      <c r="B4978" s="8"/>
    </row>
    <row r="4979" spans="1:2" x14ac:dyDescent="0.3">
      <c r="A4979" s="11"/>
      <c r="B4979" s="8"/>
    </row>
    <row r="4980" spans="1:2" x14ac:dyDescent="0.3">
      <c r="A4980" s="11"/>
      <c r="B4980" s="8"/>
    </row>
    <row r="4981" spans="1:2" x14ac:dyDescent="0.3">
      <c r="A4981" s="11"/>
      <c r="B4981" s="8"/>
    </row>
    <row r="4982" spans="1:2" x14ac:dyDescent="0.3">
      <c r="A4982" s="11"/>
      <c r="B4982" s="8"/>
    </row>
    <row r="4983" spans="1:2" x14ac:dyDescent="0.3">
      <c r="A4983" s="11"/>
      <c r="B4983" s="8"/>
    </row>
    <row r="4984" spans="1:2" x14ac:dyDescent="0.3">
      <c r="A4984" s="11"/>
      <c r="B4984" s="8"/>
    </row>
    <row r="4985" spans="1:2" x14ac:dyDescent="0.3">
      <c r="A4985" s="11"/>
      <c r="B4985" s="8"/>
    </row>
    <row r="4986" spans="1:2" x14ac:dyDescent="0.3">
      <c r="A4986" s="11"/>
      <c r="B4986" s="8"/>
    </row>
    <row r="4987" spans="1:2" x14ac:dyDescent="0.3">
      <c r="A4987" s="11"/>
      <c r="B4987" s="8"/>
    </row>
    <row r="4988" spans="1:2" x14ac:dyDescent="0.3">
      <c r="A4988" s="11"/>
      <c r="B4988" s="8"/>
    </row>
    <row r="4989" spans="1:2" x14ac:dyDescent="0.3">
      <c r="A4989" s="11"/>
      <c r="B4989" s="8"/>
    </row>
    <row r="4990" spans="1:2" x14ac:dyDescent="0.3">
      <c r="A4990" s="11"/>
      <c r="B4990" s="8"/>
    </row>
    <row r="4991" spans="1:2" x14ac:dyDescent="0.3">
      <c r="A4991" s="11"/>
      <c r="B4991" s="8"/>
    </row>
    <row r="4992" spans="1:2" x14ac:dyDescent="0.3">
      <c r="A4992" s="11"/>
      <c r="B4992" s="8"/>
    </row>
    <row r="4993" spans="1:2" x14ac:dyDescent="0.3">
      <c r="A4993" s="11"/>
      <c r="B4993" s="8"/>
    </row>
    <row r="4994" spans="1:2" x14ac:dyDescent="0.3">
      <c r="A4994" s="11"/>
      <c r="B4994" s="8"/>
    </row>
    <row r="4995" spans="1:2" x14ac:dyDescent="0.3">
      <c r="A4995" s="11"/>
      <c r="B4995" s="8"/>
    </row>
    <row r="4996" spans="1:2" x14ac:dyDescent="0.3">
      <c r="A4996" s="11"/>
      <c r="B4996" s="8"/>
    </row>
    <row r="4997" spans="1:2" x14ac:dyDescent="0.3">
      <c r="A4997" s="11"/>
      <c r="B4997" s="8"/>
    </row>
    <row r="4998" spans="1:2" x14ac:dyDescent="0.3">
      <c r="A4998" s="11"/>
      <c r="B4998" s="8"/>
    </row>
    <row r="4999" spans="1:2" x14ac:dyDescent="0.3">
      <c r="A4999" s="11"/>
      <c r="B4999" s="8"/>
    </row>
    <row r="5000" spans="1:2" x14ac:dyDescent="0.3">
      <c r="A5000" s="11"/>
      <c r="B5000" s="8"/>
    </row>
    <row r="5001" spans="1:2" x14ac:dyDescent="0.3">
      <c r="A5001" s="11"/>
      <c r="B5001" s="8"/>
    </row>
    <row r="5002" spans="1:2" x14ac:dyDescent="0.3">
      <c r="A5002" s="11"/>
      <c r="B5002" s="8"/>
    </row>
    <row r="5003" spans="1:2" x14ac:dyDescent="0.3">
      <c r="A5003" s="11"/>
      <c r="B5003" s="8"/>
    </row>
    <row r="5004" spans="1:2" x14ac:dyDescent="0.3">
      <c r="A5004" s="11"/>
      <c r="B5004" s="8"/>
    </row>
    <row r="5005" spans="1:2" x14ac:dyDescent="0.3">
      <c r="A5005" s="11"/>
      <c r="B5005" s="8"/>
    </row>
    <row r="5006" spans="1:2" x14ac:dyDescent="0.3">
      <c r="A5006" s="11"/>
      <c r="B5006" s="8"/>
    </row>
    <row r="5007" spans="1:2" x14ac:dyDescent="0.3">
      <c r="A5007" s="11"/>
      <c r="B5007" s="8"/>
    </row>
    <row r="5008" spans="1:2" x14ac:dyDescent="0.3">
      <c r="A5008" s="11"/>
      <c r="B5008" s="8"/>
    </row>
    <row r="5009" spans="1:2" x14ac:dyDescent="0.3">
      <c r="A5009" s="11"/>
      <c r="B5009" s="8"/>
    </row>
    <row r="5010" spans="1:2" x14ac:dyDescent="0.3">
      <c r="A5010" s="11"/>
      <c r="B5010" s="8"/>
    </row>
    <row r="5011" spans="1:2" x14ac:dyDescent="0.3">
      <c r="A5011" s="11"/>
      <c r="B5011" s="8"/>
    </row>
    <row r="5012" spans="1:2" x14ac:dyDescent="0.3">
      <c r="A5012" s="11"/>
      <c r="B5012" s="8"/>
    </row>
    <row r="5013" spans="1:2" x14ac:dyDescent="0.3">
      <c r="A5013" s="11"/>
      <c r="B5013" s="8"/>
    </row>
    <row r="5014" spans="1:2" x14ac:dyDescent="0.3">
      <c r="A5014" s="11"/>
      <c r="B5014" s="8"/>
    </row>
    <row r="5015" spans="1:2" x14ac:dyDescent="0.3">
      <c r="A5015" s="11"/>
      <c r="B5015" s="8"/>
    </row>
    <row r="5016" spans="1:2" x14ac:dyDescent="0.3">
      <c r="A5016" s="11"/>
      <c r="B5016" s="8"/>
    </row>
    <row r="5017" spans="1:2" x14ac:dyDescent="0.3">
      <c r="A5017" s="11"/>
      <c r="B5017" s="8"/>
    </row>
    <row r="5018" spans="1:2" x14ac:dyDescent="0.3">
      <c r="A5018" s="11"/>
      <c r="B5018" s="8"/>
    </row>
    <row r="5019" spans="1:2" x14ac:dyDescent="0.3">
      <c r="A5019" s="11"/>
      <c r="B5019" s="8"/>
    </row>
    <row r="5020" spans="1:2" x14ac:dyDescent="0.3">
      <c r="A5020" s="11"/>
      <c r="B5020" s="8"/>
    </row>
    <row r="5021" spans="1:2" x14ac:dyDescent="0.3">
      <c r="A5021" s="11"/>
      <c r="B5021" s="8"/>
    </row>
    <row r="5022" spans="1:2" x14ac:dyDescent="0.3">
      <c r="A5022" s="11"/>
      <c r="B5022" s="8"/>
    </row>
    <row r="5023" spans="1:2" x14ac:dyDescent="0.3">
      <c r="A5023" s="11"/>
      <c r="B5023" s="8"/>
    </row>
    <row r="5024" spans="1:2" x14ac:dyDescent="0.3">
      <c r="A5024" s="11"/>
      <c r="B5024" s="8"/>
    </row>
    <row r="5025" spans="1:2" x14ac:dyDescent="0.3">
      <c r="A5025" s="11"/>
      <c r="B5025" s="8"/>
    </row>
    <row r="5026" spans="1:2" x14ac:dyDescent="0.3">
      <c r="A5026" s="11"/>
      <c r="B5026" s="8"/>
    </row>
    <row r="5027" spans="1:2" x14ac:dyDescent="0.3">
      <c r="A5027" s="11"/>
      <c r="B5027" s="8"/>
    </row>
    <row r="5028" spans="1:2" x14ac:dyDescent="0.3">
      <c r="A5028" s="11"/>
      <c r="B5028" s="8"/>
    </row>
    <row r="5029" spans="1:2" x14ac:dyDescent="0.3">
      <c r="A5029" s="11"/>
      <c r="B5029" s="8"/>
    </row>
    <row r="5030" spans="1:2" x14ac:dyDescent="0.3">
      <c r="A5030" s="11"/>
      <c r="B5030" s="8"/>
    </row>
    <row r="5031" spans="1:2" x14ac:dyDescent="0.3">
      <c r="A5031" s="11"/>
      <c r="B5031" s="8"/>
    </row>
    <row r="5032" spans="1:2" x14ac:dyDescent="0.3">
      <c r="A5032" s="11"/>
      <c r="B5032" s="8"/>
    </row>
    <row r="5033" spans="1:2" x14ac:dyDescent="0.3">
      <c r="A5033" s="11"/>
      <c r="B5033" s="8"/>
    </row>
    <row r="5034" spans="1:2" x14ac:dyDescent="0.3">
      <c r="A5034" s="11"/>
      <c r="B5034" s="8"/>
    </row>
    <row r="5035" spans="1:2" x14ac:dyDescent="0.3">
      <c r="A5035" s="11"/>
      <c r="B5035" s="8"/>
    </row>
    <row r="5036" spans="1:2" x14ac:dyDescent="0.3">
      <c r="A5036" s="11"/>
      <c r="B5036" s="8"/>
    </row>
    <row r="5037" spans="1:2" x14ac:dyDescent="0.3">
      <c r="A5037" s="11"/>
      <c r="B5037" s="8"/>
    </row>
    <row r="5038" spans="1:2" x14ac:dyDescent="0.3">
      <c r="A5038" s="11"/>
      <c r="B5038" s="8"/>
    </row>
    <row r="5039" spans="1:2" x14ac:dyDescent="0.3">
      <c r="A5039" s="11"/>
      <c r="B5039" s="8"/>
    </row>
    <row r="5040" spans="1:2" x14ac:dyDescent="0.3">
      <c r="A5040" s="11"/>
      <c r="B5040" s="8"/>
    </row>
    <row r="5041" spans="1:2" x14ac:dyDescent="0.3">
      <c r="A5041" s="11"/>
      <c r="B5041" s="8"/>
    </row>
    <row r="5042" spans="1:2" x14ac:dyDescent="0.3">
      <c r="A5042" s="11"/>
      <c r="B5042" s="8"/>
    </row>
    <row r="5043" spans="1:2" x14ac:dyDescent="0.3">
      <c r="A5043" s="11"/>
      <c r="B5043" s="8"/>
    </row>
    <row r="5044" spans="1:2" x14ac:dyDescent="0.3">
      <c r="A5044" s="11"/>
      <c r="B5044" s="8"/>
    </row>
    <row r="5045" spans="1:2" x14ac:dyDescent="0.3">
      <c r="A5045" s="11"/>
      <c r="B5045" s="8"/>
    </row>
    <row r="5046" spans="1:2" x14ac:dyDescent="0.3">
      <c r="A5046" s="11"/>
      <c r="B5046" s="8"/>
    </row>
    <row r="5047" spans="1:2" x14ac:dyDescent="0.3">
      <c r="A5047" s="11"/>
      <c r="B5047" s="8"/>
    </row>
    <row r="5048" spans="1:2" x14ac:dyDescent="0.3">
      <c r="A5048" s="11"/>
      <c r="B5048" s="8"/>
    </row>
    <row r="5049" spans="1:2" x14ac:dyDescent="0.3">
      <c r="A5049" s="11"/>
      <c r="B5049" s="8"/>
    </row>
    <row r="5050" spans="1:2" x14ac:dyDescent="0.3">
      <c r="A5050" s="11"/>
      <c r="B5050" s="8"/>
    </row>
    <row r="5051" spans="1:2" x14ac:dyDescent="0.3">
      <c r="A5051" s="11"/>
      <c r="B5051" s="8"/>
    </row>
    <row r="5052" spans="1:2" x14ac:dyDescent="0.3">
      <c r="A5052" s="11"/>
      <c r="B5052" s="8"/>
    </row>
    <row r="5053" spans="1:2" x14ac:dyDescent="0.3">
      <c r="A5053" s="11"/>
      <c r="B5053" s="8"/>
    </row>
    <row r="5054" spans="1:2" x14ac:dyDescent="0.3">
      <c r="A5054" s="11"/>
      <c r="B5054" s="8"/>
    </row>
    <row r="5055" spans="1:2" x14ac:dyDescent="0.3">
      <c r="A5055" s="11"/>
      <c r="B5055" s="8"/>
    </row>
    <row r="5056" spans="1:2" x14ac:dyDescent="0.3">
      <c r="A5056" s="11"/>
      <c r="B5056" s="8"/>
    </row>
    <row r="5057" spans="1:2" x14ac:dyDescent="0.3">
      <c r="A5057" s="11"/>
      <c r="B5057" s="8"/>
    </row>
    <row r="5058" spans="1:2" x14ac:dyDescent="0.3">
      <c r="A5058" s="11"/>
      <c r="B5058" s="8"/>
    </row>
    <row r="5059" spans="1:2" x14ac:dyDescent="0.3">
      <c r="A5059" s="11"/>
      <c r="B5059" s="8"/>
    </row>
    <row r="5060" spans="1:2" x14ac:dyDescent="0.3">
      <c r="A5060" s="11"/>
      <c r="B5060" s="8"/>
    </row>
    <row r="5061" spans="1:2" x14ac:dyDescent="0.3">
      <c r="A5061" s="11"/>
      <c r="B5061" s="8"/>
    </row>
    <row r="5062" spans="1:2" x14ac:dyDescent="0.3">
      <c r="A5062" s="11"/>
      <c r="B5062" s="8"/>
    </row>
    <row r="5063" spans="1:2" x14ac:dyDescent="0.3">
      <c r="A5063" s="11"/>
      <c r="B5063" s="8"/>
    </row>
    <row r="5064" spans="1:2" x14ac:dyDescent="0.3">
      <c r="A5064" s="11"/>
      <c r="B5064" s="8"/>
    </row>
    <row r="5065" spans="1:2" x14ac:dyDescent="0.3">
      <c r="A5065" s="11"/>
      <c r="B5065" s="8"/>
    </row>
    <row r="5066" spans="1:2" x14ac:dyDescent="0.3">
      <c r="A5066" s="11"/>
      <c r="B5066" s="8"/>
    </row>
    <row r="5067" spans="1:2" x14ac:dyDescent="0.3">
      <c r="A5067" s="11"/>
      <c r="B5067" s="8"/>
    </row>
    <row r="5068" spans="1:2" x14ac:dyDescent="0.3">
      <c r="A5068" s="11"/>
      <c r="B5068" s="8"/>
    </row>
    <row r="5069" spans="1:2" x14ac:dyDescent="0.3">
      <c r="A5069" s="11"/>
      <c r="B5069" s="8"/>
    </row>
    <row r="5070" spans="1:2" x14ac:dyDescent="0.3">
      <c r="A5070" s="11"/>
      <c r="B5070" s="8"/>
    </row>
    <row r="5071" spans="1:2" x14ac:dyDescent="0.3">
      <c r="A5071" s="11"/>
      <c r="B5071" s="8"/>
    </row>
    <row r="5072" spans="1:2" x14ac:dyDescent="0.3">
      <c r="A5072" s="11"/>
      <c r="B5072" s="8"/>
    </row>
    <row r="5073" spans="1:2" x14ac:dyDescent="0.3">
      <c r="A5073" s="11"/>
      <c r="B5073" s="8"/>
    </row>
    <row r="5074" spans="1:2" x14ac:dyDescent="0.3">
      <c r="A5074" s="11"/>
      <c r="B5074" s="8"/>
    </row>
    <row r="5075" spans="1:2" x14ac:dyDescent="0.3">
      <c r="A5075" s="11"/>
      <c r="B5075" s="8"/>
    </row>
    <row r="5076" spans="1:2" x14ac:dyDescent="0.3">
      <c r="A5076" s="11"/>
      <c r="B5076" s="8"/>
    </row>
    <row r="5077" spans="1:2" x14ac:dyDescent="0.3">
      <c r="A5077" s="11"/>
      <c r="B5077" s="8"/>
    </row>
    <row r="5078" spans="1:2" x14ac:dyDescent="0.3">
      <c r="A5078" s="11"/>
      <c r="B5078" s="8"/>
    </row>
    <row r="5079" spans="1:2" x14ac:dyDescent="0.3">
      <c r="A5079" s="11"/>
      <c r="B5079" s="8"/>
    </row>
    <row r="5080" spans="1:2" x14ac:dyDescent="0.3">
      <c r="A5080" s="11"/>
      <c r="B5080" s="8"/>
    </row>
    <row r="5081" spans="1:2" x14ac:dyDescent="0.3">
      <c r="A5081" s="11"/>
      <c r="B5081" s="8"/>
    </row>
    <row r="5082" spans="1:2" x14ac:dyDescent="0.3">
      <c r="A5082" s="11"/>
      <c r="B5082" s="8"/>
    </row>
    <row r="5083" spans="1:2" x14ac:dyDescent="0.3">
      <c r="A5083" s="11"/>
      <c r="B5083" s="8"/>
    </row>
    <row r="5084" spans="1:2" x14ac:dyDescent="0.3">
      <c r="A5084" s="11"/>
      <c r="B5084" s="8"/>
    </row>
    <row r="5085" spans="1:2" x14ac:dyDescent="0.3">
      <c r="A5085" s="11"/>
      <c r="B5085" s="8"/>
    </row>
    <row r="5086" spans="1:2" x14ac:dyDescent="0.3">
      <c r="A5086" s="11"/>
      <c r="B5086" s="8"/>
    </row>
    <row r="5087" spans="1:2" x14ac:dyDescent="0.3">
      <c r="A5087" s="11"/>
      <c r="B5087" s="8"/>
    </row>
    <row r="5088" spans="1:2" x14ac:dyDescent="0.3">
      <c r="A5088" s="11"/>
      <c r="B5088" s="8"/>
    </row>
    <row r="5089" spans="1:2" x14ac:dyDescent="0.3">
      <c r="A5089" s="11"/>
      <c r="B5089" s="8"/>
    </row>
    <row r="5090" spans="1:2" x14ac:dyDescent="0.3">
      <c r="A5090" s="11"/>
      <c r="B5090" s="8"/>
    </row>
    <row r="5091" spans="1:2" x14ac:dyDescent="0.3">
      <c r="A5091" s="11"/>
      <c r="B5091" s="8"/>
    </row>
    <row r="5092" spans="1:2" x14ac:dyDescent="0.3">
      <c r="A5092" s="11"/>
      <c r="B5092" s="8"/>
    </row>
    <row r="5093" spans="1:2" x14ac:dyDescent="0.3">
      <c r="A5093" s="11"/>
      <c r="B5093" s="8"/>
    </row>
    <row r="5094" spans="1:2" x14ac:dyDescent="0.3">
      <c r="A5094" s="11"/>
      <c r="B5094" s="8"/>
    </row>
    <row r="5095" spans="1:2" x14ac:dyDescent="0.3">
      <c r="A5095" s="11"/>
      <c r="B5095" s="8"/>
    </row>
    <row r="5096" spans="1:2" x14ac:dyDescent="0.3">
      <c r="A5096" s="11"/>
      <c r="B5096" s="8"/>
    </row>
    <row r="5097" spans="1:2" x14ac:dyDescent="0.3">
      <c r="A5097" s="11"/>
      <c r="B5097" s="8"/>
    </row>
    <row r="5098" spans="1:2" x14ac:dyDescent="0.3">
      <c r="A5098" s="11"/>
      <c r="B5098" s="8"/>
    </row>
    <row r="5099" spans="1:2" x14ac:dyDescent="0.3">
      <c r="A5099" s="11"/>
      <c r="B5099" s="8"/>
    </row>
    <row r="5100" spans="1:2" x14ac:dyDescent="0.3">
      <c r="A5100" s="11"/>
      <c r="B5100" s="8"/>
    </row>
    <row r="5101" spans="1:2" x14ac:dyDescent="0.3">
      <c r="A5101" s="11"/>
      <c r="B5101" s="8"/>
    </row>
    <row r="5102" spans="1:2" x14ac:dyDescent="0.3">
      <c r="A5102" s="11"/>
      <c r="B5102" s="8"/>
    </row>
    <row r="5103" spans="1:2" x14ac:dyDescent="0.3">
      <c r="A5103" s="11"/>
      <c r="B5103" s="8"/>
    </row>
    <row r="5104" spans="1:2" x14ac:dyDescent="0.3">
      <c r="A5104" s="11"/>
      <c r="B5104" s="8"/>
    </row>
    <row r="5105" spans="1:2" x14ac:dyDescent="0.3">
      <c r="A5105" s="11"/>
      <c r="B5105" s="8"/>
    </row>
    <row r="5106" spans="1:2" x14ac:dyDescent="0.3">
      <c r="A5106" s="11"/>
      <c r="B5106" s="8"/>
    </row>
    <row r="5107" spans="1:2" x14ac:dyDescent="0.3">
      <c r="A5107" s="11"/>
      <c r="B5107" s="8"/>
    </row>
    <row r="5108" spans="1:2" x14ac:dyDescent="0.3">
      <c r="A5108" s="11"/>
      <c r="B5108" s="8"/>
    </row>
    <row r="5109" spans="1:2" x14ac:dyDescent="0.3">
      <c r="A5109" s="11"/>
      <c r="B5109" s="8"/>
    </row>
    <row r="5110" spans="1:2" x14ac:dyDescent="0.3">
      <c r="A5110" s="11"/>
      <c r="B5110" s="8"/>
    </row>
    <row r="5111" spans="1:2" x14ac:dyDescent="0.3">
      <c r="A5111" s="11"/>
      <c r="B5111" s="8"/>
    </row>
    <row r="5112" spans="1:2" x14ac:dyDescent="0.3">
      <c r="A5112" s="11"/>
      <c r="B5112" s="8"/>
    </row>
    <row r="5113" spans="1:2" x14ac:dyDescent="0.3">
      <c r="A5113" s="11"/>
      <c r="B5113" s="8"/>
    </row>
    <row r="5114" spans="1:2" x14ac:dyDescent="0.3">
      <c r="A5114" s="11"/>
      <c r="B5114" s="8"/>
    </row>
    <row r="5115" spans="1:2" x14ac:dyDescent="0.3">
      <c r="A5115" s="11"/>
      <c r="B5115" s="8"/>
    </row>
    <row r="5116" spans="1:2" x14ac:dyDescent="0.3">
      <c r="A5116" s="11"/>
      <c r="B5116" s="8"/>
    </row>
    <row r="5117" spans="1:2" x14ac:dyDescent="0.3">
      <c r="A5117" s="11"/>
      <c r="B5117" s="8"/>
    </row>
    <row r="5118" spans="1:2" x14ac:dyDescent="0.3">
      <c r="A5118" s="11"/>
      <c r="B5118" s="8"/>
    </row>
    <row r="5119" spans="1:2" x14ac:dyDescent="0.3">
      <c r="A5119" s="11"/>
      <c r="B5119" s="8"/>
    </row>
    <row r="5120" spans="1:2" x14ac:dyDescent="0.3">
      <c r="A5120" s="11"/>
      <c r="B5120" s="8"/>
    </row>
    <row r="5121" spans="1:2" x14ac:dyDescent="0.3">
      <c r="A5121" s="11"/>
      <c r="B5121" s="8"/>
    </row>
    <row r="5122" spans="1:2" x14ac:dyDescent="0.3">
      <c r="A5122" s="11"/>
      <c r="B5122" s="8"/>
    </row>
    <row r="5123" spans="1:2" x14ac:dyDescent="0.3">
      <c r="A5123" s="11"/>
      <c r="B5123" s="8"/>
    </row>
    <row r="5124" spans="1:2" x14ac:dyDescent="0.3">
      <c r="A5124" s="11"/>
      <c r="B5124" s="8"/>
    </row>
    <row r="5125" spans="1:2" x14ac:dyDescent="0.3">
      <c r="A5125" s="11"/>
      <c r="B5125" s="8"/>
    </row>
    <row r="5126" spans="1:2" x14ac:dyDescent="0.3">
      <c r="A5126" s="11"/>
      <c r="B5126" s="8"/>
    </row>
    <row r="5127" spans="1:2" x14ac:dyDescent="0.3">
      <c r="A5127" s="11"/>
      <c r="B5127" s="8"/>
    </row>
    <row r="5128" spans="1:2" x14ac:dyDescent="0.3">
      <c r="A5128" s="11"/>
      <c r="B5128" s="8"/>
    </row>
    <row r="5129" spans="1:2" x14ac:dyDescent="0.3">
      <c r="A5129" s="11"/>
      <c r="B5129" s="8"/>
    </row>
    <row r="5130" spans="1:2" x14ac:dyDescent="0.3">
      <c r="A5130" s="11"/>
      <c r="B5130" s="8"/>
    </row>
    <row r="5131" spans="1:2" x14ac:dyDescent="0.3">
      <c r="A5131" s="11"/>
      <c r="B5131" s="8"/>
    </row>
    <row r="5132" spans="1:2" x14ac:dyDescent="0.3">
      <c r="A5132" s="11"/>
      <c r="B5132" s="8"/>
    </row>
    <row r="5133" spans="1:2" x14ac:dyDescent="0.3">
      <c r="A5133" s="11"/>
      <c r="B5133" s="8"/>
    </row>
    <row r="5134" spans="1:2" x14ac:dyDescent="0.3">
      <c r="A5134" s="11"/>
      <c r="B5134" s="8"/>
    </row>
    <row r="5135" spans="1:2" x14ac:dyDescent="0.3">
      <c r="A5135" s="11"/>
      <c r="B5135" s="8"/>
    </row>
    <row r="5136" spans="1:2" x14ac:dyDescent="0.3">
      <c r="A5136" s="11"/>
      <c r="B5136" s="8"/>
    </row>
    <row r="5137" spans="1:2" x14ac:dyDescent="0.3">
      <c r="A5137" s="11"/>
      <c r="B5137" s="8"/>
    </row>
    <row r="5138" spans="1:2" x14ac:dyDescent="0.3">
      <c r="A5138" s="11"/>
      <c r="B5138" s="8"/>
    </row>
    <row r="5139" spans="1:2" x14ac:dyDescent="0.3">
      <c r="A5139" s="11"/>
      <c r="B5139" s="8"/>
    </row>
    <row r="5140" spans="1:2" x14ac:dyDescent="0.3">
      <c r="A5140" s="11"/>
      <c r="B5140" s="8"/>
    </row>
    <row r="5141" spans="1:2" x14ac:dyDescent="0.3">
      <c r="A5141" s="11"/>
      <c r="B5141" s="8"/>
    </row>
    <row r="5142" spans="1:2" x14ac:dyDescent="0.3">
      <c r="A5142" s="11"/>
      <c r="B5142" s="8"/>
    </row>
    <row r="5143" spans="1:2" x14ac:dyDescent="0.3">
      <c r="A5143" s="11"/>
      <c r="B5143" s="8"/>
    </row>
    <row r="5144" spans="1:2" x14ac:dyDescent="0.3">
      <c r="A5144" s="11"/>
      <c r="B5144" s="8"/>
    </row>
    <row r="5145" spans="1:2" x14ac:dyDescent="0.3">
      <c r="A5145" s="11"/>
      <c r="B5145" s="8"/>
    </row>
    <row r="5146" spans="1:2" x14ac:dyDescent="0.3">
      <c r="A5146" s="11"/>
      <c r="B5146" s="8"/>
    </row>
    <row r="5147" spans="1:2" x14ac:dyDescent="0.3">
      <c r="A5147" s="11"/>
      <c r="B5147" s="8"/>
    </row>
    <row r="5148" spans="1:2" x14ac:dyDescent="0.3">
      <c r="A5148" s="11"/>
      <c r="B5148" s="8"/>
    </row>
    <row r="5149" spans="1:2" x14ac:dyDescent="0.3">
      <c r="A5149" s="11"/>
      <c r="B5149" s="8"/>
    </row>
    <row r="5150" spans="1:2" x14ac:dyDescent="0.3">
      <c r="A5150" s="11"/>
      <c r="B5150" s="8"/>
    </row>
    <row r="5151" spans="1:2" x14ac:dyDescent="0.3">
      <c r="A5151" s="11"/>
      <c r="B5151" s="8"/>
    </row>
    <row r="5152" spans="1:2" x14ac:dyDescent="0.3">
      <c r="A5152" s="11"/>
      <c r="B5152" s="8"/>
    </row>
    <row r="5153" spans="1:2" x14ac:dyDescent="0.3">
      <c r="A5153" s="11"/>
      <c r="B5153" s="8"/>
    </row>
    <row r="5154" spans="1:2" x14ac:dyDescent="0.3">
      <c r="A5154" s="11"/>
      <c r="B5154" s="8"/>
    </row>
    <row r="5155" spans="1:2" x14ac:dyDescent="0.3">
      <c r="A5155" s="11"/>
      <c r="B5155" s="8"/>
    </row>
    <row r="5156" spans="1:2" x14ac:dyDescent="0.3">
      <c r="A5156" s="11"/>
      <c r="B5156" s="8"/>
    </row>
    <row r="5157" spans="1:2" x14ac:dyDescent="0.3">
      <c r="A5157" s="11"/>
      <c r="B5157" s="8"/>
    </row>
    <row r="5158" spans="1:2" x14ac:dyDescent="0.3">
      <c r="A5158" s="11"/>
      <c r="B5158" s="8"/>
    </row>
    <row r="5159" spans="1:2" x14ac:dyDescent="0.3">
      <c r="A5159" s="11"/>
      <c r="B5159" s="8"/>
    </row>
    <row r="5160" spans="1:2" x14ac:dyDescent="0.3">
      <c r="A5160" s="11"/>
      <c r="B5160" s="8"/>
    </row>
    <row r="5161" spans="1:2" x14ac:dyDescent="0.3">
      <c r="A5161" s="11"/>
      <c r="B5161" s="8"/>
    </row>
    <row r="5162" spans="1:2" x14ac:dyDescent="0.3">
      <c r="A5162" s="11"/>
      <c r="B5162" s="8"/>
    </row>
    <row r="5163" spans="1:2" x14ac:dyDescent="0.3">
      <c r="A5163" s="11"/>
      <c r="B5163" s="8"/>
    </row>
    <row r="5164" spans="1:2" x14ac:dyDescent="0.3">
      <c r="A5164" s="11"/>
      <c r="B5164" s="8"/>
    </row>
    <row r="5165" spans="1:2" x14ac:dyDescent="0.3">
      <c r="A5165" s="11"/>
      <c r="B5165" s="8"/>
    </row>
    <row r="5166" spans="1:2" x14ac:dyDescent="0.3">
      <c r="A5166" s="11"/>
      <c r="B5166" s="8"/>
    </row>
    <row r="5167" spans="1:2" x14ac:dyDescent="0.3">
      <c r="A5167" s="11"/>
      <c r="B5167" s="8"/>
    </row>
    <row r="5168" spans="1:2" x14ac:dyDescent="0.3">
      <c r="A5168" s="11"/>
      <c r="B5168" s="8"/>
    </row>
    <row r="5169" spans="1:2" x14ac:dyDescent="0.3">
      <c r="A5169" s="11"/>
      <c r="B5169" s="8"/>
    </row>
    <row r="5170" spans="1:2" x14ac:dyDescent="0.3">
      <c r="A5170" s="11"/>
      <c r="B5170" s="8"/>
    </row>
    <row r="5171" spans="1:2" x14ac:dyDescent="0.3">
      <c r="A5171" s="11"/>
      <c r="B5171" s="8"/>
    </row>
    <row r="5172" spans="1:2" x14ac:dyDescent="0.3">
      <c r="A5172" s="11"/>
      <c r="B5172" s="8"/>
    </row>
    <row r="5173" spans="1:2" x14ac:dyDescent="0.3">
      <c r="A5173" s="11"/>
      <c r="B5173" s="8"/>
    </row>
    <row r="5174" spans="1:2" x14ac:dyDescent="0.3">
      <c r="A5174" s="11"/>
      <c r="B5174" s="8"/>
    </row>
    <row r="5175" spans="1:2" x14ac:dyDescent="0.3">
      <c r="A5175" s="11"/>
      <c r="B5175" s="8"/>
    </row>
    <row r="5176" spans="1:2" x14ac:dyDescent="0.3">
      <c r="A5176" s="11"/>
      <c r="B5176" s="8"/>
    </row>
    <row r="5177" spans="1:2" x14ac:dyDescent="0.3">
      <c r="A5177" s="11"/>
      <c r="B5177" s="8"/>
    </row>
    <row r="5178" spans="1:2" x14ac:dyDescent="0.3">
      <c r="A5178" s="11"/>
      <c r="B5178" s="8"/>
    </row>
    <row r="5179" spans="1:2" x14ac:dyDescent="0.3">
      <c r="A5179" s="11"/>
      <c r="B5179" s="8"/>
    </row>
    <row r="5180" spans="1:2" x14ac:dyDescent="0.3">
      <c r="A5180" s="11"/>
      <c r="B5180" s="8"/>
    </row>
    <row r="5181" spans="1:2" x14ac:dyDescent="0.3">
      <c r="A5181" s="11"/>
      <c r="B5181" s="8"/>
    </row>
    <row r="5182" spans="1:2" x14ac:dyDescent="0.3">
      <c r="A5182" s="11"/>
      <c r="B5182" s="8"/>
    </row>
    <row r="5183" spans="1:2" x14ac:dyDescent="0.3">
      <c r="A5183" s="11"/>
      <c r="B5183" s="8"/>
    </row>
    <row r="5184" spans="1:2" x14ac:dyDescent="0.3">
      <c r="A5184" s="11"/>
      <c r="B5184" s="8"/>
    </row>
    <row r="5185" spans="1:2" x14ac:dyDescent="0.3">
      <c r="A5185" s="11"/>
      <c r="B5185" s="8"/>
    </row>
    <row r="5186" spans="1:2" x14ac:dyDescent="0.3">
      <c r="A5186" s="11"/>
      <c r="B5186" s="8"/>
    </row>
    <row r="5187" spans="1:2" x14ac:dyDescent="0.3">
      <c r="A5187" s="11"/>
      <c r="B5187" s="8"/>
    </row>
    <row r="5188" spans="1:2" x14ac:dyDescent="0.3">
      <c r="A5188" s="11"/>
      <c r="B5188" s="8"/>
    </row>
    <row r="5189" spans="1:2" x14ac:dyDescent="0.3">
      <c r="A5189" s="11"/>
      <c r="B5189" s="8"/>
    </row>
    <row r="5190" spans="1:2" x14ac:dyDescent="0.3">
      <c r="A5190" s="11"/>
      <c r="B5190" s="8"/>
    </row>
    <row r="5191" spans="1:2" x14ac:dyDescent="0.3">
      <c r="A5191" s="11"/>
      <c r="B5191" s="8"/>
    </row>
    <row r="5192" spans="1:2" x14ac:dyDescent="0.3">
      <c r="A5192" s="11"/>
      <c r="B5192" s="8"/>
    </row>
    <row r="5193" spans="1:2" x14ac:dyDescent="0.3">
      <c r="A5193" s="11"/>
      <c r="B5193" s="8"/>
    </row>
    <row r="5194" spans="1:2" x14ac:dyDescent="0.3">
      <c r="A5194" s="11"/>
      <c r="B5194" s="8"/>
    </row>
    <row r="5195" spans="1:2" x14ac:dyDescent="0.3">
      <c r="A5195" s="11"/>
      <c r="B5195" s="8"/>
    </row>
    <row r="5196" spans="1:2" x14ac:dyDescent="0.3">
      <c r="A5196" s="11"/>
      <c r="B5196" s="8"/>
    </row>
    <row r="5197" spans="1:2" x14ac:dyDescent="0.3">
      <c r="A5197" s="11"/>
      <c r="B5197" s="8"/>
    </row>
    <row r="5198" spans="1:2" x14ac:dyDescent="0.3">
      <c r="A5198" s="11"/>
      <c r="B5198" s="8"/>
    </row>
    <row r="5199" spans="1:2" x14ac:dyDescent="0.3">
      <c r="A5199" s="11"/>
      <c r="B5199" s="8"/>
    </row>
    <row r="5200" spans="1:2" x14ac:dyDescent="0.3">
      <c r="A5200" s="11"/>
      <c r="B5200" s="8"/>
    </row>
    <row r="5201" spans="1:2" x14ac:dyDescent="0.3">
      <c r="A5201" s="11"/>
      <c r="B5201" s="8"/>
    </row>
    <row r="5202" spans="1:2" x14ac:dyDescent="0.3">
      <c r="A5202" s="11"/>
      <c r="B5202" s="8"/>
    </row>
    <row r="5203" spans="1:2" x14ac:dyDescent="0.3">
      <c r="A5203" s="11"/>
      <c r="B5203" s="8"/>
    </row>
    <row r="5204" spans="1:2" x14ac:dyDescent="0.3">
      <c r="A5204" s="11"/>
      <c r="B5204" s="8"/>
    </row>
    <row r="5205" spans="1:2" x14ac:dyDescent="0.3">
      <c r="A5205" s="11"/>
      <c r="B5205" s="8"/>
    </row>
    <row r="5206" spans="1:2" x14ac:dyDescent="0.3">
      <c r="A5206" s="11"/>
      <c r="B5206" s="8"/>
    </row>
    <row r="5207" spans="1:2" x14ac:dyDescent="0.3">
      <c r="A5207" s="11"/>
      <c r="B5207" s="8"/>
    </row>
    <row r="5208" spans="1:2" x14ac:dyDescent="0.3">
      <c r="A5208" s="11"/>
      <c r="B5208" s="8"/>
    </row>
    <row r="5209" spans="1:2" x14ac:dyDescent="0.3">
      <c r="A5209" s="11"/>
      <c r="B5209" s="8"/>
    </row>
    <row r="5210" spans="1:2" x14ac:dyDescent="0.3">
      <c r="A5210" s="11"/>
      <c r="B5210" s="8"/>
    </row>
    <row r="5211" spans="1:2" x14ac:dyDescent="0.3">
      <c r="A5211" s="11"/>
      <c r="B5211" s="8"/>
    </row>
    <row r="5212" spans="1:2" x14ac:dyDescent="0.3">
      <c r="A5212" s="11"/>
      <c r="B5212" s="8"/>
    </row>
    <row r="5213" spans="1:2" x14ac:dyDescent="0.3">
      <c r="A5213" s="11"/>
      <c r="B5213" s="8"/>
    </row>
    <row r="5214" spans="1:2" x14ac:dyDescent="0.3">
      <c r="A5214" s="11"/>
      <c r="B5214" s="8"/>
    </row>
    <row r="5215" spans="1:2" x14ac:dyDescent="0.3">
      <c r="A5215" s="11"/>
      <c r="B5215" s="8"/>
    </row>
    <row r="5216" spans="1:2" x14ac:dyDescent="0.3">
      <c r="A5216" s="11"/>
      <c r="B5216" s="8"/>
    </row>
    <row r="5217" spans="1:2" x14ac:dyDescent="0.3">
      <c r="A5217" s="11"/>
      <c r="B5217" s="8"/>
    </row>
    <row r="5218" spans="1:2" x14ac:dyDescent="0.3">
      <c r="A5218" s="11"/>
      <c r="B5218" s="8"/>
    </row>
    <row r="5219" spans="1:2" x14ac:dyDescent="0.3">
      <c r="A5219" s="11"/>
      <c r="B5219" s="8"/>
    </row>
    <row r="5220" spans="1:2" x14ac:dyDescent="0.3">
      <c r="A5220" s="11"/>
      <c r="B5220" s="8"/>
    </row>
    <row r="5221" spans="1:2" x14ac:dyDescent="0.3">
      <c r="A5221" s="11"/>
      <c r="B5221" s="8"/>
    </row>
    <row r="5222" spans="1:2" x14ac:dyDescent="0.3">
      <c r="A5222" s="11"/>
      <c r="B5222" s="8"/>
    </row>
    <row r="5223" spans="1:2" x14ac:dyDescent="0.3">
      <c r="A5223" s="11"/>
      <c r="B5223" s="8"/>
    </row>
    <row r="5224" spans="1:2" x14ac:dyDescent="0.3">
      <c r="A5224" s="11"/>
      <c r="B5224" s="8"/>
    </row>
    <row r="5225" spans="1:2" x14ac:dyDescent="0.3">
      <c r="A5225" s="11"/>
      <c r="B5225" s="8"/>
    </row>
    <row r="5226" spans="1:2" x14ac:dyDescent="0.3">
      <c r="A5226" s="11"/>
      <c r="B5226" s="8"/>
    </row>
    <row r="5227" spans="1:2" x14ac:dyDescent="0.3">
      <c r="A5227" s="11"/>
      <c r="B5227" s="8"/>
    </row>
    <row r="5228" spans="1:2" x14ac:dyDescent="0.3">
      <c r="A5228" s="11"/>
      <c r="B5228" s="8"/>
    </row>
    <row r="5229" spans="1:2" x14ac:dyDescent="0.3">
      <c r="A5229" s="11"/>
      <c r="B5229" s="8"/>
    </row>
    <row r="5230" spans="1:2" x14ac:dyDescent="0.3">
      <c r="A5230" s="11"/>
      <c r="B5230" s="8"/>
    </row>
    <row r="5231" spans="1:2" x14ac:dyDescent="0.3">
      <c r="A5231" s="11"/>
      <c r="B5231" s="8"/>
    </row>
    <row r="5232" spans="1:2" x14ac:dyDescent="0.3">
      <c r="A5232" s="11"/>
      <c r="B5232" s="8"/>
    </row>
    <row r="5233" spans="1:2" x14ac:dyDescent="0.3">
      <c r="A5233" s="11"/>
      <c r="B5233" s="8"/>
    </row>
    <row r="5234" spans="1:2" x14ac:dyDescent="0.3">
      <c r="A5234" s="11"/>
      <c r="B5234" s="8"/>
    </row>
    <row r="5235" spans="1:2" x14ac:dyDescent="0.3">
      <c r="A5235" s="11"/>
      <c r="B5235" s="8"/>
    </row>
    <row r="5236" spans="1:2" x14ac:dyDescent="0.3">
      <c r="A5236" s="11"/>
      <c r="B5236" s="8"/>
    </row>
    <row r="5237" spans="1:2" x14ac:dyDescent="0.3">
      <c r="A5237" s="11"/>
      <c r="B5237" s="8"/>
    </row>
    <row r="5238" spans="1:2" x14ac:dyDescent="0.3">
      <c r="A5238" s="11"/>
      <c r="B5238" s="8"/>
    </row>
    <row r="5239" spans="1:2" x14ac:dyDescent="0.3">
      <c r="A5239" s="11"/>
      <c r="B5239" s="8"/>
    </row>
    <row r="5240" spans="1:2" x14ac:dyDescent="0.3">
      <c r="A5240" s="11"/>
      <c r="B5240" s="8"/>
    </row>
    <row r="5241" spans="1:2" x14ac:dyDescent="0.3">
      <c r="A5241" s="11"/>
      <c r="B5241" s="8"/>
    </row>
    <row r="5242" spans="1:2" x14ac:dyDescent="0.3">
      <c r="A5242" s="11"/>
      <c r="B5242" s="8"/>
    </row>
    <row r="5243" spans="1:2" x14ac:dyDescent="0.3">
      <c r="A5243" s="11"/>
      <c r="B5243" s="8"/>
    </row>
    <row r="5244" spans="1:2" x14ac:dyDescent="0.3">
      <c r="A5244" s="11"/>
      <c r="B5244" s="8"/>
    </row>
    <row r="5245" spans="1:2" x14ac:dyDescent="0.3">
      <c r="A5245" s="11"/>
      <c r="B5245" s="8"/>
    </row>
    <row r="5246" spans="1:2" x14ac:dyDescent="0.3">
      <c r="A5246" s="11"/>
      <c r="B5246" s="8"/>
    </row>
    <row r="5247" spans="1:2" x14ac:dyDescent="0.3">
      <c r="A5247" s="11"/>
      <c r="B5247" s="8"/>
    </row>
    <row r="5248" spans="1:2" x14ac:dyDescent="0.3">
      <c r="A5248" s="11"/>
      <c r="B5248" s="8"/>
    </row>
    <row r="5249" spans="1:2" x14ac:dyDescent="0.3">
      <c r="A5249" s="11"/>
      <c r="B5249" s="8"/>
    </row>
    <row r="5250" spans="1:2" x14ac:dyDescent="0.3">
      <c r="A5250" s="11"/>
      <c r="B5250" s="8"/>
    </row>
    <row r="5251" spans="1:2" x14ac:dyDescent="0.3">
      <c r="A5251" s="11"/>
      <c r="B5251" s="8"/>
    </row>
    <row r="5252" spans="1:2" x14ac:dyDescent="0.3">
      <c r="A5252" s="11"/>
      <c r="B5252" s="8"/>
    </row>
    <row r="5253" spans="1:2" x14ac:dyDescent="0.3">
      <c r="A5253" s="11"/>
      <c r="B5253" s="8"/>
    </row>
    <row r="5254" spans="1:2" x14ac:dyDescent="0.3">
      <c r="A5254" s="11"/>
      <c r="B5254" s="8"/>
    </row>
    <row r="5255" spans="1:2" x14ac:dyDescent="0.3">
      <c r="A5255" s="11"/>
      <c r="B5255" s="8"/>
    </row>
    <row r="5256" spans="1:2" x14ac:dyDescent="0.3">
      <c r="A5256" s="11"/>
      <c r="B5256" s="8"/>
    </row>
    <row r="5257" spans="1:2" x14ac:dyDescent="0.3">
      <c r="A5257" s="11"/>
      <c r="B5257" s="8"/>
    </row>
    <row r="5258" spans="1:2" x14ac:dyDescent="0.3">
      <c r="A5258" s="11"/>
      <c r="B5258" s="8"/>
    </row>
    <row r="5259" spans="1:2" x14ac:dyDescent="0.3">
      <c r="A5259" s="11"/>
      <c r="B5259" s="8"/>
    </row>
    <row r="5260" spans="1:2" x14ac:dyDescent="0.3">
      <c r="A5260" s="11"/>
      <c r="B5260" s="8"/>
    </row>
    <row r="5261" spans="1:2" x14ac:dyDescent="0.3">
      <c r="A5261" s="11"/>
      <c r="B5261" s="8"/>
    </row>
    <row r="5262" spans="1:2" x14ac:dyDescent="0.3">
      <c r="A5262" s="11"/>
      <c r="B5262" s="8"/>
    </row>
    <row r="5263" spans="1:2" x14ac:dyDescent="0.3">
      <c r="A5263" s="11"/>
      <c r="B5263" s="8"/>
    </row>
    <row r="5264" spans="1:2" x14ac:dyDescent="0.3">
      <c r="A5264" s="11"/>
      <c r="B5264" s="8"/>
    </row>
    <row r="5265" spans="1:2" x14ac:dyDescent="0.3">
      <c r="A5265" s="11"/>
      <c r="B5265" s="8"/>
    </row>
    <row r="5266" spans="1:2" x14ac:dyDescent="0.3">
      <c r="A5266" s="11"/>
      <c r="B5266" s="8"/>
    </row>
    <row r="5267" spans="1:2" x14ac:dyDescent="0.3">
      <c r="A5267" s="11"/>
      <c r="B5267" s="8"/>
    </row>
    <row r="5268" spans="1:2" x14ac:dyDescent="0.3">
      <c r="A5268" s="11"/>
      <c r="B5268" s="8"/>
    </row>
    <row r="5269" spans="1:2" x14ac:dyDescent="0.3">
      <c r="A5269" s="11"/>
      <c r="B5269" s="8"/>
    </row>
    <row r="5270" spans="1:2" x14ac:dyDescent="0.3">
      <c r="A5270" s="11"/>
      <c r="B5270" s="8"/>
    </row>
    <row r="5271" spans="1:2" x14ac:dyDescent="0.3">
      <c r="A5271" s="11"/>
      <c r="B5271" s="8"/>
    </row>
    <row r="5272" spans="1:2" x14ac:dyDescent="0.3">
      <c r="A5272" s="11"/>
      <c r="B5272" s="8"/>
    </row>
    <row r="5273" spans="1:2" x14ac:dyDescent="0.3">
      <c r="A5273" s="11"/>
      <c r="B5273" s="8"/>
    </row>
    <row r="5274" spans="1:2" x14ac:dyDescent="0.3">
      <c r="A5274" s="11"/>
      <c r="B5274" s="8"/>
    </row>
    <row r="5275" spans="1:2" x14ac:dyDescent="0.3">
      <c r="A5275" s="11"/>
      <c r="B5275" s="8"/>
    </row>
    <row r="5276" spans="1:2" x14ac:dyDescent="0.3">
      <c r="A5276" s="11"/>
      <c r="B5276" s="8"/>
    </row>
    <row r="5277" spans="1:2" x14ac:dyDescent="0.3">
      <c r="A5277" s="11"/>
      <c r="B5277" s="8"/>
    </row>
    <row r="5278" spans="1:2" x14ac:dyDescent="0.3">
      <c r="A5278" s="11"/>
      <c r="B5278" s="8"/>
    </row>
    <row r="5279" spans="1:2" x14ac:dyDescent="0.3">
      <c r="A5279" s="11"/>
      <c r="B5279" s="8"/>
    </row>
    <row r="5280" spans="1:2" x14ac:dyDescent="0.3">
      <c r="A5280" s="11"/>
      <c r="B5280" s="8"/>
    </row>
    <row r="5281" spans="1:2" x14ac:dyDescent="0.3">
      <c r="A5281" s="11"/>
      <c r="B5281" s="8"/>
    </row>
    <row r="5282" spans="1:2" x14ac:dyDescent="0.3">
      <c r="A5282" s="11"/>
      <c r="B5282" s="8"/>
    </row>
    <row r="5283" spans="1:2" x14ac:dyDescent="0.3">
      <c r="A5283" s="11"/>
      <c r="B5283" s="8"/>
    </row>
    <row r="5284" spans="1:2" x14ac:dyDescent="0.3">
      <c r="A5284" s="11"/>
      <c r="B5284" s="8"/>
    </row>
    <row r="5285" spans="1:2" x14ac:dyDescent="0.3">
      <c r="A5285" s="11"/>
      <c r="B5285" s="8"/>
    </row>
    <row r="5286" spans="1:2" x14ac:dyDescent="0.3">
      <c r="A5286" s="11"/>
      <c r="B5286" s="8"/>
    </row>
    <row r="5287" spans="1:2" x14ac:dyDescent="0.3">
      <c r="A5287" s="11"/>
      <c r="B5287" s="8"/>
    </row>
    <row r="5288" spans="1:2" x14ac:dyDescent="0.3">
      <c r="A5288" s="11"/>
      <c r="B5288" s="8"/>
    </row>
    <row r="5289" spans="1:2" x14ac:dyDescent="0.3">
      <c r="A5289" s="11"/>
      <c r="B5289" s="8"/>
    </row>
    <row r="5290" spans="1:2" x14ac:dyDescent="0.3">
      <c r="A5290" s="11"/>
      <c r="B5290" s="8"/>
    </row>
    <row r="5291" spans="1:2" x14ac:dyDescent="0.3">
      <c r="A5291" s="11"/>
      <c r="B5291" s="8"/>
    </row>
    <row r="5292" spans="1:2" x14ac:dyDescent="0.3">
      <c r="A5292" s="11"/>
      <c r="B5292" s="8"/>
    </row>
    <row r="5293" spans="1:2" x14ac:dyDescent="0.3">
      <c r="A5293" s="11"/>
      <c r="B5293" s="8"/>
    </row>
    <row r="5294" spans="1:2" x14ac:dyDescent="0.3">
      <c r="A5294" s="11"/>
      <c r="B5294" s="8"/>
    </row>
    <row r="5295" spans="1:2" x14ac:dyDescent="0.3">
      <c r="A5295" s="11"/>
      <c r="B5295" s="8"/>
    </row>
    <row r="5296" spans="1:2" x14ac:dyDescent="0.3">
      <c r="A5296" s="11"/>
      <c r="B5296" s="8"/>
    </row>
    <row r="5297" spans="1:2" x14ac:dyDescent="0.3">
      <c r="A5297" s="11"/>
      <c r="B5297" s="8"/>
    </row>
    <row r="5298" spans="1:2" x14ac:dyDescent="0.3">
      <c r="A5298" s="11"/>
      <c r="B5298" s="8"/>
    </row>
    <row r="5299" spans="1:2" x14ac:dyDescent="0.3">
      <c r="A5299" s="11"/>
      <c r="B5299" s="8"/>
    </row>
    <row r="5300" spans="1:2" x14ac:dyDescent="0.3">
      <c r="A5300" s="11"/>
      <c r="B5300" s="8"/>
    </row>
    <row r="5301" spans="1:2" x14ac:dyDescent="0.3">
      <c r="A5301" s="11"/>
      <c r="B5301" s="8"/>
    </row>
    <row r="5302" spans="1:2" x14ac:dyDescent="0.3">
      <c r="A5302" s="11"/>
      <c r="B5302" s="8"/>
    </row>
    <row r="5303" spans="1:2" x14ac:dyDescent="0.3">
      <c r="A5303" s="11"/>
      <c r="B5303" s="8"/>
    </row>
    <row r="5304" spans="1:2" x14ac:dyDescent="0.3">
      <c r="A5304" s="11"/>
      <c r="B5304" s="8"/>
    </row>
    <row r="5305" spans="1:2" x14ac:dyDescent="0.3">
      <c r="A5305" s="11"/>
      <c r="B5305" s="8"/>
    </row>
    <row r="5306" spans="1:2" x14ac:dyDescent="0.3">
      <c r="A5306" s="11"/>
      <c r="B5306" s="8"/>
    </row>
    <row r="5307" spans="1:2" x14ac:dyDescent="0.3">
      <c r="A5307" s="11"/>
      <c r="B5307" s="8"/>
    </row>
    <row r="5308" spans="1:2" x14ac:dyDescent="0.3">
      <c r="A5308" s="11"/>
      <c r="B5308" s="8"/>
    </row>
    <row r="5309" spans="1:2" x14ac:dyDescent="0.3">
      <c r="A5309" s="11"/>
      <c r="B5309" s="8"/>
    </row>
    <row r="5310" spans="1:2" x14ac:dyDescent="0.3">
      <c r="A5310" s="11"/>
      <c r="B5310" s="8"/>
    </row>
    <row r="5311" spans="1:2" x14ac:dyDescent="0.3">
      <c r="A5311" s="11"/>
      <c r="B5311" s="8"/>
    </row>
    <row r="5312" spans="1:2" x14ac:dyDescent="0.3">
      <c r="A5312" s="11"/>
      <c r="B5312" s="8"/>
    </row>
    <row r="5313" spans="1:2" x14ac:dyDescent="0.3">
      <c r="A5313" s="11"/>
      <c r="B5313" s="8"/>
    </row>
    <row r="5314" spans="1:2" x14ac:dyDescent="0.3">
      <c r="A5314" s="11"/>
      <c r="B5314" s="8"/>
    </row>
    <row r="5315" spans="1:2" x14ac:dyDescent="0.3">
      <c r="A5315" s="11"/>
      <c r="B5315" s="8"/>
    </row>
    <row r="5316" spans="1:2" x14ac:dyDescent="0.3">
      <c r="A5316" s="11"/>
      <c r="B5316" s="8"/>
    </row>
    <row r="5317" spans="1:2" x14ac:dyDescent="0.3">
      <c r="A5317" s="11"/>
      <c r="B5317" s="8"/>
    </row>
    <row r="5318" spans="1:2" x14ac:dyDescent="0.3">
      <c r="A5318" s="11"/>
      <c r="B5318" s="8"/>
    </row>
    <row r="5319" spans="1:2" x14ac:dyDescent="0.3">
      <c r="A5319" s="11"/>
      <c r="B5319" s="8"/>
    </row>
    <row r="5320" spans="1:2" x14ac:dyDescent="0.3">
      <c r="A5320" s="11"/>
      <c r="B5320" s="8"/>
    </row>
    <row r="5321" spans="1:2" x14ac:dyDescent="0.3">
      <c r="A5321" s="11"/>
      <c r="B5321" s="8"/>
    </row>
    <row r="5322" spans="1:2" x14ac:dyDescent="0.3">
      <c r="A5322" s="11"/>
      <c r="B5322" s="8"/>
    </row>
    <row r="5323" spans="1:2" x14ac:dyDescent="0.3">
      <c r="A5323" s="11"/>
      <c r="B5323" s="8"/>
    </row>
    <row r="5324" spans="1:2" x14ac:dyDescent="0.3">
      <c r="A5324" s="11"/>
      <c r="B5324" s="8"/>
    </row>
    <row r="5325" spans="1:2" x14ac:dyDescent="0.3">
      <c r="A5325" s="11"/>
      <c r="B5325" s="8"/>
    </row>
    <row r="5326" spans="1:2" x14ac:dyDescent="0.3">
      <c r="A5326" s="11"/>
      <c r="B5326" s="8"/>
    </row>
    <row r="5327" spans="1:2" x14ac:dyDescent="0.3">
      <c r="A5327" s="11"/>
      <c r="B5327" s="8"/>
    </row>
    <row r="5328" spans="1:2" x14ac:dyDescent="0.3">
      <c r="A5328" s="11"/>
      <c r="B5328" s="8"/>
    </row>
    <row r="5329" spans="1:2" x14ac:dyDescent="0.3">
      <c r="A5329" s="11"/>
      <c r="B5329" s="8"/>
    </row>
    <row r="5330" spans="1:2" x14ac:dyDescent="0.3">
      <c r="A5330" s="11"/>
      <c r="B5330" s="8"/>
    </row>
    <row r="5331" spans="1:2" x14ac:dyDescent="0.3">
      <c r="A5331" s="11"/>
      <c r="B5331" s="8"/>
    </row>
    <row r="5332" spans="1:2" x14ac:dyDescent="0.3">
      <c r="A5332" s="11"/>
      <c r="B5332" s="8"/>
    </row>
    <row r="5333" spans="1:2" x14ac:dyDescent="0.3">
      <c r="A5333" s="11"/>
      <c r="B5333" s="8"/>
    </row>
    <row r="5334" spans="1:2" x14ac:dyDescent="0.3">
      <c r="A5334" s="11"/>
      <c r="B5334" s="8"/>
    </row>
    <row r="5335" spans="1:2" x14ac:dyDescent="0.3">
      <c r="A5335" s="11"/>
      <c r="B5335" s="8"/>
    </row>
    <row r="5336" spans="1:2" x14ac:dyDescent="0.3">
      <c r="A5336" s="11"/>
      <c r="B5336" s="8"/>
    </row>
    <row r="5337" spans="1:2" x14ac:dyDescent="0.3">
      <c r="A5337" s="11"/>
      <c r="B5337" s="8"/>
    </row>
    <row r="5338" spans="1:2" x14ac:dyDescent="0.3">
      <c r="A5338" s="11"/>
      <c r="B5338" s="8"/>
    </row>
    <row r="5339" spans="1:2" x14ac:dyDescent="0.3">
      <c r="A5339" s="11"/>
      <c r="B5339" s="8"/>
    </row>
    <row r="5340" spans="1:2" x14ac:dyDescent="0.3">
      <c r="A5340" s="11"/>
      <c r="B5340" s="8"/>
    </row>
    <row r="5341" spans="1:2" x14ac:dyDescent="0.3">
      <c r="A5341" s="11"/>
      <c r="B5341" s="8"/>
    </row>
    <row r="5342" spans="1:2" x14ac:dyDescent="0.3">
      <c r="A5342" s="11"/>
      <c r="B5342" s="8"/>
    </row>
    <row r="5343" spans="1:2" x14ac:dyDescent="0.3">
      <c r="A5343" s="11"/>
      <c r="B5343" s="8"/>
    </row>
    <row r="5344" spans="1:2" x14ac:dyDescent="0.3">
      <c r="A5344" s="11"/>
      <c r="B5344" s="8"/>
    </row>
    <row r="5345" spans="1:2" x14ac:dyDescent="0.3">
      <c r="A5345" s="11"/>
      <c r="B5345" s="8"/>
    </row>
    <row r="5346" spans="1:2" x14ac:dyDescent="0.3">
      <c r="A5346" s="11"/>
      <c r="B5346" s="8"/>
    </row>
    <row r="5347" spans="1:2" x14ac:dyDescent="0.3">
      <c r="A5347" s="11"/>
      <c r="B5347" s="8"/>
    </row>
    <row r="5348" spans="1:2" x14ac:dyDescent="0.3">
      <c r="A5348" s="11"/>
      <c r="B5348" s="8"/>
    </row>
    <row r="5349" spans="1:2" x14ac:dyDescent="0.3">
      <c r="A5349" s="11"/>
      <c r="B5349" s="8"/>
    </row>
    <row r="5350" spans="1:2" x14ac:dyDescent="0.3">
      <c r="A5350" s="11"/>
      <c r="B5350" s="8"/>
    </row>
    <row r="5351" spans="1:2" x14ac:dyDescent="0.3">
      <c r="A5351" s="11"/>
      <c r="B5351" s="8"/>
    </row>
    <row r="5352" spans="1:2" x14ac:dyDescent="0.3">
      <c r="A5352" s="11"/>
      <c r="B5352" s="8"/>
    </row>
    <row r="5353" spans="1:2" x14ac:dyDescent="0.3">
      <c r="A5353" s="11"/>
      <c r="B5353" s="8"/>
    </row>
    <row r="5354" spans="1:2" x14ac:dyDescent="0.3">
      <c r="A5354" s="11"/>
      <c r="B5354" s="8"/>
    </row>
    <row r="5355" spans="1:2" x14ac:dyDescent="0.3">
      <c r="A5355" s="11"/>
      <c r="B5355" s="8"/>
    </row>
    <row r="5356" spans="1:2" x14ac:dyDescent="0.3">
      <c r="A5356" s="11"/>
      <c r="B5356" s="8"/>
    </row>
    <row r="5357" spans="1:2" x14ac:dyDescent="0.3">
      <c r="A5357" s="11"/>
      <c r="B5357" s="8"/>
    </row>
    <row r="5358" spans="1:2" x14ac:dyDescent="0.3">
      <c r="A5358" s="11"/>
      <c r="B5358" s="8"/>
    </row>
    <row r="5359" spans="1:2" x14ac:dyDescent="0.3">
      <c r="A5359" s="11"/>
      <c r="B5359" s="8"/>
    </row>
    <row r="5360" spans="1:2" x14ac:dyDescent="0.3">
      <c r="A5360" s="11"/>
      <c r="B5360" s="8"/>
    </row>
    <row r="5361" spans="1:2" x14ac:dyDescent="0.3">
      <c r="A5361" s="11"/>
      <c r="B5361" s="8"/>
    </row>
    <row r="5362" spans="1:2" x14ac:dyDescent="0.3">
      <c r="A5362" s="11"/>
      <c r="B5362" s="8"/>
    </row>
    <row r="5363" spans="1:2" x14ac:dyDescent="0.3">
      <c r="A5363" s="11"/>
      <c r="B5363" s="8"/>
    </row>
    <row r="5364" spans="1:2" x14ac:dyDescent="0.3">
      <c r="A5364" s="11"/>
      <c r="B5364" s="8"/>
    </row>
    <row r="5365" spans="1:2" x14ac:dyDescent="0.3">
      <c r="A5365" s="11"/>
      <c r="B5365" s="8"/>
    </row>
    <row r="5366" spans="1:2" x14ac:dyDescent="0.3">
      <c r="A5366" s="11"/>
      <c r="B5366" s="8"/>
    </row>
    <row r="5367" spans="1:2" x14ac:dyDescent="0.3">
      <c r="A5367" s="11"/>
      <c r="B5367" s="8"/>
    </row>
    <row r="5368" spans="1:2" x14ac:dyDescent="0.3">
      <c r="A5368" s="11"/>
      <c r="B5368" s="8"/>
    </row>
    <row r="5369" spans="1:2" x14ac:dyDescent="0.3">
      <c r="A5369" s="11"/>
      <c r="B5369" s="8"/>
    </row>
    <row r="5370" spans="1:2" x14ac:dyDescent="0.3">
      <c r="A5370" s="11"/>
      <c r="B5370" s="8"/>
    </row>
    <row r="5371" spans="1:2" x14ac:dyDescent="0.3">
      <c r="A5371" s="11"/>
      <c r="B5371" s="8"/>
    </row>
    <row r="5372" spans="1:2" x14ac:dyDescent="0.3">
      <c r="A5372" s="11"/>
      <c r="B5372" s="8"/>
    </row>
    <row r="5373" spans="1:2" x14ac:dyDescent="0.3">
      <c r="A5373" s="11"/>
      <c r="B5373" s="8"/>
    </row>
    <row r="5374" spans="1:2" x14ac:dyDescent="0.3">
      <c r="A5374" s="11"/>
      <c r="B5374" s="8"/>
    </row>
    <row r="5375" spans="1:2" x14ac:dyDescent="0.3">
      <c r="A5375" s="11"/>
      <c r="B5375" s="8"/>
    </row>
    <row r="5376" spans="1:2" x14ac:dyDescent="0.3">
      <c r="A5376" s="11"/>
      <c r="B5376" s="8"/>
    </row>
    <row r="5377" spans="1:2" x14ac:dyDescent="0.3">
      <c r="A5377" s="11"/>
      <c r="B5377" s="8"/>
    </row>
    <row r="5378" spans="1:2" x14ac:dyDescent="0.3">
      <c r="A5378" s="11"/>
      <c r="B5378" s="8"/>
    </row>
    <row r="5379" spans="1:2" x14ac:dyDescent="0.3">
      <c r="A5379" s="11"/>
      <c r="B5379" s="8"/>
    </row>
    <row r="5380" spans="1:2" x14ac:dyDescent="0.3">
      <c r="A5380" s="11"/>
      <c r="B5380" s="8"/>
    </row>
    <row r="5381" spans="1:2" x14ac:dyDescent="0.3">
      <c r="A5381" s="11"/>
      <c r="B5381" s="8"/>
    </row>
    <row r="5382" spans="1:2" x14ac:dyDescent="0.3">
      <c r="A5382" s="11"/>
      <c r="B5382" s="8"/>
    </row>
    <row r="5383" spans="1:2" x14ac:dyDescent="0.3">
      <c r="A5383" s="11"/>
      <c r="B5383" s="8"/>
    </row>
    <row r="5384" spans="1:2" x14ac:dyDescent="0.3">
      <c r="A5384" s="11"/>
      <c r="B5384" s="8"/>
    </row>
    <row r="5385" spans="1:2" x14ac:dyDescent="0.3">
      <c r="A5385" s="11"/>
      <c r="B5385" s="8"/>
    </row>
    <row r="5386" spans="1:2" x14ac:dyDescent="0.3">
      <c r="A5386" s="11"/>
      <c r="B5386" s="8"/>
    </row>
    <row r="5387" spans="1:2" x14ac:dyDescent="0.3">
      <c r="A5387" s="11"/>
      <c r="B5387" s="8"/>
    </row>
    <row r="5388" spans="1:2" x14ac:dyDescent="0.3">
      <c r="A5388" s="11"/>
      <c r="B5388" s="8"/>
    </row>
    <row r="5389" spans="1:2" x14ac:dyDescent="0.3">
      <c r="A5389" s="11"/>
      <c r="B5389" s="8"/>
    </row>
    <row r="5390" spans="1:2" x14ac:dyDescent="0.3">
      <c r="A5390" s="11"/>
      <c r="B5390" s="8"/>
    </row>
    <row r="5391" spans="1:2" x14ac:dyDescent="0.3">
      <c r="A5391" s="11"/>
      <c r="B5391" s="8"/>
    </row>
    <row r="5392" spans="1:2" x14ac:dyDescent="0.3">
      <c r="A5392" s="11"/>
      <c r="B5392" s="8"/>
    </row>
    <row r="5393" spans="1:2" x14ac:dyDescent="0.3">
      <c r="A5393" s="11"/>
      <c r="B5393" s="8"/>
    </row>
    <row r="5394" spans="1:2" x14ac:dyDescent="0.3">
      <c r="A5394" s="11"/>
      <c r="B5394" s="8"/>
    </row>
    <row r="5395" spans="1:2" x14ac:dyDescent="0.3">
      <c r="A5395" s="11"/>
      <c r="B5395" s="8"/>
    </row>
    <row r="5396" spans="1:2" x14ac:dyDescent="0.3">
      <c r="A5396" s="11"/>
      <c r="B5396" s="8"/>
    </row>
    <row r="5397" spans="1:2" x14ac:dyDescent="0.3">
      <c r="A5397" s="11"/>
      <c r="B5397" s="8"/>
    </row>
    <row r="5398" spans="1:2" x14ac:dyDescent="0.3">
      <c r="A5398" s="11"/>
      <c r="B5398" s="8"/>
    </row>
    <row r="5399" spans="1:2" x14ac:dyDescent="0.3">
      <c r="A5399" s="11"/>
      <c r="B5399" s="8"/>
    </row>
    <row r="5400" spans="1:2" x14ac:dyDescent="0.3">
      <c r="A5400" s="11"/>
      <c r="B5400" s="8"/>
    </row>
    <row r="5401" spans="1:2" x14ac:dyDescent="0.3">
      <c r="A5401" s="11"/>
      <c r="B5401" s="8"/>
    </row>
    <row r="5402" spans="1:2" x14ac:dyDescent="0.3">
      <c r="A5402" s="11"/>
      <c r="B5402" s="8"/>
    </row>
    <row r="5403" spans="1:2" x14ac:dyDescent="0.3">
      <c r="A5403" s="11"/>
      <c r="B5403" s="8"/>
    </row>
    <row r="5404" spans="1:2" x14ac:dyDescent="0.3">
      <c r="A5404" s="11"/>
      <c r="B5404" s="8"/>
    </row>
    <row r="5405" spans="1:2" x14ac:dyDescent="0.3">
      <c r="A5405" s="11"/>
      <c r="B5405" s="8"/>
    </row>
    <row r="5406" spans="1:2" x14ac:dyDescent="0.3">
      <c r="A5406" s="11"/>
      <c r="B5406" s="8"/>
    </row>
    <row r="5407" spans="1:2" x14ac:dyDescent="0.3">
      <c r="A5407" s="11"/>
      <c r="B5407" s="8"/>
    </row>
    <row r="5408" spans="1:2" x14ac:dyDescent="0.3">
      <c r="A5408" s="11"/>
      <c r="B5408" s="8"/>
    </row>
    <row r="5409" spans="1:2" x14ac:dyDescent="0.3">
      <c r="A5409" s="11"/>
      <c r="B5409" s="8"/>
    </row>
    <row r="5410" spans="1:2" x14ac:dyDescent="0.3">
      <c r="A5410" s="11"/>
      <c r="B5410" s="8"/>
    </row>
    <row r="5411" spans="1:2" x14ac:dyDescent="0.3">
      <c r="A5411" s="11"/>
      <c r="B5411" s="8"/>
    </row>
    <row r="5412" spans="1:2" x14ac:dyDescent="0.3">
      <c r="A5412" s="11"/>
      <c r="B5412" s="8"/>
    </row>
    <row r="5413" spans="1:2" x14ac:dyDescent="0.3">
      <c r="A5413" s="11"/>
      <c r="B5413" s="8"/>
    </row>
    <row r="5414" spans="1:2" x14ac:dyDescent="0.3">
      <c r="A5414" s="11"/>
      <c r="B5414" s="8"/>
    </row>
    <row r="5415" spans="1:2" x14ac:dyDescent="0.3">
      <c r="A5415" s="11"/>
      <c r="B5415" s="8"/>
    </row>
    <row r="5416" spans="1:2" x14ac:dyDescent="0.3">
      <c r="A5416" s="11"/>
      <c r="B5416" s="8"/>
    </row>
    <row r="5417" spans="1:2" x14ac:dyDescent="0.3">
      <c r="A5417" s="11"/>
      <c r="B5417" s="8"/>
    </row>
    <row r="5418" spans="1:2" x14ac:dyDescent="0.3">
      <c r="A5418" s="11"/>
      <c r="B5418" s="8"/>
    </row>
    <row r="5419" spans="1:2" x14ac:dyDescent="0.3">
      <c r="A5419" s="11"/>
      <c r="B5419" s="8"/>
    </row>
    <row r="5420" spans="1:2" x14ac:dyDescent="0.3">
      <c r="A5420" s="11"/>
      <c r="B5420" s="8"/>
    </row>
    <row r="5421" spans="1:2" x14ac:dyDescent="0.3">
      <c r="A5421" s="11"/>
      <c r="B5421" s="8"/>
    </row>
    <row r="5422" spans="1:2" x14ac:dyDescent="0.3">
      <c r="A5422" s="11"/>
      <c r="B5422" s="8"/>
    </row>
    <row r="5423" spans="1:2" x14ac:dyDescent="0.3">
      <c r="A5423" s="11"/>
      <c r="B5423" s="8"/>
    </row>
    <row r="5424" spans="1:2" x14ac:dyDescent="0.3">
      <c r="A5424" s="11"/>
      <c r="B5424" s="8"/>
    </row>
    <row r="5425" spans="1:2" x14ac:dyDescent="0.3">
      <c r="A5425" s="11"/>
      <c r="B5425" s="8"/>
    </row>
    <row r="5426" spans="1:2" x14ac:dyDescent="0.3">
      <c r="A5426" s="11"/>
      <c r="B5426" s="8"/>
    </row>
    <row r="5427" spans="1:2" x14ac:dyDescent="0.3">
      <c r="A5427" s="11"/>
      <c r="B5427" s="8"/>
    </row>
    <row r="5428" spans="1:2" x14ac:dyDescent="0.3">
      <c r="A5428" s="11"/>
      <c r="B5428" s="8"/>
    </row>
    <row r="5429" spans="1:2" x14ac:dyDescent="0.3">
      <c r="A5429" s="11"/>
      <c r="B5429" s="8"/>
    </row>
    <row r="5430" spans="1:2" x14ac:dyDescent="0.3">
      <c r="A5430" s="11"/>
      <c r="B5430" s="8"/>
    </row>
    <row r="5431" spans="1:2" x14ac:dyDescent="0.3">
      <c r="A5431" s="11"/>
      <c r="B5431" s="8"/>
    </row>
    <row r="5432" spans="1:2" x14ac:dyDescent="0.3">
      <c r="A5432" s="11"/>
      <c r="B5432" s="8"/>
    </row>
    <row r="5433" spans="1:2" x14ac:dyDescent="0.3">
      <c r="A5433" s="11"/>
      <c r="B5433" s="8"/>
    </row>
    <row r="5434" spans="1:2" x14ac:dyDescent="0.3">
      <c r="A5434" s="11"/>
      <c r="B5434" s="8"/>
    </row>
    <row r="5435" spans="1:2" x14ac:dyDescent="0.3">
      <c r="A5435" s="11"/>
      <c r="B5435" s="8"/>
    </row>
    <row r="5436" spans="1:2" x14ac:dyDescent="0.3">
      <c r="A5436" s="11"/>
      <c r="B5436" s="8"/>
    </row>
    <row r="5437" spans="1:2" x14ac:dyDescent="0.3">
      <c r="A5437" s="11"/>
      <c r="B5437" s="8"/>
    </row>
    <row r="5438" spans="1:2" x14ac:dyDescent="0.3">
      <c r="A5438" s="11"/>
      <c r="B5438" s="8"/>
    </row>
    <row r="5439" spans="1:2" x14ac:dyDescent="0.3">
      <c r="A5439" s="11"/>
      <c r="B5439" s="8"/>
    </row>
    <row r="5440" spans="1:2" x14ac:dyDescent="0.3">
      <c r="A5440" s="11"/>
      <c r="B5440" s="8"/>
    </row>
    <row r="5441" spans="1:2" x14ac:dyDescent="0.3">
      <c r="A5441" s="11"/>
      <c r="B5441" s="8"/>
    </row>
    <row r="5442" spans="1:2" x14ac:dyDescent="0.3">
      <c r="A5442" s="11"/>
      <c r="B5442" s="8"/>
    </row>
    <row r="5443" spans="1:2" x14ac:dyDescent="0.3">
      <c r="A5443" s="11"/>
      <c r="B5443" s="8"/>
    </row>
    <row r="5444" spans="1:2" x14ac:dyDescent="0.3">
      <c r="A5444" s="11"/>
      <c r="B5444" s="8"/>
    </row>
    <row r="5445" spans="1:2" x14ac:dyDescent="0.3">
      <c r="A5445" s="11"/>
      <c r="B5445" s="8"/>
    </row>
    <row r="5446" spans="1:2" x14ac:dyDescent="0.3">
      <c r="A5446" s="11"/>
      <c r="B5446" s="8"/>
    </row>
    <row r="5447" spans="1:2" x14ac:dyDescent="0.3">
      <c r="A5447" s="11"/>
      <c r="B5447" s="8"/>
    </row>
    <row r="5448" spans="1:2" x14ac:dyDescent="0.3">
      <c r="A5448" s="11"/>
      <c r="B5448" s="8"/>
    </row>
    <row r="5449" spans="1:2" x14ac:dyDescent="0.3">
      <c r="A5449" s="11"/>
      <c r="B5449" s="8"/>
    </row>
    <row r="5450" spans="1:2" x14ac:dyDescent="0.3">
      <c r="A5450" s="11"/>
      <c r="B5450" s="8"/>
    </row>
    <row r="5451" spans="1:2" x14ac:dyDescent="0.3">
      <c r="A5451" s="11"/>
      <c r="B5451" s="8"/>
    </row>
    <row r="5452" spans="1:2" x14ac:dyDescent="0.3">
      <c r="A5452" s="11"/>
      <c r="B5452" s="8"/>
    </row>
    <row r="5453" spans="1:2" x14ac:dyDescent="0.3">
      <c r="A5453" s="11"/>
      <c r="B5453" s="8"/>
    </row>
    <row r="5454" spans="1:2" x14ac:dyDescent="0.3">
      <c r="A5454" s="11"/>
      <c r="B5454" s="8"/>
    </row>
    <row r="5455" spans="1:2" x14ac:dyDescent="0.3">
      <c r="A5455" s="11"/>
      <c r="B5455" s="8"/>
    </row>
    <row r="5456" spans="1:2" x14ac:dyDescent="0.3">
      <c r="A5456" s="11"/>
      <c r="B5456" s="8"/>
    </row>
    <row r="5457" spans="1:2" x14ac:dyDescent="0.3">
      <c r="A5457" s="11"/>
      <c r="B5457" s="8"/>
    </row>
    <row r="5458" spans="1:2" x14ac:dyDescent="0.3">
      <c r="A5458" s="11"/>
      <c r="B5458" s="8"/>
    </row>
    <row r="5459" spans="1:2" x14ac:dyDescent="0.3">
      <c r="A5459" s="11"/>
      <c r="B5459" s="8"/>
    </row>
    <row r="5460" spans="1:2" x14ac:dyDescent="0.3">
      <c r="A5460" s="11"/>
      <c r="B5460" s="8"/>
    </row>
    <row r="5461" spans="1:2" x14ac:dyDescent="0.3">
      <c r="A5461" s="11"/>
      <c r="B5461" s="8"/>
    </row>
    <row r="5462" spans="1:2" x14ac:dyDescent="0.3">
      <c r="A5462" s="11"/>
      <c r="B5462" s="8"/>
    </row>
    <row r="5463" spans="1:2" x14ac:dyDescent="0.3">
      <c r="A5463" s="11"/>
      <c r="B5463" s="8"/>
    </row>
    <row r="5464" spans="1:2" x14ac:dyDescent="0.3">
      <c r="A5464" s="11"/>
      <c r="B5464" s="8"/>
    </row>
    <row r="5465" spans="1:2" x14ac:dyDescent="0.3">
      <c r="A5465" s="11"/>
      <c r="B5465" s="8"/>
    </row>
    <row r="5466" spans="1:2" x14ac:dyDescent="0.3">
      <c r="A5466" s="11"/>
      <c r="B5466" s="8"/>
    </row>
    <row r="5467" spans="1:2" x14ac:dyDescent="0.3">
      <c r="A5467" s="11"/>
      <c r="B5467" s="8"/>
    </row>
    <row r="5468" spans="1:2" x14ac:dyDescent="0.3">
      <c r="A5468" s="11"/>
      <c r="B5468" s="8"/>
    </row>
    <row r="5469" spans="1:2" x14ac:dyDescent="0.3">
      <c r="A5469" s="11"/>
      <c r="B5469" s="8"/>
    </row>
    <row r="5470" spans="1:2" x14ac:dyDescent="0.3">
      <c r="A5470" s="11"/>
      <c r="B5470" s="8"/>
    </row>
    <row r="5471" spans="1:2" x14ac:dyDescent="0.3">
      <c r="A5471" s="11"/>
      <c r="B5471" s="8"/>
    </row>
    <row r="5472" spans="1:2" x14ac:dyDescent="0.3">
      <c r="A5472" s="11"/>
      <c r="B5472" s="8"/>
    </row>
    <row r="5473" spans="1:2" x14ac:dyDescent="0.3">
      <c r="A5473" s="11"/>
      <c r="B5473" s="8"/>
    </row>
    <row r="5474" spans="1:2" x14ac:dyDescent="0.3">
      <c r="A5474" s="11"/>
      <c r="B5474" s="8"/>
    </row>
    <row r="5475" spans="1:2" x14ac:dyDescent="0.3">
      <c r="A5475" s="11"/>
      <c r="B5475" s="8"/>
    </row>
    <row r="5476" spans="1:2" x14ac:dyDescent="0.3">
      <c r="A5476" s="11"/>
      <c r="B5476" s="8"/>
    </row>
    <row r="5477" spans="1:2" x14ac:dyDescent="0.3">
      <c r="A5477" s="11"/>
      <c r="B5477" s="8"/>
    </row>
    <row r="5478" spans="1:2" x14ac:dyDescent="0.3">
      <c r="A5478" s="11"/>
      <c r="B5478" s="8"/>
    </row>
    <row r="5479" spans="1:2" x14ac:dyDescent="0.3">
      <c r="A5479" s="11"/>
      <c r="B5479" s="8"/>
    </row>
    <row r="5480" spans="1:2" x14ac:dyDescent="0.3">
      <c r="A5480" s="11"/>
      <c r="B5480" s="8"/>
    </row>
    <row r="5481" spans="1:2" x14ac:dyDescent="0.3">
      <c r="A5481" s="11"/>
      <c r="B5481" s="8"/>
    </row>
    <row r="5482" spans="1:2" x14ac:dyDescent="0.3">
      <c r="A5482" s="11"/>
      <c r="B5482" s="8"/>
    </row>
    <row r="5483" spans="1:2" x14ac:dyDescent="0.3">
      <c r="A5483" s="11"/>
      <c r="B5483" s="8"/>
    </row>
    <row r="5484" spans="1:2" x14ac:dyDescent="0.3">
      <c r="A5484" s="11"/>
      <c r="B5484" s="8"/>
    </row>
    <row r="5485" spans="1:2" x14ac:dyDescent="0.3">
      <c r="A5485" s="11"/>
      <c r="B5485" s="8"/>
    </row>
    <row r="5486" spans="1:2" x14ac:dyDescent="0.3">
      <c r="A5486" s="11"/>
      <c r="B5486" s="8"/>
    </row>
    <row r="5487" spans="1:2" x14ac:dyDescent="0.3">
      <c r="A5487" s="11"/>
      <c r="B5487" s="8"/>
    </row>
    <row r="5488" spans="1:2" x14ac:dyDescent="0.3">
      <c r="A5488" s="11"/>
      <c r="B5488" s="8"/>
    </row>
    <row r="5489" spans="1:2" x14ac:dyDescent="0.3">
      <c r="A5489" s="11"/>
      <c r="B5489" s="8"/>
    </row>
    <row r="5490" spans="1:2" x14ac:dyDescent="0.3">
      <c r="A5490" s="11"/>
      <c r="B5490" s="8"/>
    </row>
    <row r="5491" spans="1:2" x14ac:dyDescent="0.3">
      <c r="A5491" s="11"/>
      <c r="B5491" s="8"/>
    </row>
    <row r="5492" spans="1:2" x14ac:dyDescent="0.3">
      <c r="A5492" s="11"/>
      <c r="B5492" s="8"/>
    </row>
    <row r="5493" spans="1:2" x14ac:dyDescent="0.3">
      <c r="A5493" s="11"/>
      <c r="B5493" s="8"/>
    </row>
    <row r="5494" spans="1:2" x14ac:dyDescent="0.3">
      <c r="A5494" s="11"/>
      <c r="B5494" s="8"/>
    </row>
    <row r="5495" spans="1:2" x14ac:dyDescent="0.3">
      <c r="A5495" s="11"/>
      <c r="B5495" s="8"/>
    </row>
    <row r="5496" spans="1:2" x14ac:dyDescent="0.3">
      <c r="A5496" s="11"/>
      <c r="B5496" s="8"/>
    </row>
    <row r="5497" spans="1:2" x14ac:dyDescent="0.3">
      <c r="A5497" s="11"/>
      <c r="B5497" s="8"/>
    </row>
    <row r="5498" spans="1:2" x14ac:dyDescent="0.3">
      <c r="A5498" s="11"/>
      <c r="B5498" s="8"/>
    </row>
    <row r="5499" spans="1:2" x14ac:dyDescent="0.3">
      <c r="A5499" s="11"/>
      <c r="B5499" s="8"/>
    </row>
    <row r="5500" spans="1:2" x14ac:dyDescent="0.3">
      <c r="A5500" s="11"/>
      <c r="B5500" s="8"/>
    </row>
    <row r="5501" spans="1:2" x14ac:dyDescent="0.3">
      <c r="A5501" s="11"/>
      <c r="B5501" s="8"/>
    </row>
    <row r="5502" spans="1:2" x14ac:dyDescent="0.3">
      <c r="A5502" s="11"/>
      <c r="B5502" s="8"/>
    </row>
    <row r="5503" spans="1:2" x14ac:dyDescent="0.3">
      <c r="A5503" s="11"/>
      <c r="B5503" s="8"/>
    </row>
    <row r="5504" spans="1:2" x14ac:dyDescent="0.3">
      <c r="A5504" s="11"/>
      <c r="B5504" s="8"/>
    </row>
    <row r="5505" spans="1:2" x14ac:dyDescent="0.3">
      <c r="A5505" s="11"/>
      <c r="B5505" s="8"/>
    </row>
    <row r="5506" spans="1:2" x14ac:dyDescent="0.3">
      <c r="A5506" s="11"/>
      <c r="B5506" s="8"/>
    </row>
    <row r="5507" spans="1:2" x14ac:dyDescent="0.3">
      <c r="A5507" s="11"/>
      <c r="B5507" s="8"/>
    </row>
    <row r="5508" spans="1:2" x14ac:dyDescent="0.3">
      <c r="A5508" s="11"/>
      <c r="B5508" s="8"/>
    </row>
    <row r="5509" spans="1:2" x14ac:dyDescent="0.3">
      <c r="A5509" s="11"/>
      <c r="B5509" s="8"/>
    </row>
    <row r="5510" spans="1:2" x14ac:dyDescent="0.3">
      <c r="A5510" s="11"/>
      <c r="B5510" s="8"/>
    </row>
    <row r="5511" spans="1:2" x14ac:dyDescent="0.3">
      <c r="A5511" s="11"/>
      <c r="B5511" s="8"/>
    </row>
    <row r="5512" spans="1:2" x14ac:dyDescent="0.3">
      <c r="A5512" s="11"/>
      <c r="B5512" s="8"/>
    </row>
    <row r="5513" spans="1:2" x14ac:dyDescent="0.3">
      <c r="A5513" s="11"/>
      <c r="B5513" s="8"/>
    </row>
    <row r="5514" spans="1:2" x14ac:dyDescent="0.3">
      <c r="A5514" s="11"/>
      <c r="B5514" s="8"/>
    </row>
    <row r="5515" spans="1:2" x14ac:dyDescent="0.3">
      <c r="A5515" s="11"/>
      <c r="B5515" s="8"/>
    </row>
    <row r="5516" spans="1:2" x14ac:dyDescent="0.3">
      <c r="A5516" s="11"/>
      <c r="B5516" s="8"/>
    </row>
    <row r="5517" spans="1:2" x14ac:dyDescent="0.3">
      <c r="A5517" s="11"/>
      <c r="B5517" s="8"/>
    </row>
    <row r="5518" spans="1:2" x14ac:dyDescent="0.3">
      <c r="A5518" s="11"/>
      <c r="B5518" s="8"/>
    </row>
    <row r="5519" spans="1:2" x14ac:dyDescent="0.3">
      <c r="A5519" s="11"/>
      <c r="B5519" s="8"/>
    </row>
    <row r="5520" spans="1:2" x14ac:dyDescent="0.3">
      <c r="A5520" s="11"/>
      <c r="B5520" s="8"/>
    </row>
    <row r="5521" spans="1:2" x14ac:dyDescent="0.3">
      <c r="A5521" s="11"/>
      <c r="B5521" s="8"/>
    </row>
    <row r="5522" spans="1:2" x14ac:dyDescent="0.3">
      <c r="A5522" s="11"/>
      <c r="B5522" s="8"/>
    </row>
    <row r="5523" spans="1:2" x14ac:dyDescent="0.3">
      <c r="A5523" s="11"/>
      <c r="B5523" s="8"/>
    </row>
    <row r="5524" spans="1:2" x14ac:dyDescent="0.3">
      <c r="A5524" s="11"/>
      <c r="B5524" s="8"/>
    </row>
    <row r="5525" spans="1:2" x14ac:dyDescent="0.3">
      <c r="A5525" s="11"/>
      <c r="B5525" s="8"/>
    </row>
    <row r="5526" spans="1:2" x14ac:dyDescent="0.3">
      <c r="A5526" s="11"/>
      <c r="B5526" s="8"/>
    </row>
    <row r="5527" spans="1:2" x14ac:dyDescent="0.3">
      <c r="A5527" s="11"/>
      <c r="B5527" s="8"/>
    </row>
    <row r="5528" spans="1:2" x14ac:dyDescent="0.3">
      <c r="A5528" s="11"/>
      <c r="B5528" s="8"/>
    </row>
    <row r="5529" spans="1:2" x14ac:dyDescent="0.3">
      <c r="A5529" s="11"/>
      <c r="B5529" s="8"/>
    </row>
    <row r="5530" spans="1:2" x14ac:dyDescent="0.3">
      <c r="A5530" s="11"/>
      <c r="B5530" s="8"/>
    </row>
    <row r="5531" spans="1:2" x14ac:dyDescent="0.3">
      <c r="A5531" s="11"/>
      <c r="B5531" s="8"/>
    </row>
    <row r="5532" spans="1:2" x14ac:dyDescent="0.3">
      <c r="A5532" s="11"/>
      <c r="B5532" s="8"/>
    </row>
    <row r="5533" spans="1:2" x14ac:dyDescent="0.3">
      <c r="A5533" s="11"/>
      <c r="B5533" s="8"/>
    </row>
    <row r="5534" spans="1:2" x14ac:dyDescent="0.3">
      <c r="A5534" s="11"/>
      <c r="B5534" s="8"/>
    </row>
    <row r="5535" spans="1:2" x14ac:dyDescent="0.3">
      <c r="A5535" s="11"/>
      <c r="B5535" s="8"/>
    </row>
    <row r="5536" spans="1:2" x14ac:dyDescent="0.3">
      <c r="A5536" s="11"/>
      <c r="B5536" s="8"/>
    </row>
    <row r="5537" spans="1:2" x14ac:dyDescent="0.3">
      <c r="A5537" s="11"/>
      <c r="B5537" s="8"/>
    </row>
    <row r="5538" spans="1:2" x14ac:dyDescent="0.3">
      <c r="A5538" s="11"/>
      <c r="B5538" s="8"/>
    </row>
    <row r="5539" spans="1:2" x14ac:dyDescent="0.3">
      <c r="A5539" s="11"/>
      <c r="B5539" s="8"/>
    </row>
    <row r="5540" spans="1:2" x14ac:dyDescent="0.3">
      <c r="A5540" s="11"/>
      <c r="B5540" s="8"/>
    </row>
    <row r="5541" spans="1:2" x14ac:dyDescent="0.3">
      <c r="A5541" s="11"/>
      <c r="B5541" s="8"/>
    </row>
    <row r="5542" spans="1:2" x14ac:dyDescent="0.3">
      <c r="A5542" s="11"/>
      <c r="B5542" s="8"/>
    </row>
    <row r="5543" spans="1:2" x14ac:dyDescent="0.3">
      <c r="A5543" s="11"/>
      <c r="B5543" s="8"/>
    </row>
    <row r="5544" spans="1:2" x14ac:dyDescent="0.3">
      <c r="A5544" s="11"/>
      <c r="B5544" s="8"/>
    </row>
    <row r="5545" spans="1:2" x14ac:dyDescent="0.3">
      <c r="A5545" s="11"/>
      <c r="B5545" s="8"/>
    </row>
    <row r="5546" spans="1:2" x14ac:dyDescent="0.3">
      <c r="A5546" s="11"/>
      <c r="B5546" s="8"/>
    </row>
    <row r="5547" spans="1:2" x14ac:dyDescent="0.3">
      <c r="A5547" s="11"/>
      <c r="B5547" s="8"/>
    </row>
    <row r="5548" spans="1:2" x14ac:dyDescent="0.3">
      <c r="A5548" s="11"/>
      <c r="B5548" s="8"/>
    </row>
    <row r="5549" spans="1:2" x14ac:dyDescent="0.3">
      <c r="A5549" s="11"/>
      <c r="B5549" s="8"/>
    </row>
    <row r="5550" spans="1:2" x14ac:dyDescent="0.3">
      <c r="A5550" s="11"/>
      <c r="B5550" s="8"/>
    </row>
    <row r="5551" spans="1:2" x14ac:dyDescent="0.3">
      <c r="A5551" s="11"/>
      <c r="B5551" s="8"/>
    </row>
    <row r="5552" spans="1:2" x14ac:dyDescent="0.3">
      <c r="A5552" s="11"/>
      <c r="B5552" s="8"/>
    </row>
    <row r="5553" spans="1:2" x14ac:dyDescent="0.3">
      <c r="A5553" s="11"/>
      <c r="B5553" s="8"/>
    </row>
    <row r="5554" spans="1:2" x14ac:dyDescent="0.3">
      <c r="A5554" s="11"/>
      <c r="B5554" s="8"/>
    </row>
    <row r="5555" spans="1:2" x14ac:dyDescent="0.3">
      <c r="A5555" s="11"/>
      <c r="B5555" s="8"/>
    </row>
    <row r="5556" spans="1:2" x14ac:dyDescent="0.3">
      <c r="A5556" s="11"/>
      <c r="B5556" s="8"/>
    </row>
    <row r="5557" spans="1:2" x14ac:dyDescent="0.3">
      <c r="A5557" s="11"/>
      <c r="B5557" s="8"/>
    </row>
    <row r="5558" spans="1:2" x14ac:dyDescent="0.3">
      <c r="A5558" s="11"/>
      <c r="B5558" s="8"/>
    </row>
    <row r="5559" spans="1:2" x14ac:dyDescent="0.3">
      <c r="A5559" s="11"/>
      <c r="B5559" s="8"/>
    </row>
    <row r="5560" spans="1:2" x14ac:dyDescent="0.3">
      <c r="A5560" s="11"/>
      <c r="B5560" s="8"/>
    </row>
    <row r="5561" spans="1:2" x14ac:dyDescent="0.3">
      <c r="A5561" s="11"/>
      <c r="B5561" s="8"/>
    </row>
    <row r="5562" spans="1:2" x14ac:dyDescent="0.3">
      <c r="A5562" s="11"/>
      <c r="B5562" s="8"/>
    </row>
    <row r="5563" spans="1:2" x14ac:dyDescent="0.3">
      <c r="A5563" s="11"/>
      <c r="B5563" s="8"/>
    </row>
    <row r="5564" spans="1:2" x14ac:dyDescent="0.3">
      <c r="A5564" s="11"/>
      <c r="B5564" s="8"/>
    </row>
    <row r="5565" spans="1:2" x14ac:dyDescent="0.3">
      <c r="A5565" s="11"/>
      <c r="B5565" s="8"/>
    </row>
    <row r="5566" spans="1:2" x14ac:dyDescent="0.3">
      <c r="A5566" s="11"/>
      <c r="B5566" s="8"/>
    </row>
    <row r="5567" spans="1:2" x14ac:dyDescent="0.3">
      <c r="A5567" s="11"/>
      <c r="B5567" s="8"/>
    </row>
    <row r="5568" spans="1:2" x14ac:dyDescent="0.3">
      <c r="A5568" s="11"/>
      <c r="B5568" s="8"/>
    </row>
    <row r="5569" spans="1:2" x14ac:dyDescent="0.3">
      <c r="A5569" s="11"/>
      <c r="B5569" s="8"/>
    </row>
    <row r="5570" spans="1:2" x14ac:dyDescent="0.3">
      <c r="A5570" s="11"/>
      <c r="B5570" s="8"/>
    </row>
    <row r="5571" spans="1:2" x14ac:dyDescent="0.3">
      <c r="A5571" s="11"/>
      <c r="B5571" s="8"/>
    </row>
    <row r="5572" spans="1:2" x14ac:dyDescent="0.3">
      <c r="A5572" s="11"/>
      <c r="B5572" s="8"/>
    </row>
    <row r="5573" spans="1:2" x14ac:dyDescent="0.3">
      <c r="A5573" s="11"/>
      <c r="B5573" s="8"/>
    </row>
    <row r="5574" spans="1:2" x14ac:dyDescent="0.3">
      <c r="A5574" s="11"/>
      <c r="B5574" s="8"/>
    </row>
    <row r="5575" spans="1:2" x14ac:dyDescent="0.3">
      <c r="A5575" s="11"/>
      <c r="B5575" s="8"/>
    </row>
    <row r="5576" spans="1:2" x14ac:dyDescent="0.3">
      <c r="A5576" s="11"/>
      <c r="B5576" s="8"/>
    </row>
    <row r="5577" spans="1:2" x14ac:dyDescent="0.3">
      <c r="A5577" s="11"/>
      <c r="B5577" s="8"/>
    </row>
    <row r="5578" spans="1:2" x14ac:dyDescent="0.3">
      <c r="A5578" s="11"/>
      <c r="B5578" s="8"/>
    </row>
    <row r="5579" spans="1:2" x14ac:dyDescent="0.3">
      <c r="A5579" s="11"/>
      <c r="B5579" s="8"/>
    </row>
    <row r="5580" spans="1:2" x14ac:dyDescent="0.3">
      <c r="A5580" s="11"/>
      <c r="B5580" s="8"/>
    </row>
    <row r="5581" spans="1:2" x14ac:dyDescent="0.3">
      <c r="A5581" s="11"/>
      <c r="B5581" s="8"/>
    </row>
    <row r="5582" spans="1:2" x14ac:dyDescent="0.3">
      <c r="A5582" s="11"/>
      <c r="B5582" s="8"/>
    </row>
    <row r="5583" spans="1:2" x14ac:dyDescent="0.3">
      <c r="A5583" s="11"/>
      <c r="B5583" s="8"/>
    </row>
    <row r="5584" spans="1:2" x14ac:dyDescent="0.3">
      <c r="A5584" s="11"/>
      <c r="B5584" s="8"/>
    </row>
    <row r="5585" spans="1:2" x14ac:dyDescent="0.3">
      <c r="A5585" s="11"/>
      <c r="B5585" s="8"/>
    </row>
    <row r="5586" spans="1:2" x14ac:dyDescent="0.3">
      <c r="A5586" s="11"/>
      <c r="B5586" s="8"/>
    </row>
    <row r="5587" spans="1:2" x14ac:dyDescent="0.3">
      <c r="A5587" s="11"/>
      <c r="B5587" s="8"/>
    </row>
    <row r="5588" spans="1:2" x14ac:dyDescent="0.3">
      <c r="A5588" s="11"/>
      <c r="B5588" s="8"/>
    </row>
    <row r="5589" spans="1:2" x14ac:dyDescent="0.3">
      <c r="A5589" s="11"/>
      <c r="B5589" s="8"/>
    </row>
    <row r="5590" spans="1:2" x14ac:dyDescent="0.3">
      <c r="A5590" s="11"/>
      <c r="B5590" s="8"/>
    </row>
    <row r="5591" spans="1:2" x14ac:dyDescent="0.3">
      <c r="A5591" s="11"/>
      <c r="B5591" s="8"/>
    </row>
    <row r="5592" spans="1:2" x14ac:dyDescent="0.3">
      <c r="A5592" s="11"/>
      <c r="B5592" s="8"/>
    </row>
    <row r="5593" spans="1:2" x14ac:dyDescent="0.3">
      <c r="A5593" s="11"/>
      <c r="B5593" s="8"/>
    </row>
    <row r="5594" spans="1:2" x14ac:dyDescent="0.3">
      <c r="A5594" s="11"/>
      <c r="B5594" s="8"/>
    </row>
    <row r="5595" spans="1:2" x14ac:dyDescent="0.3">
      <c r="A5595" s="11"/>
      <c r="B5595" s="8"/>
    </row>
    <row r="5596" spans="1:2" x14ac:dyDescent="0.3">
      <c r="A5596" s="11"/>
      <c r="B5596" s="8"/>
    </row>
    <row r="5597" spans="1:2" x14ac:dyDescent="0.3">
      <c r="A5597" s="11"/>
      <c r="B5597" s="8"/>
    </row>
    <row r="5598" spans="1:2" x14ac:dyDescent="0.3">
      <c r="A5598" s="11"/>
      <c r="B5598" s="8"/>
    </row>
    <row r="5599" spans="1:2" x14ac:dyDescent="0.3">
      <c r="A5599" s="11"/>
      <c r="B5599" s="8"/>
    </row>
    <row r="5600" spans="1:2" x14ac:dyDescent="0.3">
      <c r="A5600" s="11"/>
      <c r="B5600" s="8"/>
    </row>
    <row r="5601" spans="1:2" x14ac:dyDescent="0.3">
      <c r="A5601" s="11"/>
      <c r="B5601" s="8"/>
    </row>
    <row r="5602" spans="1:2" x14ac:dyDescent="0.3">
      <c r="A5602" s="11"/>
      <c r="B5602" s="8"/>
    </row>
    <row r="5603" spans="1:2" x14ac:dyDescent="0.3">
      <c r="A5603" s="11"/>
      <c r="B5603" s="8"/>
    </row>
    <row r="5604" spans="1:2" x14ac:dyDescent="0.3">
      <c r="A5604" s="11"/>
      <c r="B5604" s="8"/>
    </row>
    <row r="5605" spans="1:2" x14ac:dyDescent="0.3">
      <c r="A5605" s="11"/>
      <c r="B5605" s="8"/>
    </row>
    <row r="5606" spans="1:2" x14ac:dyDescent="0.3">
      <c r="A5606" s="11"/>
      <c r="B5606" s="8"/>
    </row>
    <row r="5607" spans="1:2" x14ac:dyDescent="0.3">
      <c r="A5607" s="11"/>
      <c r="B5607" s="8"/>
    </row>
    <row r="5608" spans="1:2" x14ac:dyDescent="0.3">
      <c r="A5608" s="11"/>
      <c r="B5608" s="8"/>
    </row>
    <row r="5609" spans="1:2" x14ac:dyDescent="0.3">
      <c r="A5609" s="11"/>
      <c r="B5609" s="8"/>
    </row>
    <row r="5610" spans="1:2" x14ac:dyDescent="0.3">
      <c r="A5610" s="11"/>
      <c r="B5610" s="8"/>
    </row>
    <row r="5611" spans="1:2" x14ac:dyDescent="0.3">
      <c r="A5611" s="11"/>
      <c r="B5611" s="8"/>
    </row>
    <row r="5612" spans="1:2" x14ac:dyDescent="0.3">
      <c r="A5612" s="11"/>
      <c r="B5612" s="8"/>
    </row>
    <row r="5613" spans="1:2" x14ac:dyDescent="0.3">
      <c r="A5613" s="11"/>
      <c r="B5613" s="8"/>
    </row>
    <row r="5614" spans="1:2" x14ac:dyDescent="0.3">
      <c r="A5614" s="11"/>
      <c r="B5614" s="8"/>
    </row>
    <row r="5615" spans="1:2" x14ac:dyDescent="0.3">
      <c r="A5615" s="11"/>
      <c r="B5615" s="8"/>
    </row>
    <row r="5616" spans="1:2" x14ac:dyDescent="0.3">
      <c r="A5616" s="11"/>
      <c r="B5616" s="8"/>
    </row>
    <row r="5617" spans="1:2" x14ac:dyDescent="0.3">
      <c r="A5617" s="11"/>
      <c r="B5617" s="8"/>
    </row>
    <row r="5618" spans="1:2" x14ac:dyDescent="0.3">
      <c r="A5618" s="11"/>
      <c r="B5618" s="8"/>
    </row>
    <row r="5619" spans="1:2" x14ac:dyDescent="0.3">
      <c r="A5619" s="11"/>
      <c r="B5619" s="8"/>
    </row>
    <row r="5620" spans="1:2" x14ac:dyDescent="0.3">
      <c r="A5620" s="11"/>
      <c r="B5620" s="8"/>
    </row>
    <row r="5621" spans="1:2" x14ac:dyDescent="0.3">
      <c r="A5621" s="11"/>
      <c r="B5621" s="8"/>
    </row>
    <row r="5622" spans="1:2" x14ac:dyDescent="0.3">
      <c r="A5622" s="11"/>
      <c r="B5622" s="8"/>
    </row>
    <row r="5623" spans="1:2" x14ac:dyDescent="0.3">
      <c r="A5623" s="11"/>
      <c r="B5623" s="8"/>
    </row>
    <row r="5624" spans="1:2" x14ac:dyDescent="0.3">
      <c r="A5624" s="11"/>
      <c r="B5624" s="8"/>
    </row>
    <row r="5625" spans="1:2" x14ac:dyDescent="0.3">
      <c r="A5625" s="11"/>
      <c r="B5625" s="8"/>
    </row>
    <row r="5626" spans="1:2" x14ac:dyDescent="0.3">
      <c r="A5626" s="11"/>
      <c r="B5626" s="8"/>
    </row>
    <row r="5627" spans="1:2" x14ac:dyDescent="0.3">
      <c r="A5627" s="11"/>
      <c r="B5627" s="8"/>
    </row>
    <row r="5628" spans="1:2" x14ac:dyDescent="0.3">
      <c r="A5628" s="11"/>
      <c r="B5628" s="8"/>
    </row>
    <row r="5629" spans="1:2" x14ac:dyDescent="0.3">
      <c r="A5629" s="11"/>
      <c r="B5629" s="8"/>
    </row>
    <row r="5630" spans="1:2" x14ac:dyDescent="0.3">
      <c r="A5630" s="11"/>
      <c r="B5630" s="8"/>
    </row>
    <row r="5631" spans="1:2" x14ac:dyDescent="0.3">
      <c r="A5631" s="11"/>
      <c r="B5631" s="8"/>
    </row>
    <row r="5632" spans="1:2" x14ac:dyDescent="0.3">
      <c r="A5632" s="11"/>
      <c r="B5632" s="8"/>
    </row>
    <row r="5633" spans="1:2" x14ac:dyDescent="0.3">
      <c r="A5633" s="11"/>
      <c r="B5633" s="8"/>
    </row>
    <row r="5634" spans="1:2" x14ac:dyDescent="0.3">
      <c r="A5634" s="11"/>
      <c r="B5634" s="8"/>
    </row>
    <row r="5635" spans="1:2" x14ac:dyDescent="0.3">
      <c r="A5635" s="11"/>
      <c r="B5635" s="8"/>
    </row>
    <row r="5636" spans="1:2" x14ac:dyDescent="0.3">
      <c r="A5636" s="11"/>
      <c r="B5636" s="8"/>
    </row>
    <row r="5637" spans="1:2" x14ac:dyDescent="0.3">
      <c r="A5637" s="11"/>
      <c r="B5637" s="8"/>
    </row>
    <row r="5638" spans="1:2" x14ac:dyDescent="0.3">
      <c r="A5638" s="11"/>
      <c r="B5638" s="8"/>
    </row>
    <row r="5639" spans="1:2" x14ac:dyDescent="0.3">
      <c r="A5639" s="11"/>
      <c r="B5639" s="8"/>
    </row>
    <row r="5640" spans="1:2" x14ac:dyDescent="0.3">
      <c r="A5640" s="11"/>
      <c r="B5640" s="8"/>
    </row>
    <row r="5641" spans="1:2" x14ac:dyDescent="0.3">
      <c r="A5641" s="11"/>
      <c r="B5641" s="8"/>
    </row>
    <row r="5642" spans="1:2" x14ac:dyDescent="0.3">
      <c r="A5642" s="11"/>
      <c r="B5642" s="8"/>
    </row>
    <row r="5643" spans="1:2" x14ac:dyDescent="0.3">
      <c r="A5643" s="11"/>
      <c r="B5643" s="8"/>
    </row>
    <row r="5644" spans="1:2" x14ac:dyDescent="0.3">
      <c r="A5644" s="11"/>
      <c r="B5644" s="8"/>
    </row>
    <row r="5645" spans="1:2" x14ac:dyDescent="0.3">
      <c r="A5645" s="11"/>
      <c r="B5645" s="8"/>
    </row>
    <row r="5646" spans="1:2" x14ac:dyDescent="0.3">
      <c r="A5646" s="11"/>
      <c r="B5646" s="8"/>
    </row>
    <row r="5647" spans="1:2" x14ac:dyDescent="0.3">
      <c r="A5647" s="11"/>
      <c r="B5647" s="8"/>
    </row>
    <row r="5648" spans="1:2" x14ac:dyDescent="0.3">
      <c r="A5648" s="11"/>
      <c r="B5648" s="8"/>
    </row>
    <row r="5649" spans="1:2" x14ac:dyDescent="0.3">
      <c r="A5649" s="11"/>
      <c r="B5649" s="8"/>
    </row>
    <row r="5650" spans="1:2" x14ac:dyDescent="0.3">
      <c r="A5650" s="11"/>
      <c r="B5650" s="8"/>
    </row>
    <row r="5651" spans="1:2" x14ac:dyDescent="0.3">
      <c r="A5651" s="11"/>
      <c r="B5651" s="8"/>
    </row>
    <row r="5652" spans="1:2" x14ac:dyDescent="0.3">
      <c r="A5652" s="11"/>
      <c r="B5652" s="8"/>
    </row>
    <row r="5653" spans="1:2" x14ac:dyDescent="0.3">
      <c r="A5653" s="11"/>
      <c r="B5653" s="8"/>
    </row>
    <row r="5654" spans="1:2" x14ac:dyDescent="0.3">
      <c r="A5654" s="11"/>
      <c r="B5654" s="8"/>
    </row>
    <row r="5655" spans="1:2" x14ac:dyDescent="0.3">
      <c r="A5655" s="11"/>
      <c r="B5655" s="8"/>
    </row>
    <row r="5656" spans="1:2" x14ac:dyDescent="0.3">
      <c r="A5656" s="11"/>
      <c r="B5656" s="8"/>
    </row>
    <row r="5657" spans="1:2" x14ac:dyDescent="0.3">
      <c r="A5657" s="11"/>
      <c r="B5657" s="8"/>
    </row>
    <row r="5658" spans="1:2" x14ac:dyDescent="0.3">
      <c r="A5658" s="11"/>
      <c r="B5658" s="8"/>
    </row>
    <row r="5659" spans="1:2" x14ac:dyDescent="0.3">
      <c r="A5659" s="11"/>
      <c r="B5659" s="8"/>
    </row>
    <row r="5660" spans="1:2" x14ac:dyDescent="0.3">
      <c r="A5660" s="11"/>
      <c r="B5660" s="8"/>
    </row>
    <row r="5661" spans="1:2" x14ac:dyDescent="0.3">
      <c r="A5661" s="11"/>
      <c r="B5661" s="8"/>
    </row>
    <row r="5662" spans="1:2" x14ac:dyDescent="0.3">
      <c r="A5662" s="11"/>
      <c r="B5662" s="8"/>
    </row>
    <row r="5663" spans="1:2" x14ac:dyDescent="0.3">
      <c r="A5663" s="11"/>
      <c r="B5663" s="8"/>
    </row>
    <row r="5664" spans="1:2" x14ac:dyDescent="0.3">
      <c r="A5664" s="11"/>
      <c r="B5664" s="8"/>
    </row>
    <row r="5665" spans="1:2" x14ac:dyDescent="0.3">
      <c r="A5665" s="11"/>
      <c r="B5665" s="8"/>
    </row>
    <row r="5666" spans="1:2" x14ac:dyDescent="0.3">
      <c r="A5666" s="11"/>
      <c r="B5666" s="8"/>
    </row>
    <row r="5667" spans="1:2" x14ac:dyDescent="0.3">
      <c r="A5667" s="11"/>
      <c r="B5667" s="8"/>
    </row>
    <row r="5668" spans="1:2" x14ac:dyDescent="0.3">
      <c r="A5668" s="11"/>
      <c r="B5668" s="8"/>
    </row>
    <row r="5669" spans="1:2" x14ac:dyDescent="0.3">
      <c r="A5669" s="11"/>
      <c r="B5669" s="8"/>
    </row>
    <row r="5670" spans="1:2" x14ac:dyDescent="0.3">
      <c r="A5670" s="11"/>
      <c r="B5670" s="8"/>
    </row>
    <row r="5671" spans="1:2" x14ac:dyDescent="0.3">
      <c r="A5671" s="11"/>
      <c r="B5671" s="8"/>
    </row>
    <row r="5672" spans="1:2" x14ac:dyDescent="0.3">
      <c r="A5672" s="11"/>
      <c r="B5672" s="8"/>
    </row>
    <row r="5673" spans="1:2" x14ac:dyDescent="0.3">
      <c r="A5673" s="11"/>
      <c r="B5673" s="8"/>
    </row>
    <row r="5674" spans="1:2" x14ac:dyDescent="0.3">
      <c r="A5674" s="11"/>
      <c r="B5674" s="8"/>
    </row>
    <row r="5675" spans="1:2" x14ac:dyDescent="0.3">
      <c r="A5675" s="11"/>
      <c r="B5675" s="8"/>
    </row>
    <row r="5676" spans="1:2" x14ac:dyDescent="0.3">
      <c r="A5676" s="11"/>
      <c r="B5676" s="8"/>
    </row>
    <row r="5677" spans="1:2" x14ac:dyDescent="0.3">
      <c r="A5677" s="11"/>
      <c r="B5677" s="8"/>
    </row>
    <row r="5678" spans="1:2" x14ac:dyDescent="0.3">
      <c r="A5678" s="11"/>
      <c r="B5678" s="8"/>
    </row>
    <row r="5679" spans="1:2" x14ac:dyDescent="0.3">
      <c r="A5679" s="11"/>
      <c r="B5679" s="8"/>
    </row>
    <row r="5680" spans="1:2" x14ac:dyDescent="0.3">
      <c r="A5680" s="11"/>
      <c r="B5680" s="8"/>
    </row>
    <row r="5681" spans="1:2" x14ac:dyDescent="0.3">
      <c r="A5681" s="11"/>
      <c r="B5681" s="8"/>
    </row>
    <row r="5682" spans="1:2" x14ac:dyDescent="0.3">
      <c r="A5682" s="11"/>
      <c r="B5682" s="8"/>
    </row>
    <row r="5683" spans="1:2" x14ac:dyDescent="0.3">
      <c r="A5683" s="11"/>
      <c r="B5683" s="8"/>
    </row>
    <row r="5684" spans="1:2" x14ac:dyDescent="0.3">
      <c r="A5684" s="11"/>
      <c r="B5684" s="8"/>
    </row>
    <row r="5685" spans="1:2" x14ac:dyDescent="0.3">
      <c r="A5685" s="11"/>
      <c r="B5685" s="8"/>
    </row>
    <row r="5686" spans="1:2" x14ac:dyDescent="0.3">
      <c r="A5686" s="11"/>
      <c r="B5686" s="8"/>
    </row>
    <row r="5687" spans="1:2" x14ac:dyDescent="0.3">
      <c r="A5687" s="11"/>
      <c r="B5687" s="8"/>
    </row>
    <row r="5688" spans="1:2" x14ac:dyDescent="0.3">
      <c r="A5688" s="11"/>
      <c r="B5688" s="8"/>
    </row>
    <row r="5689" spans="1:2" x14ac:dyDescent="0.3">
      <c r="A5689" s="11"/>
      <c r="B5689" s="8"/>
    </row>
    <row r="5690" spans="1:2" x14ac:dyDescent="0.3">
      <c r="A5690" s="11"/>
      <c r="B5690" s="8"/>
    </row>
    <row r="5691" spans="1:2" x14ac:dyDescent="0.3">
      <c r="A5691" s="11"/>
      <c r="B5691" s="8"/>
    </row>
    <row r="5692" spans="1:2" x14ac:dyDescent="0.3">
      <c r="A5692" s="11"/>
      <c r="B5692" s="8"/>
    </row>
    <row r="5693" spans="1:2" x14ac:dyDescent="0.3">
      <c r="A5693" s="11"/>
      <c r="B5693" s="8"/>
    </row>
    <row r="5694" spans="1:2" x14ac:dyDescent="0.3">
      <c r="A5694" s="11"/>
      <c r="B5694" s="8"/>
    </row>
    <row r="5695" spans="1:2" x14ac:dyDescent="0.3">
      <c r="A5695" s="11"/>
      <c r="B5695" s="8"/>
    </row>
    <row r="5696" spans="1:2" x14ac:dyDescent="0.3">
      <c r="A5696" s="11"/>
      <c r="B5696" s="8"/>
    </row>
    <row r="5697" spans="1:2" x14ac:dyDescent="0.3">
      <c r="A5697" s="11"/>
      <c r="B5697" s="8"/>
    </row>
    <row r="5698" spans="1:2" x14ac:dyDescent="0.3">
      <c r="A5698" s="11"/>
      <c r="B5698" s="8"/>
    </row>
    <row r="5699" spans="1:2" x14ac:dyDescent="0.3">
      <c r="A5699" s="11"/>
      <c r="B5699" s="8"/>
    </row>
    <row r="5700" spans="1:2" x14ac:dyDescent="0.3">
      <c r="A5700" s="11"/>
      <c r="B5700" s="8"/>
    </row>
    <row r="5701" spans="1:2" x14ac:dyDescent="0.3">
      <c r="A5701" s="11"/>
      <c r="B5701" s="8"/>
    </row>
    <row r="5702" spans="1:2" x14ac:dyDescent="0.3">
      <c r="A5702" s="11"/>
      <c r="B5702" s="8"/>
    </row>
    <row r="5703" spans="1:2" x14ac:dyDescent="0.3">
      <c r="A5703" s="11"/>
      <c r="B5703" s="8"/>
    </row>
    <row r="5704" spans="1:2" x14ac:dyDescent="0.3">
      <c r="A5704" s="11"/>
      <c r="B5704" s="8"/>
    </row>
    <row r="5705" spans="1:2" x14ac:dyDescent="0.3">
      <c r="A5705" s="11"/>
      <c r="B5705" s="8"/>
    </row>
    <row r="5706" spans="1:2" x14ac:dyDescent="0.3">
      <c r="A5706" s="11"/>
      <c r="B5706" s="8"/>
    </row>
    <row r="5707" spans="1:2" x14ac:dyDescent="0.3">
      <c r="A5707" s="11"/>
      <c r="B5707" s="8"/>
    </row>
    <row r="5708" spans="1:2" x14ac:dyDescent="0.3">
      <c r="A5708" s="11"/>
      <c r="B5708" s="8"/>
    </row>
    <row r="5709" spans="1:2" x14ac:dyDescent="0.3">
      <c r="A5709" s="11"/>
      <c r="B5709" s="8"/>
    </row>
    <row r="5710" spans="1:2" x14ac:dyDescent="0.3">
      <c r="A5710" s="11"/>
      <c r="B5710" s="8"/>
    </row>
    <row r="5711" spans="1:2" x14ac:dyDescent="0.3">
      <c r="A5711" s="11"/>
      <c r="B5711" s="8"/>
    </row>
    <row r="5712" spans="1:2" x14ac:dyDescent="0.3">
      <c r="A5712" s="11"/>
      <c r="B5712" s="8"/>
    </row>
    <row r="5713" spans="1:2" x14ac:dyDescent="0.3">
      <c r="A5713" s="11"/>
      <c r="B5713" s="8"/>
    </row>
    <row r="5714" spans="1:2" x14ac:dyDescent="0.3">
      <c r="A5714" s="11"/>
      <c r="B5714" s="8"/>
    </row>
    <row r="5715" spans="1:2" x14ac:dyDescent="0.3">
      <c r="A5715" s="11"/>
      <c r="B5715" s="8"/>
    </row>
    <row r="5716" spans="1:2" x14ac:dyDescent="0.3">
      <c r="A5716" s="11"/>
      <c r="B5716" s="8"/>
    </row>
    <row r="5717" spans="1:2" x14ac:dyDescent="0.3">
      <c r="A5717" s="11"/>
      <c r="B5717" s="8"/>
    </row>
    <row r="5718" spans="1:2" x14ac:dyDescent="0.3">
      <c r="A5718" s="11"/>
      <c r="B5718" s="8"/>
    </row>
    <row r="5719" spans="1:2" x14ac:dyDescent="0.3">
      <c r="A5719" s="11"/>
      <c r="B5719" s="8"/>
    </row>
    <row r="5720" spans="1:2" x14ac:dyDescent="0.3">
      <c r="A5720" s="11"/>
      <c r="B5720" s="8"/>
    </row>
    <row r="5721" spans="1:2" x14ac:dyDescent="0.3">
      <c r="A5721" s="11"/>
      <c r="B5721" s="8"/>
    </row>
    <row r="5722" spans="1:2" x14ac:dyDescent="0.3">
      <c r="A5722" s="11"/>
      <c r="B5722" s="8"/>
    </row>
    <row r="5723" spans="1:2" x14ac:dyDescent="0.3">
      <c r="A5723" s="11"/>
      <c r="B5723" s="8"/>
    </row>
    <row r="5724" spans="1:2" x14ac:dyDescent="0.3">
      <c r="A5724" s="11"/>
      <c r="B5724" s="8"/>
    </row>
    <row r="5725" spans="1:2" x14ac:dyDescent="0.3">
      <c r="A5725" s="11"/>
      <c r="B5725" s="8"/>
    </row>
    <row r="5726" spans="1:2" x14ac:dyDescent="0.3">
      <c r="A5726" s="11"/>
      <c r="B5726" s="8"/>
    </row>
    <row r="5727" spans="1:2" x14ac:dyDescent="0.3">
      <c r="A5727" s="11"/>
      <c r="B5727" s="8"/>
    </row>
    <row r="5728" spans="1:2" x14ac:dyDescent="0.3">
      <c r="A5728" s="11"/>
      <c r="B5728" s="8"/>
    </row>
    <row r="5729" spans="1:2" x14ac:dyDescent="0.3">
      <c r="A5729" s="11"/>
      <c r="B5729" s="8"/>
    </row>
    <row r="5730" spans="1:2" x14ac:dyDescent="0.3">
      <c r="A5730" s="11"/>
      <c r="B5730" s="8"/>
    </row>
    <row r="5731" spans="1:2" x14ac:dyDescent="0.3">
      <c r="A5731" s="11"/>
      <c r="B5731" s="8"/>
    </row>
    <row r="5732" spans="1:2" x14ac:dyDescent="0.3">
      <c r="A5732" s="11"/>
      <c r="B5732" s="8"/>
    </row>
    <row r="5733" spans="1:2" x14ac:dyDescent="0.3">
      <c r="A5733" s="11"/>
      <c r="B5733" s="8"/>
    </row>
    <row r="5734" spans="1:2" x14ac:dyDescent="0.3">
      <c r="A5734" s="11"/>
      <c r="B5734" s="8"/>
    </row>
    <row r="5735" spans="1:2" x14ac:dyDescent="0.3">
      <c r="A5735" s="11"/>
      <c r="B5735" s="8"/>
    </row>
    <row r="5736" spans="1:2" x14ac:dyDescent="0.3">
      <c r="A5736" s="11"/>
      <c r="B5736" s="8"/>
    </row>
    <row r="5737" spans="1:2" x14ac:dyDescent="0.3">
      <c r="A5737" s="11"/>
      <c r="B5737" s="8"/>
    </row>
    <row r="5738" spans="1:2" x14ac:dyDescent="0.3">
      <c r="A5738" s="11"/>
      <c r="B5738" s="8"/>
    </row>
    <row r="5739" spans="1:2" x14ac:dyDescent="0.3">
      <c r="A5739" s="11"/>
      <c r="B5739" s="8"/>
    </row>
    <row r="5740" spans="1:2" x14ac:dyDescent="0.3">
      <c r="A5740" s="11"/>
      <c r="B5740" s="8"/>
    </row>
    <row r="5741" spans="1:2" x14ac:dyDescent="0.3">
      <c r="A5741" s="11"/>
      <c r="B5741" s="8"/>
    </row>
    <row r="5742" spans="1:2" x14ac:dyDescent="0.3">
      <c r="A5742" s="11"/>
      <c r="B5742" s="8"/>
    </row>
    <row r="5743" spans="1:2" x14ac:dyDescent="0.3">
      <c r="A5743" s="11"/>
      <c r="B5743" s="8"/>
    </row>
    <row r="5744" spans="1:2" x14ac:dyDescent="0.3">
      <c r="A5744" s="11"/>
      <c r="B5744" s="8"/>
    </row>
    <row r="5745" spans="1:2" x14ac:dyDescent="0.3">
      <c r="A5745" s="11"/>
      <c r="B5745" s="8"/>
    </row>
    <row r="5746" spans="1:2" x14ac:dyDescent="0.3">
      <c r="A5746" s="11"/>
      <c r="B5746" s="8"/>
    </row>
    <row r="5747" spans="1:2" x14ac:dyDescent="0.3">
      <c r="A5747" s="11"/>
      <c r="B5747" s="8"/>
    </row>
    <row r="5748" spans="1:2" x14ac:dyDescent="0.3">
      <c r="A5748" s="11"/>
      <c r="B5748" s="8"/>
    </row>
    <row r="5749" spans="1:2" x14ac:dyDescent="0.3">
      <c r="A5749" s="11"/>
      <c r="B5749" s="8"/>
    </row>
    <row r="5750" spans="1:2" x14ac:dyDescent="0.3">
      <c r="A5750" s="11"/>
      <c r="B5750" s="8"/>
    </row>
    <row r="5751" spans="1:2" x14ac:dyDescent="0.3">
      <c r="A5751" s="11"/>
      <c r="B5751" s="8"/>
    </row>
    <row r="5752" spans="1:2" x14ac:dyDescent="0.3">
      <c r="A5752" s="11"/>
      <c r="B5752" s="8"/>
    </row>
    <row r="5753" spans="1:2" x14ac:dyDescent="0.3">
      <c r="A5753" s="11"/>
      <c r="B5753" s="8"/>
    </row>
    <row r="5754" spans="1:2" x14ac:dyDescent="0.3">
      <c r="A5754" s="11"/>
      <c r="B5754" s="8"/>
    </row>
    <row r="5755" spans="1:2" x14ac:dyDescent="0.3">
      <c r="A5755" s="11"/>
      <c r="B5755" s="8"/>
    </row>
    <row r="5756" spans="1:2" x14ac:dyDescent="0.3">
      <c r="A5756" s="11"/>
      <c r="B5756" s="8"/>
    </row>
    <row r="5757" spans="1:2" x14ac:dyDescent="0.3">
      <c r="A5757" s="11"/>
      <c r="B5757" s="8"/>
    </row>
    <row r="5758" spans="1:2" x14ac:dyDescent="0.3">
      <c r="A5758" s="11"/>
      <c r="B5758" s="8"/>
    </row>
    <row r="5759" spans="1:2" x14ac:dyDescent="0.3">
      <c r="A5759" s="11"/>
      <c r="B5759" s="8"/>
    </row>
    <row r="5760" spans="1:2" x14ac:dyDescent="0.3">
      <c r="A5760" s="11"/>
      <c r="B5760" s="8"/>
    </row>
    <row r="5761" spans="1:2" x14ac:dyDescent="0.3">
      <c r="A5761" s="11"/>
      <c r="B5761" s="8"/>
    </row>
    <row r="5762" spans="1:2" x14ac:dyDescent="0.3">
      <c r="A5762" s="11"/>
      <c r="B5762" s="8"/>
    </row>
    <row r="5763" spans="1:2" x14ac:dyDescent="0.3">
      <c r="A5763" s="11"/>
      <c r="B5763" s="8"/>
    </row>
    <row r="5764" spans="1:2" x14ac:dyDescent="0.3">
      <c r="A5764" s="11"/>
      <c r="B5764" s="8"/>
    </row>
    <row r="5765" spans="1:2" x14ac:dyDescent="0.3">
      <c r="A5765" s="11"/>
      <c r="B5765" s="8"/>
    </row>
    <row r="5766" spans="1:2" x14ac:dyDescent="0.3">
      <c r="A5766" s="11"/>
      <c r="B5766" s="8"/>
    </row>
    <row r="5767" spans="1:2" x14ac:dyDescent="0.3">
      <c r="A5767" s="11"/>
      <c r="B5767" s="8"/>
    </row>
    <row r="5768" spans="1:2" x14ac:dyDescent="0.3">
      <c r="A5768" s="11"/>
      <c r="B5768" s="8"/>
    </row>
    <row r="5769" spans="1:2" x14ac:dyDescent="0.3">
      <c r="A5769" s="11"/>
      <c r="B5769" s="8"/>
    </row>
    <row r="5770" spans="1:2" x14ac:dyDescent="0.3">
      <c r="A5770" s="11"/>
      <c r="B5770" s="8"/>
    </row>
    <row r="5771" spans="1:2" x14ac:dyDescent="0.3">
      <c r="A5771" s="11"/>
      <c r="B5771" s="8"/>
    </row>
    <row r="5772" spans="1:2" x14ac:dyDescent="0.3">
      <c r="A5772" s="11"/>
      <c r="B5772" s="8"/>
    </row>
    <row r="5773" spans="1:2" x14ac:dyDescent="0.3">
      <c r="A5773" s="11"/>
      <c r="B5773" s="8"/>
    </row>
    <row r="5774" spans="1:2" x14ac:dyDescent="0.3">
      <c r="A5774" s="11"/>
      <c r="B5774" s="8"/>
    </row>
    <row r="5775" spans="1:2" x14ac:dyDescent="0.3">
      <c r="A5775" s="11"/>
      <c r="B5775" s="8"/>
    </row>
    <row r="5776" spans="1:2" x14ac:dyDescent="0.3">
      <c r="A5776" s="11"/>
      <c r="B5776" s="8"/>
    </row>
    <row r="5777" spans="1:2" x14ac:dyDescent="0.3">
      <c r="A5777" s="11"/>
      <c r="B5777" s="8"/>
    </row>
    <row r="5778" spans="1:2" x14ac:dyDescent="0.3">
      <c r="A5778" s="11"/>
      <c r="B5778" s="8"/>
    </row>
    <row r="5779" spans="1:2" x14ac:dyDescent="0.3">
      <c r="A5779" s="11"/>
      <c r="B5779" s="8"/>
    </row>
    <row r="5780" spans="1:2" x14ac:dyDescent="0.3">
      <c r="A5780" s="11"/>
      <c r="B5780" s="8"/>
    </row>
    <row r="5781" spans="1:2" x14ac:dyDescent="0.3">
      <c r="A5781" s="11"/>
      <c r="B5781" s="8"/>
    </row>
    <row r="5782" spans="1:2" x14ac:dyDescent="0.3">
      <c r="A5782" s="11"/>
      <c r="B5782" s="8"/>
    </row>
    <row r="5783" spans="1:2" x14ac:dyDescent="0.3">
      <c r="A5783" s="11"/>
      <c r="B5783" s="8"/>
    </row>
    <row r="5784" spans="1:2" x14ac:dyDescent="0.3">
      <c r="A5784" s="11"/>
      <c r="B5784" s="8"/>
    </row>
    <row r="5785" spans="1:2" x14ac:dyDescent="0.3">
      <c r="A5785" s="11"/>
      <c r="B5785" s="8"/>
    </row>
    <row r="5786" spans="1:2" x14ac:dyDescent="0.3">
      <c r="A5786" s="11"/>
      <c r="B5786" s="8"/>
    </row>
    <row r="5787" spans="1:2" x14ac:dyDescent="0.3">
      <c r="A5787" s="11"/>
      <c r="B5787" s="8"/>
    </row>
    <row r="5788" spans="1:2" x14ac:dyDescent="0.3">
      <c r="A5788" s="11"/>
      <c r="B5788" s="8"/>
    </row>
    <row r="5789" spans="1:2" x14ac:dyDescent="0.3">
      <c r="A5789" s="11"/>
      <c r="B5789" s="8"/>
    </row>
    <row r="5790" spans="1:2" x14ac:dyDescent="0.3">
      <c r="A5790" s="11"/>
      <c r="B5790" s="8"/>
    </row>
    <row r="5791" spans="1:2" x14ac:dyDescent="0.3">
      <c r="A5791" s="11"/>
      <c r="B5791" s="8"/>
    </row>
    <row r="5792" spans="1:2" x14ac:dyDescent="0.3">
      <c r="A5792" s="11"/>
      <c r="B5792" s="8"/>
    </row>
    <row r="5793" spans="1:2" x14ac:dyDescent="0.3">
      <c r="A5793" s="11"/>
      <c r="B5793" s="8"/>
    </row>
    <row r="5794" spans="1:2" x14ac:dyDescent="0.3">
      <c r="A5794" s="11"/>
      <c r="B5794" s="8"/>
    </row>
    <row r="5795" spans="1:2" x14ac:dyDescent="0.3">
      <c r="A5795" s="11"/>
      <c r="B5795" s="8"/>
    </row>
    <row r="5796" spans="1:2" x14ac:dyDescent="0.3">
      <c r="A5796" s="11"/>
      <c r="B5796" s="8"/>
    </row>
    <row r="5797" spans="1:2" x14ac:dyDescent="0.3">
      <c r="A5797" s="11"/>
      <c r="B5797" s="8"/>
    </row>
    <row r="5798" spans="1:2" x14ac:dyDescent="0.3">
      <c r="A5798" s="11"/>
      <c r="B5798" s="8"/>
    </row>
    <row r="5799" spans="1:2" x14ac:dyDescent="0.3">
      <c r="A5799" s="11"/>
      <c r="B5799" s="8"/>
    </row>
    <row r="5800" spans="1:2" x14ac:dyDescent="0.3">
      <c r="A5800" s="11"/>
      <c r="B5800" s="8"/>
    </row>
    <row r="5801" spans="1:2" x14ac:dyDescent="0.3">
      <c r="A5801" s="11"/>
      <c r="B5801" s="8"/>
    </row>
    <row r="5802" spans="1:2" x14ac:dyDescent="0.3">
      <c r="A5802" s="11"/>
      <c r="B5802" s="8"/>
    </row>
    <row r="5803" spans="1:2" x14ac:dyDescent="0.3">
      <c r="A5803" s="11"/>
      <c r="B5803" s="8"/>
    </row>
    <row r="5804" spans="1:2" x14ac:dyDescent="0.3">
      <c r="A5804" s="11"/>
      <c r="B5804" s="8"/>
    </row>
    <row r="5805" spans="1:2" x14ac:dyDescent="0.3">
      <c r="A5805" s="11"/>
      <c r="B5805" s="8"/>
    </row>
    <row r="5806" spans="1:2" x14ac:dyDescent="0.3">
      <c r="A5806" s="11"/>
      <c r="B5806" s="8"/>
    </row>
    <row r="5807" spans="1:2" x14ac:dyDescent="0.3">
      <c r="A5807" s="11"/>
      <c r="B5807" s="8"/>
    </row>
    <row r="5808" spans="1:2" x14ac:dyDescent="0.3">
      <c r="A5808" s="11"/>
      <c r="B5808" s="8"/>
    </row>
    <row r="5809" spans="1:2" x14ac:dyDescent="0.3">
      <c r="A5809" s="11"/>
      <c r="B5809" s="8"/>
    </row>
    <row r="5810" spans="1:2" x14ac:dyDescent="0.3">
      <c r="A5810" s="11"/>
      <c r="B5810" s="8"/>
    </row>
    <row r="5811" spans="1:2" x14ac:dyDescent="0.3">
      <c r="A5811" s="11"/>
      <c r="B5811" s="8"/>
    </row>
    <row r="5812" spans="1:2" x14ac:dyDescent="0.3">
      <c r="A5812" s="11"/>
      <c r="B5812" s="8"/>
    </row>
    <row r="5813" spans="1:2" x14ac:dyDescent="0.3">
      <c r="A5813" s="11"/>
      <c r="B5813" s="8"/>
    </row>
    <row r="5814" spans="1:2" x14ac:dyDescent="0.3">
      <c r="A5814" s="11"/>
      <c r="B5814" s="8"/>
    </row>
    <row r="5815" spans="1:2" x14ac:dyDescent="0.3">
      <c r="A5815" s="11"/>
      <c r="B5815" s="8"/>
    </row>
    <row r="5816" spans="1:2" x14ac:dyDescent="0.3">
      <c r="A5816" s="11"/>
      <c r="B5816" s="8"/>
    </row>
    <row r="5817" spans="1:2" x14ac:dyDescent="0.3">
      <c r="A5817" s="11"/>
      <c r="B5817" s="8"/>
    </row>
    <row r="5818" spans="1:2" x14ac:dyDescent="0.3">
      <c r="A5818" s="11"/>
      <c r="B5818" s="8"/>
    </row>
    <row r="5819" spans="1:2" x14ac:dyDescent="0.3">
      <c r="A5819" s="11"/>
      <c r="B5819" s="8"/>
    </row>
    <row r="5820" spans="1:2" x14ac:dyDescent="0.3">
      <c r="A5820" s="11"/>
      <c r="B5820" s="8"/>
    </row>
    <row r="5821" spans="1:2" x14ac:dyDescent="0.3">
      <c r="A5821" s="11"/>
      <c r="B5821" s="8"/>
    </row>
    <row r="5822" spans="1:2" x14ac:dyDescent="0.3">
      <c r="A5822" s="11"/>
      <c r="B5822" s="8"/>
    </row>
    <row r="5823" spans="1:2" x14ac:dyDescent="0.3">
      <c r="A5823" s="11"/>
      <c r="B5823" s="8"/>
    </row>
    <row r="5824" spans="1:2" x14ac:dyDescent="0.3">
      <c r="A5824" s="11"/>
      <c r="B5824" s="8"/>
    </row>
    <row r="5825" spans="1:2" x14ac:dyDescent="0.3">
      <c r="A5825" s="11"/>
      <c r="B5825" s="8"/>
    </row>
    <row r="5826" spans="1:2" x14ac:dyDescent="0.3">
      <c r="A5826" s="11"/>
      <c r="B5826" s="8"/>
    </row>
    <row r="5827" spans="1:2" x14ac:dyDescent="0.3">
      <c r="A5827" s="11"/>
      <c r="B5827" s="8"/>
    </row>
    <row r="5828" spans="1:2" x14ac:dyDescent="0.3">
      <c r="A5828" s="11"/>
      <c r="B5828" s="8"/>
    </row>
    <row r="5829" spans="1:2" x14ac:dyDescent="0.3">
      <c r="A5829" s="11"/>
      <c r="B5829" s="8"/>
    </row>
    <row r="5830" spans="1:2" x14ac:dyDescent="0.3">
      <c r="A5830" s="11"/>
      <c r="B5830" s="8"/>
    </row>
    <row r="5831" spans="1:2" x14ac:dyDescent="0.3">
      <c r="A5831" s="11"/>
      <c r="B5831" s="8"/>
    </row>
    <row r="5832" spans="1:2" x14ac:dyDescent="0.3">
      <c r="A5832" s="11"/>
      <c r="B5832" s="8"/>
    </row>
    <row r="5833" spans="1:2" x14ac:dyDescent="0.3">
      <c r="A5833" s="11"/>
      <c r="B5833" s="8"/>
    </row>
    <row r="5834" spans="1:2" x14ac:dyDescent="0.3">
      <c r="A5834" s="11"/>
      <c r="B5834" s="8"/>
    </row>
    <row r="5835" spans="1:2" x14ac:dyDescent="0.3">
      <c r="A5835" s="11"/>
      <c r="B5835" s="8"/>
    </row>
    <row r="5836" spans="1:2" x14ac:dyDescent="0.3">
      <c r="A5836" s="11"/>
      <c r="B5836" s="8"/>
    </row>
    <row r="5837" spans="1:2" x14ac:dyDescent="0.3">
      <c r="A5837" s="11"/>
      <c r="B5837" s="8"/>
    </row>
    <row r="5838" spans="1:2" x14ac:dyDescent="0.3">
      <c r="A5838" s="11"/>
      <c r="B5838" s="8"/>
    </row>
    <row r="5839" spans="1:2" x14ac:dyDescent="0.3">
      <c r="A5839" s="11"/>
      <c r="B5839" s="8"/>
    </row>
    <row r="5840" spans="1:2" x14ac:dyDescent="0.3">
      <c r="A5840" s="11"/>
      <c r="B5840" s="8"/>
    </row>
    <row r="5841" spans="1:2" x14ac:dyDescent="0.3">
      <c r="A5841" s="11"/>
      <c r="B5841" s="8"/>
    </row>
    <row r="5842" spans="1:2" x14ac:dyDescent="0.3">
      <c r="A5842" s="11"/>
      <c r="B5842" s="8"/>
    </row>
    <row r="5843" spans="1:2" x14ac:dyDescent="0.3">
      <c r="A5843" s="11"/>
      <c r="B5843" s="8"/>
    </row>
    <row r="5844" spans="1:2" x14ac:dyDescent="0.3">
      <c r="A5844" s="11"/>
      <c r="B5844" s="8"/>
    </row>
    <row r="5845" spans="1:2" x14ac:dyDescent="0.3">
      <c r="A5845" s="11"/>
      <c r="B5845" s="8"/>
    </row>
    <row r="5846" spans="1:2" x14ac:dyDescent="0.3">
      <c r="A5846" s="11"/>
      <c r="B5846" s="8"/>
    </row>
    <row r="5847" spans="1:2" x14ac:dyDescent="0.3">
      <c r="A5847" s="11"/>
      <c r="B5847" s="8"/>
    </row>
    <row r="5848" spans="1:2" x14ac:dyDescent="0.3">
      <c r="A5848" s="11"/>
      <c r="B5848" s="8"/>
    </row>
    <row r="5849" spans="1:2" x14ac:dyDescent="0.3">
      <c r="A5849" s="11"/>
      <c r="B5849" s="8"/>
    </row>
    <row r="5850" spans="1:2" x14ac:dyDescent="0.3">
      <c r="A5850" s="11"/>
      <c r="B5850" s="8"/>
    </row>
    <row r="5851" spans="1:2" x14ac:dyDescent="0.3">
      <c r="A5851" s="11"/>
      <c r="B5851" s="8"/>
    </row>
    <row r="5852" spans="1:2" x14ac:dyDescent="0.3">
      <c r="A5852" s="11"/>
      <c r="B5852" s="8"/>
    </row>
    <row r="5853" spans="1:2" x14ac:dyDescent="0.3">
      <c r="A5853" s="11"/>
      <c r="B5853" s="8"/>
    </row>
    <row r="5854" spans="1:2" x14ac:dyDescent="0.3">
      <c r="A5854" s="11"/>
      <c r="B5854" s="8"/>
    </row>
    <row r="5855" spans="1:2" x14ac:dyDescent="0.3">
      <c r="A5855" s="11"/>
      <c r="B5855" s="8"/>
    </row>
    <row r="5856" spans="1:2" x14ac:dyDescent="0.3">
      <c r="A5856" s="11"/>
      <c r="B5856" s="8"/>
    </row>
    <row r="5857" spans="1:2" x14ac:dyDescent="0.3">
      <c r="A5857" s="11"/>
      <c r="B5857" s="8"/>
    </row>
    <row r="5858" spans="1:2" x14ac:dyDescent="0.3">
      <c r="A5858" s="11"/>
      <c r="B5858" s="8"/>
    </row>
    <row r="5859" spans="1:2" x14ac:dyDescent="0.3">
      <c r="A5859" s="11"/>
      <c r="B5859" s="8"/>
    </row>
    <row r="5860" spans="1:2" x14ac:dyDescent="0.3">
      <c r="A5860" s="11"/>
      <c r="B5860" s="8"/>
    </row>
    <row r="5861" spans="1:2" x14ac:dyDescent="0.3">
      <c r="A5861" s="11"/>
      <c r="B5861" s="8"/>
    </row>
    <row r="5862" spans="1:2" x14ac:dyDescent="0.3">
      <c r="A5862" s="11"/>
      <c r="B5862" s="8"/>
    </row>
    <row r="5863" spans="1:2" x14ac:dyDescent="0.3">
      <c r="A5863" s="11"/>
      <c r="B5863" s="8"/>
    </row>
    <row r="5864" spans="1:2" x14ac:dyDescent="0.3">
      <c r="A5864" s="11"/>
      <c r="B5864" s="8"/>
    </row>
    <row r="5865" spans="1:2" x14ac:dyDescent="0.3">
      <c r="A5865" s="11"/>
      <c r="B5865" s="8"/>
    </row>
    <row r="5866" spans="1:2" x14ac:dyDescent="0.3">
      <c r="A5866" s="11"/>
      <c r="B5866" s="8"/>
    </row>
    <row r="5867" spans="1:2" x14ac:dyDescent="0.3">
      <c r="A5867" s="11"/>
      <c r="B5867" s="8"/>
    </row>
    <row r="5868" spans="1:2" x14ac:dyDescent="0.3">
      <c r="A5868" s="11"/>
      <c r="B5868" s="8"/>
    </row>
    <row r="5869" spans="1:2" x14ac:dyDescent="0.3">
      <c r="A5869" s="11"/>
      <c r="B5869" s="8"/>
    </row>
    <row r="5870" spans="1:2" x14ac:dyDescent="0.3">
      <c r="A5870" s="11"/>
      <c r="B5870" s="8"/>
    </row>
    <row r="5871" spans="1:2" x14ac:dyDescent="0.3">
      <c r="A5871" s="11"/>
      <c r="B5871" s="8"/>
    </row>
    <row r="5872" spans="1:2" x14ac:dyDescent="0.3">
      <c r="A5872" s="11"/>
      <c r="B5872" s="8"/>
    </row>
    <row r="5873" spans="1:2" x14ac:dyDescent="0.3">
      <c r="A5873" s="11"/>
      <c r="B5873" s="8"/>
    </row>
    <row r="5874" spans="1:2" x14ac:dyDescent="0.3">
      <c r="A5874" s="11"/>
      <c r="B5874" s="8"/>
    </row>
    <row r="5875" spans="1:2" x14ac:dyDescent="0.3">
      <c r="A5875" s="11"/>
      <c r="B5875" s="8"/>
    </row>
    <row r="5876" spans="1:2" x14ac:dyDescent="0.3">
      <c r="A5876" s="11"/>
      <c r="B5876" s="8"/>
    </row>
    <row r="5877" spans="1:2" x14ac:dyDescent="0.3">
      <c r="A5877" s="11"/>
      <c r="B5877" s="8"/>
    </row>
    <row r="5878" spans="1:2" x14ac:dyDescent="0.3">
      <c r="A5878" s="11"/>
      <c r="B5878" s="8"/>
    </row>
    <row r="5879" spans="1:2" x14ac:dyDescent="0.3">
      <c r="A5879" s="11"/>
      <c r="B5879" s="8"/>
    </row>
    <row r="5880" spans="1:2" x14ac:dyDescent="0.3">
      <c r="A5880" s="11"/>
      <c r="B5880" s="8"/>
    </row>
    <row r="5881" spans="1:2" x14ac:dyDescent="0.3">
      <c r="A5881" s="11"/>
      <c r="B5881" s="8"/>
    </row>
    <row r="5882" spans="1:2" x14ac:dyDescent="0.3">
      <c r="A5882" s="11"/>
      <c r="B5882" s="8"/>
    </row>
    <row r="5883" spans="1:2" x14ac:dyDescent="0.3">
      <c r="A5883" s="11"/>
      <c r="B5883" s="8"/>
    </row>
    <row r="5884" spans="1:2" x14ac:dyDescent="0.3">
      <c r="A5884" s="11"/>
      <c r="B5884" s="8"/>
    </row>
    <row r="5885" spans="1:2" x14ac:dyDescent="0.3">
      <c r="A5885" s="11"/>
      <c r="B5885" s="8"/>
    </row>
    <row r="5886" spans="1:2" x14ac:dyDescent="0.3">
      <c r="A5886" s="11"/>
      <c r="B5886" s="8"/>
    </row>
    <row r="5887" spans="1:2" x14ac:dyDescent="0.3">
      <c r="A5887" s="11"/>
      <c r="B5887" s="8"/>
    </row>
    <row r="5888" spans="1:2" x14ac:dyDescent="0.3">
      <c r="A5888" s="11"/>
      <c r="B5888" s="8"/>
    </row>
    <row r="5889" spans="1:2" x14ac:dyDescent="0.3">
      <c r="A5889" s="11"/>
      <c r="B5889" s="8"/>
    </row>
    <row r="5890" spans="1:2" x14ac:dyDescent="0.3">
      <c r="A5890" s="11"/>
      <c r="B5890" s="8"/>
    </row>
    <row r="5891" spans="1:2" x14ac:dyDescent="0.3">
      <c r="A5891" s="11"/>
      <c r="B5891" s="8"/>
    </row>
    <row r="5892" spans="1:2" x14ac:dyDescent="0.3">
      <c r="A5892" s="11"/>
      <c r="B5892" s="8"/>
    </row>
    <row r="5893" spans="1:2" x14ac:dyDescent="0.3">
      <c r="A5893" s="11"/>
      <c r="B5893" s="8"/>
    </row>
    <row r="5894" spans="1:2" x14ac:dyDescent="0.3">
      <c r="A5894" s="11"/>
      <c r="B5894" s="8"/>
    </row>
    <row r="5895" spans="1:2" x14ac:dyDescent="0.3">
      <c r="A5895" s="11"/>
      <c r="B5895" s="8"/>
    </row>
    <row r="5896" spans="1:2" x14ac:dyDescent="0.3">
      <c r="A5896" s="11"/>
      <c r="B5896" s="8"/>
    </row>
    <row r="5897" spans="1:2" x14ac:dyDescent="0.3">
      <c r="A5897" s="11"/>
      <c r="B5897" s="8"/>
    </row>
    <row r="5898" spans="1:2" x14ac:dyDescent="0.3">
      <c r="A5898" s="11"/>
      <c r="B5898" s="8"/>
    </row>
    <row r="5899" spans="1:2" x14ac:dyDescent="0.3">
      <c r="A5899" s="11"/>
      <c r="B5899" s="8"/>
    </row>
    <row r="5900" spans="1:2" x14ac:dyDescent="0.3">
      <c r="A5900" s="11"/>
      <c r="B5900" s="8"/>
    </row>
    <row r="5901" spans="1:2" x14ac:dyDescent="0.3">
      <c r="A5901" s="11"/>
      <c r="B5901" s="8"/>
    </row>
    <row r="5902" spans="1:2" x14ac:dyDescent="0.3">
      <c r="A5902" s="11"/>
      <c r="B5902" s="8"/>
    </row>
    <row r="5903" spans="1:2" x14ac:dyDescent="0.3">
      <c r="A5903" s="11"/>
      <c r="B5903" s="8"/>
    </row>
    <row r="5904" spans="1:2" x14ac:dyDescent="0.3">
      <c r="A5904" s="11"/>
      <c r="B5904" s="8"/>
    </row>
    <row r="5905" spans="1:2" x14ac:dyDescent="0.3">
      <c r="A5905" s="11"/>
      <c r="B5905" s="8"/>
    </row>
    <row r="5906" spans="1:2" x14ac:dyDescent="0.3">
      <c r="A5906" s="11"/>
      <c r="B5906" s="8"/>
    </row>
    <row r="5907" spans="1:2" x14ac:dyDescent="0.3">
      <c r="A5907" s="11"/>
      <c r="B5907" s="8"/>
    </row>
    <row r="5908" spans="1:2" x14ac:dyDescent="0.3">
      <c r="A5908" s="11"/>
      <c r="B5908" s="8"/>
    </row>
    <row r="5909" spans="1:2" x14ac:dyDescent="0.3">
      <c r="A5909" s="11"/>
      <c r="B5909" s="8"/>
    </row>
    <row r="5910" spans="1:2" x14ac:dyDescent="0.3">
      <c r="A5910" s="11"/>
      <c r="B5910" s="8"/>
    </row>
    <row r="5911" spans="1:2" x14ac:dyDescent="0.3">
      <c r="A5911" s="11"/>
      <c r="B5911" s="8"/>
    </row>
    <row r="5912" spans="1:2" x14ac:dyDescent="0.3">
      <c r="A5912" s="11"/>
      <c r="B5912" s="8"/>
    </row>
    <row r="5913" spans="1:2" x14ac:dyDescent="0.3">
      <c r="A5913" s="11"/>
      <c r="B5913" s="8"/>
    </row>
    <row r="5914" spans="1:2" x14ac:dyDescent="0.3">
      <c r="A5914" s="11"/>
      <c r="B5914" s="8"/>
    </row>
    <row r="5915" spans="1:2" x14ac:dyDescent="0.3">
      <c r="A5915" s="11"/>
      <c r="B5915" s="8"/>
    </row>
    <row r="5916" spans="1:2" x14ac:dyDescent="0.3">
      <c r="A5916" s="11"/>
      <c r="B5916" s="8"/>
    </row>
    <row r="5917" spans="1:2" x14ac:dyDescent="0.3">
      <c r="A5917" s="11"/>
      <c r="B5917" s="8"/>
    </row>
    <row r="5918" spans="1:2" x14ac:dyDescent="0.3">
      <c r="A5918" s="11"/>
      <c r="B5918" s="8"/>
    </row>
    <row r="5919" spans="1:2" x14ac:dyDescent="0.3">
      <c r="A5919" s="11"/>
      <c r="B5919" s="8"/>
    </row>
    <row r="5920" spans="1:2" x14ac:dyDescent="0.3">
      <c r="A5920" s="11"/>
      <c r="B5920" s="8"/>
    </row>
    <row r="5921" spans="1:2" x14ac:dyDescent="0.3">
      <c r="A5921" s="11"/>
      <c r="B5921" s="8"/>
    </row>
    <row r="5922" spans="1:2" x14ac:dyDescent="0.3">
      <c r="A5922" s="11"/>
      <c r="B5922" s="8"/>
    </row>
    <row r="5923" spans="1:2" x14ac:dyDescent="0.3">
      <c r="A5923" s="11"/>
      <c r="B5923" s="8"/>
    </row>
    <row r="5924" spans="1:2" x14ac:dyDescent="0.3">
      <c r="A5924" s="11"/>
      <c r="B5924" s="8"/>
    </row>
    <row r="5925" spans="1:2" x14ac:dyDescent="0.3">
      <c r="A5925" s="11"/>
      <c r="B5925" s="8"/>
    </row>
    <row r="5926" spans="1:2" x14ac:dyDescent="0.3">
      <c r="A5926" s="11"/>
      <c r="B5926" s="8"/>
    </row>
    <row r="5927" spans="1:2" x14ac:dyDescent="0.3">
      <c r="A5927" s="11"/>
      <c r="B5927" s="8"/>
    </row>
    <row r="5928" spans="1:2" x14ac:dyDescent="0.3">
      <c r="A5928" s="11"/>
      <c r="B5928" s="8"/>
    </row>
    <row r="5929" spans="1:2" x14ac:dyDescent="0.3">
      <c r="A5929" s="11"/>
      <c r="B5929" s="8"/>
    </row>
    <row r="5930" spans="1:2" x14ac:dyDescent="0.3">
      <c r="A5930" s="11"/>
      <c r="B5930" s="8"/>
    </row>
    <row r="5931" spans="1:2" x14ac:dyDescent="0.3">
      <c r="A5931" s="11"/>
      <c r="B5931" s="8"/>
    </row>
    <row r="5932" spans="1:2" x14ac:dyDescent="0.3">
      <c r="A5932" s="11"/>
      <c r="B5932" s="8"/>
    </row>
    <row r="5933" spans="1:2" x14ac:dyDescent="0.3">
      <c r="A5933" s="11"/>
      <c r="B5933" s="8"/>
    </row>
    <row r="5934" spans="1:2" x14ac:dyDescent="0.3">
      <c r="A5934" s="11"/>
      <c r="B5934" s="8"/>
    </row>
    <row r="5935" spans="1:2" x14ac:dyDescent="0.3">
      <c r="A5935" s="11"/>
      <c r="B5935" s="8"/>
    </row>
    <row r="5936" spans="1:2" x14ac:dyDescent="0.3">
      <c r="A5936" s="11"/>
      <c r="B5936" s="8"/>
    </row>
    <row r="5937" spans="1:2" x14ac:dyDescent="0.3">
      <c r="A5937" s="11"/>
      <c r="B5937" s="8"/>
    </row>
    <row r="5938" spans="1:2" x14ac:dyDescent="0.3">
      <c r="A5938" s="11"/>
      <c r="B5938" s="8"/>
    </row>
    <row r="5939" spans="1:2" x14ac:dyDescent="0.3">
      <c r="A5939" s="11"/>
      <c r="B5939" s="8"/>
    </row>
    <row r="5940" spans="1:2" x14ac:dyDescent="0.3">
      <c r="A5940" s="11"/>
      <c r="B5940" s="8"/>
    </row>
    <row r="5941" spans="1:2" x14ac:dyDescent="0.3">
      <c r="A5941" s="11"/>
      <c r="B5941" s="8"/>
    </row>
    <row r="5942" spans="1:2" x14ac:dyDescent="0.3">
      <c r="A5942" s="11"/>
      <c r="B5942" s="8"/>
    </row>
    <row r="5943" spans="1:2" x14ac:dyDescent="0.3">
      <c r="A5943" s="11"/>
      <c r="B5943" s="8"/>
    </row>
    <row r="5944" spans="1:2" x14ac:dyDescent="0.3">
      <c r="A5944" s="11"/>
      <c r="B5944" s="8"/>
    </row>
    <row r="5945" spans="1:2" x14ac:dyDescent="0.3">
      <c r="A5945" s="11"/>
      <c r="B5945" s="8"/>
    </row>
    <row r="5946" spans="1:2" x14ac:dyDescent="0.3">
      <c r="A5946" s="11"/>
      <c r="B5946" s="8"/>
    </row>
    <row r="5947" spans="1:2" x14ac:dyDescent="0.3">
      <c r="A5947" s="11"/>
      <c r="B5947" s="8"/>
    </row>
    <row r="5948" spans="1:2" x14ac:dyDescent="0.3">
      <c r="A5948" s="11"/>
      <c r="B5948" s="8"/>
    </row>
    <row r="5949" spans="1:2" x14ac:dyDescent="0.3">
      <c r="A5949" s="11"/>
      <c r="B5949" s="8"/>
    </row>
    <row r="5950" spans="1:2" x14ac:dyDescent="0.3">
      <c r="A5950" s="11"/>
      <c r="B5950" s="8"/>
    </row>
    <row r="5951" spans="1:2" x14ac:dyDescent="0.3">
      <c r="A5951" s="11"/>
      <c r="B5951" s="8"/>
    </row>
    <row r="5952" spans="1:2" x14ac:dyDescent="0.3">
      <c r="A5952" s="11"/>
      <c r="B5952" s="8"/>
    </row>
    <row r="5953" spans="1:2" x14ac:dyDescent="0.3">
      <c r="A5953" s="11"/>
      <c r="B5953" s="8"/>
    </row>
    <row r="5954" spans="1:2" x14ac:dyDescent="0.3">
      <c r="A5954" s="11"/>
      <c r="B5954" s="8"/>
    </row>
    <row r="5955" spans="1:2" x14ac:dyDescent="0.3">
      <c r="A5955" s="11"/>
      <c r="B5955" s="8"/>
    </row>
    <row r="5956" spans="1:2" x14ac:dyDescent="0.3">
      <c r="A5956" s="11"/>
      <c r="B5956" s="8"/>
    </row>
    <row r="5957" spans="1:2" x14ac:dyDescent="0.3">
      <c r="A5957" s="11"/>
      <c r="B5957" s="8"/>
    </row>
    <row r="5958" spans="1:2" x14ac:dyDescent="0.3">
      <c r="A5958" s="11"/>
      <c r="B5958" s="8"/>
    </row>
    <row r="5959" spans="1:2" x14ac:dyDescent="0.3">
      <c r="A5959" s="11"/>
      <c r="B5959" s="8"/>
    </row>
    <row r="5960" spans="1:2" x14ac:dyDescent="0.3">
      <c r="A5960" s="11"/>
      <c r="B5960" s="8"/>
    </row>
    <row r="5961" spans="1:2" x14ac:dyDescent="0.3">
      <c r="A5961" s="11"/>
      <c r="B5961" s="8"/>
    </row>
    <row r="5962" spans="1:2" x14ac:dyDescent="0.3">
      <c r="A5962" s="11"/>
      <c r="B5962" s="8"/>
    </row>
    <row r="5963" spans="1:2" x14ac:dyDescent="0.3">
      <c r="A5963" s="11"/>
      <c r="B5963" s="8"/>
    </row>
    <row r="5964" spans="1:2" x14ac:dyDescent="0.3">
      <c r="A5964" s="11"/>
      <c r="B5964" s="8"/>
    </row>
    <row r="5965" spans="1:2" x14ac:dyDescent="0.3">
      <c r="A5965" s="11"/>
      <c r="B5965" s="8"/>
    </row>
    <row r="5966" spans="1:2" x14ac:dyDescent="0.3">
      <c r="A5966" s="11"/>
      <c r="B5966" s="8"/>
    </row>
    <row r="5967" spans="1:2" x14ac:dyDescent="0.3">
      <c r="A5967" s="11"/>
      <c r="B5967" s="8"/>
    </row>
    <row r="5968" spans="1:2" x14ac:dyDescent="0.3">
      <c r="A5968" s="11"/>
      <c r="B5968" s="8"/>
    </row>
    <row r="5969" spans="1:2" x14ac:dyDescent="0.3">
      <c r="A5969" s="11"/>
      <c r="B5969" s="8"/>
    </row>
    <row r="5970" spans="1:2" x14ac:dyDescent="0.3">
      <c r="A5970" s="11"/>
      <c r="B5970" s="8"/>
    </row>
    <row r="5971" spans="1:2" x14ac:dyDescent="0.3">
      <c r="A5971" s="11"/>
      <c r="B5971" s="8"/>
    </row>
    <row r="5972" spans="1:2" x14ac:dyDescent="0.3">
      <c r="A5972" s="11"/>
      <c r="B5972" s="8"/>
    </row>
    <row r="5973" spans="1:2" x14ac:dyDescent="0.3">
      <c r="A5973" s="11"/>
      <c r="B5973" s="8"/>
    </row>
    <row r="5974" spans="1:2" x14ac:dyDescent="0.3">
      <c r="A5974" s="11"/>
      <c r="B5974" s="8"/>
    </row>
    <row r="5975" spans="1:2" x14ac:dyDescent="0.3">
      <c r="A5975" s="11"/>
      <c r="B5975" s="8"/>
    </row>
    <row r="5976" spans="1:2" x14ac:dyDescent="0.3">
      <c r="A5976" s="11"/>
      <c r="B5976" s="8"/>
    </row>
    <row r="5977" spans="1:2" x14ac:dyDescent="0.3">
      <c r="A5977" s="11"/>
      <c r="B5977" s="8"/>
    </row>
    <row r="5978" spans="1:2" x14ac:dyDescent="0.3">
      <c r="A5978" s="11"/>
      <c r="B5978" s="8"/>
    </row>
    <row r="5979" spans="1:2" x14ac:dyDescent="0.3">
      <c r="A5979" s="11"/>
      <c r="B5979" s="8"/>
    </row>
    <row r="5980" spans="1:2" x14ac:dyDescent="0.3">
      <c r="A5980" s="11"/>
      <c r="B5980" s="8"/>
    </row>
    <row r="5981" spans="1:2" x14ac:dyDescent="0.3">
      <c r="A5981" s="11"/>
      <c r="B5981" s="8"/>
    </row>
    <row r="5982" spans="1:2" x14ac:dyDescent="0.3">
      <c r="A5982" s="11"/>
      <c r="B5982" s="8"/>
    </row>
    <row r="5983" spans="1:2" x14ac:dyDescent="0.3">
      <c r="A5983" s="11"/>
      <c r="B5983" s="8"/>
    </row>
    <row r="5984" spans="1:2" x14ac:dyDescent="0.3">
      <c r="A5984" s="11"/>
      <c r="B5984" s="8"/>
    </row>
    <row r="5985" spans="1:2" x14ac:dyDescent="0.3">
      <c r="A5985" s="11"/>
      <c r="B5985" s="8"/>
    </row>
    <row r="5986" spans="1:2" x14ac:dyDescent="0.3">
      <c r="A5986" s="11"/>
      <c r="B5986" s="8"/>
    </row>
    <row r="5987" spans="1:2" x14ac:dyDescent="0.3">
      <c r="A5987" s="11"/>
      <c r="B5987" s="8"/>
    </row>
    <row r="5988" spans="1:2" x14ac:dyDescent="0.3">
      <c r="A5988" s="11"/>
      <c r="B5988" s="8"/>
    </row>
    <row r="5989" spans="1:2" x14ac:dyDescent="0.3">
      <c r="A5989" s="11"/>
      <c r="B5989" s="8"/>
    </row>
    <row r="5990" spans="1:2" x14ac:dyDescent="0.3">
      <c r="A5990" s="11"/>
      <c r="B5990" s="8"/>
    </row>
    <row r="5991" spans="1:2" x14ac:dyDescent="0.3">
      <c r="A5991" s="11"/>
      <c r="B5991" s="8"/>
    </row>
    <row r="5992" spans="1:2" x14ac:dyDescent="0.3">
      <c r="A5992" s="11"/>
      <c r="B5992" s="8"/>
    </row>
    <row r="5993" spans="1:2" x14ac:dyDescent="0.3">
      <c r="A5993" s="11"/>
      <c r="B5993" s="8"/>
    </row>
    <row r="5994" spans="1:2" x14ac:dyDescent="0.3">
      <c r="A5994" s="11"/>
      <c r="B5994" s="8"/>
    </row>
    <row r="5995" spans="1:2" x14ac:dyDescent="0.3">
      <c r="A5995" s="11"/>
      <c r="B5995" s="8"/>
    </row>
    <row r="5996" spans="1:2" x14ac:dyDescent="0.3">
      <c r="A5996" s="11"/>
      <c r="B5996" s="8"/>
    </row>
    <row r="5997" spans="1:2" x14ac:dyDescent="0.3">
      <c r="A5997" s="11"/>
      <c r="B5997" s="8"/>
    </row>
    <row r="5998" spans="1:2" x14ac:dyDescent="0.3">
      <c r="A5998" s="11"/>
      <c r="B5998" s="8"/>
    </row>
    <row r="5999" spans="1:2" x14ac:dyDescent="0.3">
      <c r="A5999" s="11"/>
      <c r="B5999" s="8"/>
    </row>
    <row r="6000" spans="1:2" x14ac:dyDescent="0.3">
      <c r="A6000" s="11"/>
      <c r="B6000" s="8"/>
    </row>
    <row r="6001" spans="1:2" x14ac:dyDescent="0.3">
      <c r="A6001" s="11"/>
      <c r="B6001" s="8"/>
    </row>
    <row r="6002" spans="1:2" x14ac:dyDescent="0.3">
      <c r="A6002" s="11"/>
      <c r="B6002" s="8"/>
    </row>
    <row r="6003" spans="1:2" x14ac:dyDescent="0.3">
      <c r="A6003" s="11"/>
      <c r="B6003" s="8"/>
    </row>
    <row r="6004" spans="1:2" x14ac:dyDescent="0.3">
      <c r="A6004" s="11"/>
      <c r="B6004" s="8"/>
    </row>
    <row r="6005" spans="1:2" x14ac:dyDescent="0.3">
      <c r="A6005" s="11"/>
      <c r="B6005" s="8"/>
    </row>
    <row r="6006" spans="1:2" x14ac:dyDescent="0.3">
      <c r="A6006" s="11"/>
      <c r="B6006" s="8"/>
    </row>
    <row r="6007" spans="1:2" x14ac:dyDescent="0.3">
      <c r="A6007" s="11"/>
      <c r="B6007" s="8"/>
    </row>
    <row r="6008" spans="1:2" x14ac:dyDescent="0.3">
      <c r="A6008" s="11"/>
      <c r="B6008" s="8"/>
    </row>
    <row r="6009" spans="1:2" x14ac:dyDescent="0.3">
      <c r="A6009" s="11"/>
      <c r="B6009" s="8"/>
    </row>
    <row r="6010" spans="1:2" x14ac:dyDescent="0.3">
      <c r="A6010" s="11"/>
      <c r="B6010" s="8"/>
    </row>
    <row r="6011" spans="1:2" x14ac:dyDescent="0.3">
      <c r="A6011" s="11"/>
      <c r="B6011" s="8"/>
    </row>
    <row r="6012" spans="1:2" x14ac:dyDescent="0.3">
      <c r="A6012" s="11"/>
      <c r="B6012" s="8"/>
    </row>
    <row r="6013" spans="1:2" x14ac:dyDescent="0.3">
      <c r="A6013" s="11"/>
      <c r="B6013" s="8"/>
    </row>
    <row r="6014" spans="1:2" x14ac:dyDescent="0.3">
      <c r="A6014" s="11"/>
      <c r="B6014" s="8"/>
    </row>
    <row r="6015" spans="1:2" x14ac:dyDescent="0.3">
      <c r="A6015" s="11"/>
      <c r="B6015" s="8"/>
    </row>
    <row r="6016" spans="1:2" x14ac:dyDescent="0.3">
      <c r="A6016" s="11"/>
      <c r="B6016" s="8"/>
    </row>
    <row r="6017" spans="1:2" x14ac:dyDescent="0.3">
      <c r="A6017" s="11"/>
      <c r="B6017" s="8"/>
    </row>
    <row r="6018" spans="1:2" x14ac:dyDescent="0.3">
      <c r="A6018" s="11"/>
      <c r="B6018" s="8"/>
    </row>
    <row r="6019" spans="1:2" x14ac:dyDescent="0.3">
      <c r="A6019" s="11"/>
      <c r="B6019" s="8"/>
    </row>
    <row r="6020" spans="1:2" x14ac:dyDescent="0.3">
      <c r="A6020" s="11"/>
      <c r="B6020" s="8"/>
    </row>
    <row r="6021" spans="1:2" x14ac:dyDescent="0.3">
      <c r="A6021" s="11"/>
      <c r="B6021" s="8"/>
    </row>
    <row r="6022" spans="1:2" x14ac:dyDescent="0.3">
      <c r="A6022" s="11"/>
      <c r="B6022" s="8"/>
    </row>
    <row r="6023" spans="1:2" x14ac:dyDescent="0.3">
      <c r="A6023" s="11"/>
      <c r="B6023" s="8"/>
    </row>
    <row r="6024" spans="1:2" x14ac:dyDescent="0.3">
      <c r="A6024" s="11"/>
      <c r="B6024" s="8"/>
    </row>
    <row r="6025" spans="1:2" x14ac:dyDescent="0.3">
      <c r="A6025" s="11"/>
      <c r="B6025" s="8"/>
    </row>
    <row r="6026" spans="1:2" x14ac:dyDescent="0.3">
      <c r="A6026" s="11"/>
      <c r="B6026" s="8"/>
    </row>
    <row r="6027" spans="1:2" x14ac:dyDescent="0.3">
      <c r="A6027" s="11"/>
      <c r="B6027" s="8"/>
    </row>
    <row r="6028" spans="1:2" x14ac:dyDescent="0.3">
      <c r="A6028" s="11"/>
      <c r="B6028" s="8"/>
    </row>
    <row r="6029" spans="1:2" x14ac:dyDescent="0.3">
      <c r="A6029" s="11"/>
      <c r="B6029" s="8"/>
    </row>
    <row r="6030" spans="1:2" x14ac:dyDescent="0.3">
      <c r="A6030" s="11"/>
      <c r="B6030" s="8"/>
    </row>
    <row r="6031" spans="1:2" x14ac:dyDescent="0.3">
      <c r="A6031" s="11"/>
      <c r="B6031" s="8"/>
    </row>
    <row r="6032" spans="1:2" x14ac:dyDescent="0.3">
      <c r="A6032" s="11"/>
      <c r="B6032" s="8"/>
    </row>
    <row r="6033" spans="1:2" x14ac:dyDescent="0.3">
      <c r="A6033" s="11"/>
      <c r="B6033" s="8"/>
    </row>
    <row r="6034" spans="1:2" x14ac:dyDescent="0.3">
      <c r="A6034" s="11"/>
      <c r="B6034" s="8"/>
    </row>
    <row r="6035" spans="1:2" x14ac:dyDescent="0.3">
      <c r="A6035" s="11"/>
      <c r="B6035" s="8"/>
    </row>
    <row r="6036" spans="1:2" x14ac:dyDescent="0.3">
      <c r="A6036" s="11"/>
      <c r="B6036" s="8"/>
    </row>
    <row r="6037" spans="1:2" x14ac:dyDescent="0.3">
      <c r="A6037" s="11"/>
      <c r="B6037" s="8"/>
    </row>
    <row r="6038" spans="1:2" x14ac:dyDescent="0.3">
      <c r="A6038" s="11"/>
      <c r="B6038" s="8"/>
    </row>
    <row r="6039" spans="1:2" x14ac:dyDescent="0.3">
      <c r="A6039" s="11"/>
      <c r="B6039" s="8"/>
    </row>
    <row r="6040" spans="1:2" x14ac:dyDescent="0.3">
      <c r="A6040" s="11"/>
      <c r="B6040" s="8"/>
    </row>
    <row r="6041" spans="1:2" x14ac:dyDescent="0.3">
      <c r="A6041" s="11"/>
      <c r="B6041" s="8"/>
    </row>
    <row r="6042" spans="1:2" x14ac:dyDescent="0.3">
      <c r="A6042" s="11"/>
      <c r="B6042" s="8"/>
    </row>
    <row r="6043" spans="1:2" x14ac:dyDescent="0.3">
      <c r="A6043" s="11"/>
      <c r="B6043" s="8"/>
    </row>
    <row r="6044" spans="1:2" x14ac:dyDescent="0.3">
      <c r="A6044" s="11"/>
      <c r="B6044" s="8"/>
    </row>
    <row r="6045" spans="1:2" x14ac:dyDescent="0.3">
      <c r="A6045" s="11"/>
      <c r="B6045" s="8"/>
    </row>
    <row r="6046" spans="1:2" x14ac:dyDescent="0.3">
      <c r="A6046" s="11"/>
      <c r="B6046" s="8"/>
    </row>
    <row r="6047" spans="1:2" x14ac:dyDescent="0.3">
      <c r="A6047" s="11"/>
      <c r="B6047" s="8"/>
    </row>
    <row r="6048" spans="1:2" x14ac:dyDescent="0.3">
      <c r="A6048" s="11"/>
      <c r="B6048" s="8"/>
    </row>
    <row r="6049" spans="1:2" x14ac:dyDescent="0.3">
      <c r="A6049" s="11"/>
      <c r="B6049" s="8"/>
    </row>
    <row r="6050" spans="1:2" x14ac:dyDescent="0.3">
      <c r="A6050" s="11"/>
      <c r="B6050" s="8"/>
    </row>
    <row r="6051" spans="1:2" x14ac:dyDescent="0.3">
      <c r="A6051" s="11"/>
      <c r="B6051" s="8"/>
    </row>
    <row r="6052" spans="1:2" x14ac:dyDescent="0.3">
      <c r="A6052" s="11"/>
      <c r="B6052" s="8"/>
    </row>
    <row r="6053" spans="1:2" x14ac:dyDescent="0.3">
      <c r="A6053" s="11"/>
      <c r="B6053" s="8"/>
    </row>
    <row r="6054" spans="1:2" x14ac:dyDescent="0.3">
      <c r="A6054" s="11"/>
      <c r="B6054" s="8"/>
    </row>
    <row r="6055" spans="1:2" x14ac:dyDescent="0.3">
      <c r="A6055" s="11"/>
      <c r="B6055" s="8"/>
    </row>
    <row r="6056" spans="1:2" x14ac:dyDescent="0.3">
      <c r="A6056" s="11"/>
      <c r="B6056" s="8"/>
    </row>
    <row r="6057" spans="1:2" x14ac:dyDescent="0.3">
      <c r="A6057" s="11"/>
      <c r="B6057" s="8"/>
    </row>
    <row r="6058" spans="1:2" x14ac:dyDescent="0.3">
      <c r="A6058" s="11"/>
      <c r="B6058" s="8"/>
    </row>
    <row r="6059" spans="1:2" x14ac:dyDescent="0.3">
      <c r="A6059" s="11"/>
      <c r="B6059" s="8"/>
    </row>
    <row r="6060" spans="1:2" x14ac:dyDescent="0.3">
      <c r="A6060" s="11"/>
      <c r="B6060" s="8"/>
    </row>
    <row r="6061" spans="1:2" x14ac:dyDescent="0.3">
      <c r="A6061" s="11"/>
      <c r="B6061" s="8"/>
    </row>
    <row r="6062" spans="1:2" x14ac:dyDescent="0.3">
      <c r="A6062" s="11"/>
      <c r="B6062" s="8"/>
    </row>
    <row r="6063" spans="1:2" x14ac:dyDescent="0.3">
      <c r="A6063" s="11"/>
      <c r="B6063" s="8"/>
    </row>
    <row r="6064" spans="1:2" x14ac:dyDescent="0.3">
      <c r="A6064" s="11"/>
      <c r="B6064" s="8"/>
    </row>
    <row r="6065" spans="1:2" x14ac:dyDescent="0.3">
      <c r="A6065" s="11"/>
      <c r="B6065" s="8"/>
    </row>
    <row r="6066" spans="1:2" x14ac:dyDescent="0.3">
      <c r="A6066" s="11"/>
      <c r="B6066" s="8"/>
    </row>
    <row r="6067" spans="1:2" x14ac:dyDescent="0.3">
      <c r="A6067" s="11"/>
      <c r="B6067" s="8"/>
    </row>
    <row r="6068" spans="1:2" x14ac:dyDescent="0.3">
      <c r="A6068" s="11"/>
      <c r="B6068" s="8"/>
    </row>
    <row r="6069" spans="1:2" x14ac:dyDescent="0.3">
      <c r="A6069" s="11"/>
      <c r="B6069" s="8"/>
    </row>
    <row r="6070" spans="1:2" x14ac:dyDescent="0.3">
      <c r="A6070" s="11"/>
      <c r="B6070" s="8"/>
    </row>
    <row r="6071" spans="1:2" x14ac:dyDescent="0.3">
      <c r="A6071" s="11"/>
      <c r="B6071" s="8"/>
    </row>
    <row r="6072" spans="1:2" x14ac:dyDescent="0.3">
      <c r="A6072" s="11"/>
      <c r="B6072" s="8"/>
    </row>
    <row r="6073" spans="1:2" x14ac:dyDescent="0.3">
      <c r="A6073" s="11"/>
      <c r="B6073" s="8"/>
    </row>
    <row r="6074" spans="1:2" x14ac:dyDescent="0.3">
      <c r="A6074" s="11"/>
      <c r="B6074" s="8"/>
    </row>
    <row r="6075" spans="1:2" x14ac:dyDescent="0.3">
      <c r="A6075" s="11"/>
      <c r="B6075" s="8"/>
    </row>
    <row r="6076" spans="1:2" x14ac:dyDescent="0.3">
      <c r="A6076" s="11"/>
      <c r="B6076" s="8"/>
    </row>
    <row r="6077" spans="1:2" x14ac:dyDescent="0.3">
      <c r="A6077" s="11"/>
      <c r="B6077" s="8"/>
    </row>
    <row r="6078" spans="1:2" x14ac:dyDescent="0.3">
      <c r="A6078" s="11"/>
      <c r="B6078" s="8"/>
    </row>
    <row r="6079" spans="1:2" x14ac:dyDescent="0.3">
      <c r="A6079" s="11"/>
      <c r="B6079" s="8"/>
    </row>
    <row r="6080" spans="1:2" x14ac:dyDescent="0.3">
      <c r="A6080" s="11"/>
      <c r="B6080" s="8"/>
    </row>
    <row r="6081" spans="1:2" x14ac:dyDescent="0.3">
      <c r="A6081" s="11"/>
      <c r="B6081" s="8"/>
    </row>
    <row r="6082" spans="1:2" x14ac:dyDescent="0.3">
      <c r="A6082" s="11"/>
      <c r="B6082" s="8"/>
    </row>
    <row r="6083" spans="1:2" x14ac:dyDescent="0.3">
      <c r="A6083" s="11"/>
      <c r="B6083" s="8"/>
    </row>
    <row r="6084" spans="1:2" x14ac:dyDescent="0.3">
      <c r="A6084" s="11"/>
      <c r="B6084" s="8"/>
    </row>
    <row r="6085" spans="1:2" x14ac:dyDescent="0.3">
      <c r="A6085" s="11"/>
      <c r="B6085" s="8"/>
    </row>
    <row r="6086" spans="1:2" x14ac:dyDescent="0.3">
      <c r="A6086" s="11"/>
      <c r="B6086" s="8"/>
    </row>
    <row r="6087" spans="1:2" x14ac:dyDescent="0.3">
      <c r="A6087" s="11"/>
      <c r="B6087" s="8"/>
    </row>
    <row r="6088" spans="1:2" x14ac:dyDescent="0.3">
      <c r="A6088" s="11"/>
      <c r="B6088" s="8"/>
    </row>
    <row r="6089" spans="1:2" x14ac:dyDescent="0.3">
      <c r="A6089" s="11"/>
      <c r="B6089" s="8"/>
    </row>
    <row r="6090" spans="1:2" x14ac:dyDescent="0.3">
      <c r="A6090" s="11"/>
      <c r="B6090" s="8"/>
    </row>
    <row r="6091" spans="1:2" x14ac:dyDescent="0.3">
      <c r="A6091" s="11"/>
      <c r="B6091" s="8"/>
    </row>
    <row r="6092" spans="1:2" x14ac:dyDescent="0.3">
      <c r="A6092" s="11"/>
      <c r="B6092" s="8"/>
    </row>
    <row r="6093" spans="1:2" x14ac:dyDescent="0.3">
      <c r="A6093" s="11"/>
      <c r="B6093" s="8"/>
    </row>
    <row r="6094" spans="1:2" x14ac:dyDescent="0.3">
      <c r="A6094" s="11"/>
      <c r="B6094" s="8"/>
    </row>
    <row r="6095" spans="1:2" x14ac:dyDescent="0.3">
      <c r="A6095" s="11"/>
      <c r="B6095" s="8"/>
    </row>
    <row r="6096" spans="1:2" x14ac:dyDescent="0.3">
      <c r="A6096" s="11"/>
      <c r="B6096" s="8"/>
    </row>
    <row r="6097" spans="1:2" x14ac:dyDescent="0.3">
      <c r="A6097" s="11"/>
      <c r="B6097" s="8"/>
    </row>
    <row r="6098" spans="1:2" x14ac:dyDescent="0.3">
      <c r="A6098" s="11"/>
      <c r="B6098" s="8"/>
    </row>
    <row r="6099" spans="1:2" x14ac:dyDescent="0.3">
      <c r="A6099" s="11"/>
      <c r="B6099" s="8"/>
    </row>
    <row r="6100" spans="1:2" x14ac:dyDescent="0.3">
      <c r="A6100" s="11"/>
      <c r="B6100" s="8"/>
    </row>
    <row r="6101" spans="1:2" x14ac:dyDescent="0.3">
      <c r="A6101" s="11"/>
      <c r="B6101" s="8"/>
    </row>
    <row r="6102" spans="1:2" x14ac:dyDescent="0.3">
      <c r="A6102" s="11"/>
      <c r="B6102" s="8"/>
    </row>
    <row r="6103" spans="1:2" x14ac:dyDescent="0.3">
      <c r="A6103" s="11"/>
      <c r="B6103" s="8"/>
    </row>
    <row r="6104" spans="1:2" x14ac:dyDescent="0.3">
      <c r="A6104" s="11"/>
      <c r="B6104" s="8"/>
    </row>
    <row r="6105" spans="1:2" x14ac:dyDescent="0.3">
      <c r="A6105" s="11"/>
      <c r="B6105" s="8"/>
    </row>
    <row r="6106" spans="1:2" x14ac:dyDescent="0.3">
      <c r="A6106" s="11"/>
      <c r="B6106" s="8"/>
    </row>
    <row r="6107" spans="1:2" x14ac:dyDescent="0.3">
      <c r="A6107" s="11"/>
      <c r="B6107" s="8"/>
    </row>
    <row r="6108" spans="1:2" x14ac:dyDescent="0.3">
      <c r="A6108" s="11"/>
      <c r="B6108" s="8"/>
    </row>
    <row r="6109" spans="1:2" x14ac:dyDescent="0.3">
      <c r="A6109" s="11"/>
      <c r="B6109" s="8"/>
    </row>
    <row r="6110" spans="1:2" x14ac:dyDescent="0.3">
      <c r="A6110" s="11"/>
      <c r="B6110" s="8"/>
    </row>
    <row r="6111" spans="1:2" x14ac:dyDescent="0.3">
      <c r="A6111" s="11"/>
      <c r="B6111" s="8"/>
    </row>
    <row r="6112" spans="1:2" x14ac:dyDescent="0.3">
      <c r="A6112" s="11"/>
      <c r="B6112" s="8"/>
    </row>
    <row r="6113" spans="1:2" x14ac:dyDescent="0.3">
      <c r="A6113" s="11"/>
      <c r="B6113" s="8"/>
    </row>
    <row r="6114" spans="1:2" x14ac:dyDescent="0.3">
      <c r="A6114" s="11"/>
      <c r="B6114" s="8"/>
    </row>
    <row r="6115" spans="1:2" x14ac:dyDescent="0.3">
      <c r="A6115" s="11"/>
      <c r="B6115" s="8"/>
    </row>
    <row r="6116" spans="1:2" x14ac:dyDescent="0.3">
      <c r="A6116" s="11"/>
      <c r="B6116" s="8"/>
    </row>
    <row r="6117" spans="1:2" x14ac:dyDescent="0.3">
      <c r="A6117" s="11"/>
      <c r="B6117" s="8"/>
    </row>
    <row r="6118" spans="1:2" x14ac:dyDescent="0.3">
      <c r="A6118" s="11"/>
      <c r="B6118" s="8"/>
    </row>
    <row r="6119" spans="1:2" x14ac:dyDescent="0.3">
      <c r="A6119" s="11"/>
      <c r="B6119" s="8"/>
    </row>
    <row r="6120" spans="1:2" x14ac:dyDescent="0.3">
      <c r="A6120" s="11"/>
      <c r="B6120" s="8"/>
    </row>
    <row r="6121" spans="1:2" x14ac:dyDescent="0.3">
      <c r="A6121" s="11"/>
      <c r="B6121" s="8"/>
    </row>
    <row r="6122" spans="1:2" x14ac:dyDescent="0.3">
      <c r="A6122" s="11"/>
      <c r="B6122" s="8"/>
    </row>
    <row r="6123" spans="1:2" x14ac:dyDescent="0.3">
      <c r="A6123" s="11"/>
      <c r="B6123" s="8"/>
    </row>
    <row r="6124" spans="1:2" x14ac:dyDescent="0.3">
      <c r="A6124" s="11"/>
      <c r="B6124" s="8"/>
    </row>
    <row r="6125" spans="1:2" x14ac:dyDescent="0.3">
      <c r="A6125" s="11"/>
      <c r="B6125" s="8"/>
    </row>
    <row r="6126" spans="1:2" x14ac:dyDescent="0.3">
      <c r="A6126" s="11"/>
      <c r="B6126" s="8"/>
    </row>
    <row r="6127" spans="1:2" x14ac:dyDescent="0.3">
      <c r="A6127" s="11"/>
      <c r="B6127" s="8"/>
    </row>
    <row r="6128" spans="1:2" x14ac:dyDescent="0.3">
      <c r="A6128" s="11"/>
      <c r="B6128" s="8"/>
    </row>
    <row r="6129" spans="1:2" x14ac:dyDescent="0.3">
      <c r="A6129" s="11"/>
      <c r="B6129" s="8"/>
    </row>
    <row r="6130" spans="1:2" x14ac:dyDescent="0.3">
      <c r="A6130" s="11"/>
      <c r="B6130" s="8"/>
    </row>
    <row r="6131" spans="1:2" x14ac:dyDescent="0.3">
      <c r="A6131" s="11"/>
      <c r="B6131" s="8"/>
    </row>
    <row r="6132" spans="1:2" x14ac:dyDescent="0.3">
      <c r="A6132" s="11"/>
      <c r="B6132" s="8"/>
    </row>
    <row r="6133" spans="1:2" x14ac:dyDescent="0.3">
      <c r="A6133" s="11"/>
      <c r="B6133" s="8"/>
    </row>
    <row r="6134" spans="1:2" x14ac:dyDescent="0.3">
      <c r="A6134" s="11"/>
      <c r="B6134" s="8"/>
    </row>
    <row r="6135" spans="1:2" x14ac:dyDescent="0.3">
      <c r="A6135" s="11"/>
      <c r="B6135" s="8"/>
    </row>
    <row r="6136" spans="1:2" x14ac:dyDescent="0.3">
      <c r="A6136" s="11"/>
      <c r="B6136" s="8"/>
    </row>
    <row r="6137" spans="1:2" x14ac:dyDescent="0.3">
      <c r="A6137" s="11"/>
      <c r="B6137" s="8"/>
    </row>
    <row r="6138" spans="1:2" x14ac:dyDescent="0.3">
      <c r="A6138" s="11"/>
      <c r="B6138" s="8"/>
    </row>
    <row r="6139" spans="1:2" x14ac:dyDescent="0.3">
      <c r="A6139" s="11"/>
      <c r="B6139" s="8"/>
    </row>
    <row r="6140" spans="1:2" x14ac:dyDescent="0.3">
      <c r="A6140" s="11"/>
      <c r="B6140" s="8"/>
    </row>
    <row r="6141" spans="1:2" x14ac:dyDescent="0.3">
      <c r="A6141" s="11"/>
      <c r="B6141" s="8"/>
    </row>
    <row r="6142" spans="1:2" x14ac:dyDescent="0.3">
      <c r="A6142" s="11"/>
      <c r="B6142" s="8"/>
    </row>
    <row r="6143" spans="1:2" x14ac:dyDescent="0.3">
      <c r="A6143" s="11"/>
      <c r="B6143" s="8"/>
    </row>
    <row r="6144" spans="1:2" x14ac:dyDescent="0.3">
      <c r="A6144" s="11"/>
      <c r="B6144" s="8"/>
    </row>
    <row r="6145" spans="1:2" x14ac:dyDescent="0.3">
      <c r="A6145" s="11"/>
      <c r="B6145" s="8"/>
    </row>
    <row r="6146" spans="1:2" x14ac:dyDescent="0.3">
      <c r="A6146" s="11"/>
      <c r="B6146" s="8"/>
    </row>
    <row r="6147" spans="1:2" x14ac:dyDescent="0.3">
      <c r="A6147" s="11"/>
      <c r="B6147" s="8"/>
    </row>
    <row r="6148" spans="1:2" x14ac:dyDescent="0.3">
      <c r="A6148" s="11"/>
      <c r="B6148" s="8"/>
    </row>
    <row r="6149" spans="1:2" x14ac:dyDescent="0.3">
      <c r="A6149" s="11"/>
      <c r="B6149" s="8"/>
    </row>
    <row r="6150" spans="1:2" x14ac:dyDescent="0.3">
      <c r="A6150" s="11"/>
      <c r="B6150" s="8"/>
    </row>
    <row r="6151" spans="1:2" x14ac:dyDescent="0.3">
      <c r="A6151" s="11"/>
      <c r="B6151" s="8"/>
    </row>
    <row r="6152" spans="1:2" x14ac:dyDescent="0.3">
      <c r="A6152" s="11"/>
      <c r="B6152" s="8"/>
    </row>
    <row r="6153" spans="1:2" x14ac:dyDescent="0.3">
      <c r="A6153" s="11"/>
      <c r="B6153" s="8"/>
    </row>
    <row r="6154" spans="1:2" x14ac:dyDescent="0.3">
      <c r="A6154" s="11"/>
      <c r="B6154" s="8"/>
    </row>
    <row r="6155" spans="1:2" x14ac:dyDescent="0.3">
      <c r="A6155" s="11"/>
      <c r="B6155" s="8"/>
    </row>
    <row r="6156" spans="1:2" x14ac:dyDescent="0.3">
      <c r="A6156" s="11"/>
      <c r="B6156" s="8"/>
    </row>
    <row r="6157" spans="1:2" x14ac:dyDescent="0.3">
      <c r="A6157" s="11"/>
      <c r="B6157" s="8"/>
    </row>
    <row r="6158" spans="1:2" x14ac:dyDescent="0.3">
      <c r="A6158" s="11"/>
      <c r="B6158" s="8"/>
    </row>
    <row r="6159" spans="1:2" x14ac:dyDescent="0.3">
      <c r="A6159" s="11"/>
      <c r="B6159" s="8"/>
    </row>
    <row r="6160" spans="1:2" x14ac:dyDescent="0.3">
      <c r="A6160" s="11"/>
      <c r="B6160" s="8"/>
    </row>
    <row r="6161" spans="1:2" x14ac:dyDescent="0.3">
      <c r="A6161" s="11"/>
      <c r="B6161" s="8"/>
    </row>
    <row r="6162" spans="1:2" x14ac:dyDescent="0.3">
      <c r="A6162" s="11"/>
      <c r="B6162" s="8"/>
    </row>
    <row r="6163" spans="1:2" x14ac:dyDescent="0.3">
      <c r="A6163" s="11"/>
      <c r="B6163" s="8"/>
    </row>
    <row r="6164" spans="1:2" x14ac:dyDescent="0.3">
      <c r="A6164" s="11"/>
      <c r="B6164" s="8"/>
    </row>
    <row r="6165" spans="1:2" x14ac:dyDescent="0.3">
      <c r="A6165" s="11"/>
      <c r="B6165" s="8"/>
    </row>
    <row r="6166" spans="1:2" x14ac:dyDescent="0.3">
      <c r="A6166" s="11"/>
      <c r="B6166" s="8"/>
    </row>
    <row r="6167" spans="1:2" x14ac:dyDescent="0.3">
      <c r="A6167" s="11"/>
      <c r="B6167" s="8"/>
    </row>
    <row r="6168" spans="1:2" x14ac:dyDescent="0.3">
      <c r="A6168" s="11"/>
      <c r="B6168" s="8"/>
    </row>
    <row r="6169" spans="1:2" x14ac:dyDescent="0.3">
      <c r="A6169" s="11"/>
      <c r="B6169" s="8"/>
    </row>
    <row r="6170" spans="1:2" x14ac:dyDescent="0.3">
      <c r="A6170" s="11"/>
      <c r="B6170" s="8"/>
    </row>
    <row r="6171" spans="1:2" x14ac:dyDescent="0.3">
      <c r="A6171" s="11"/>
      <c r="B6171" s="8"/>
    </row>
    <row r="6172" spans="1:2" x14ac:dyDescent="0.3">
      <c r="A6172" s="11"/>
      <c r="B6172" s="8"/>
    </row>
    <row r="6173" spans="1:2" x14ac:dyDescent="0.3">
      <c r="A6173" s="11"/>
      <c r="B6173" s="8"/>
    </row>
    <row r="6174" spans="1:2" x14ac:dyDescent="0.3">
      <c r="A6174" s="11"/>
      <c r="B6174" s="8"/>
    </row>
    <row r="6175" spans="1:2" x14ac:dyDescent="0.3">
      <c r="A6175" s="11"/>
      <c r="B6175" s="8"/>
    </row>
    <row r="6176" spans="1:2" x14ac:dyDescent="0.3">
      <c r="A6176" s="11"/>
      <c r="B6176" s="8"/>
    </row>
    <row r="6177" spans="1:2" x14ac:dyDescent="0.3">
      <c r="A6177" s="11"/>
      <c r="B6177" s="8"/>
    </row>
    <row r="6178" spans="1:2" x14ac:dyDescent="0.3">
      <c r="A6178" s="11"/>
      <c r="B6178" s="8"/>
    </row>
    <row r="6179" spans="1:2" x14ac:dyDescent="0.3">
      <c r="A6179" s="11"/>
      <c r="B6179" s="8"/>
    </row>
    <row r="6180" spans="1:2" x14ac:dyDescent="0.3">
      <c r="A6180" s="11"/>
      <c r="B6180" s="8"/>
    </row>
    <row r="6181" spans="1:2" x14ac:dyDescent="0.3">
      <c r="A6181" s="11"/>
      <c r="B6181" s="8"/>
    </row>
    <row r="6182" spans="1:2" x14ac:dyDescent="0.3">
      <c r="A6182" s="11"/>
      <c r="B6182" s="8"/>
    </row>
    <row r="6183" spans="1:2" x14ac:dyDescent="0.3">
      <c r="A6183" s="11"/>
      <c r="B6183" s="8"/>
    </row>
    <row r="6184" spans="1:2" x14ac:dyDescent="0.3">
      <c r="A6184" s="11"/>
      <c r="B6184" s="8"/>
    </row>
    <row r="6185" spans="1:2" x14ac:dyDescent="0.3">
      <c r="A6185" s="11"/>
      <c r="B6185" s="8"/>
    </row>
    <row r="6186" spans="1:2" x14ac:dyDescent="0.3">
      <c r="A6186" s="11"/>
      <c r="B6186" s="8"/>
    </row>
    <row r="6187" spans="1:2" x14ac:dyDescent="0.3">
      <c r="A6187" s="11"/>
      <c r="B6187" s="8"/>
    </row>
    <row r="6188" spans="1:2" x14ac:dyDescent="0.3">
      <c r="A6188" s="11"/>
      <c r="B6188" s="8"/>
    </row>
    <row r="6189" spans="1:2" x14ac:dyDescent="0.3">
      <c r="A6189" s="11"/>
      <c r="B6189" s="8"/>
    </row>
    <row r="6190" spans="1:2" x14ac:dyDescent="0.3">
      <c r="A6190" s="11"/>
      <c r="B6190" s="8"/>
    </row>
    <row r="6191" spans="1:2" x14ac:dyDescent="0.3">
      <c r="A6191" s="11"/>
      <c r="B6191" s="8"/>
    </row>
    <row r="6192" spans="1:2" x14ac:dyDescent="0.3">
      <c r="A6192" s="11"/>
      <c r="B6192" s="8"/>
    </row>
    <row r="6193" spans="1:2" x14ac:dyDescent="0.3">
      <c r="A6193" s="11"/>
      <c r="B6193" s="8"/>
    </row>
    <row r="6194" spans="1:2" x14ac:dyDescent="0.3">
      <c r="A6194" s="11"/>
      <c r="B6194" s="8"/>
    </row>
    <row r="6195" spans="1:2" x14ac:dyDescent="0.3">
      <c r="A6195" s="11"/>
      <c r="B6195" s="8"/>
    </row>
    <row r="6196" spans="1:2" x14ac:dyDescent="0.3">
      <c r="A6196" s="11"/>
      <c r="B6196" s="8"/>
    </row>
    <row r="6197" spans="1:2" x14ac:dyDescent="0.3">
      <c r="A6197" s="11"/>
      <c r="B6197" s="8"/>
    </row>
    <row r="6198" spans="1:2" x14ac:dyDescent="0.3">
      <c r="A6198" s="11"/>
      <c r="B6198" s="8"/>
    </row>
    <row r="6199" spans="1:2" x14ac:dyDescent="0.3">
      <c r="A6199" s="11"/>
      <c r="B6199" s="8"/>
    </row>
    <row r="6200" spans="1:2" x14ac:dyDescent="0.3">
      <c r="A6200" s="11"/>
      <c r="B6200" s="8"/>
    </row>
    <row r="6201" spans="1:2" x14ac:dyDescent="0.3">
      <c r="A6201" s="11"/>
      <c r="B6201" s="8"/>
    </row>
    <row r="6202" spans="1:2" x14ac:dyDescent="0.3">
      <c r="A6202" s="11"/>
      <c r="B6202" s="8"/>
    </row>
    <row r="6203" spans="1:2" x14ac:dyDescent="0.3">
      <c r="A6203" s="11"/>
      <c r="B6203" s="8"/>
    </row>
    <row r="6204" spans="1:2" x14ac:dyDescent="0.3">
      <c r="A6204" s="11"/>
      <c r="B6204" s="8"/>
    </row>
    <row r="6205" spans="1:2" x14ac:dyDescent="0.3">
      <c r="A6205" s="11"/>
      <c r="B6205" s="8"/>
    </row>
    <row r="6206" spans="1:2" x14ac:dyDescent="0.3">
      <c r="A6206" s="11"/>
      <c r="B6206" s="8"/>
    </row>
    <row r="6207" spans="1:2" x14ac:dyDescent="0.3">
      <c r="A6207" s="11"/>
      <c r="B6207" s="8"/>
    </row>
    <row r="6208" spans="1:2" x14ac:dyDescent="0.3">
      <c r="A6208" s="11"/>
      <c r="B6208" s="8"/>
    </row>
    <row r="6209" spans="1:2" x14ac:dyDescent="0.3">
      <c r="A6209" s="11"/>
      <c r="B6209" s="8"/>
    </row>
    <row r="6210" spans="1:2" x14ac:dyDescent="0.3">
      <c r="A6210" s="11"/>
      <c r="B6210" s="8"/>
    </row>
    <row r="6211" spans="1:2" x14ac:dyDescent="0.3">
      <c r="A6211" s="11"/>
      <c r="B6211" s="8"/>
    </row>
    <row r="6212" spans="1:2" x14ac:dyDescent="0.3">
      <c r="A6212" s="11"/>
      <c r="B6212" s="8"/>
    </row>
    <row r="6213" spans="1:2" x14ac:dyDescent="0.3">
      <c r="A6213" s="11"/>
      <c r="B6213" s="8"/>
    </row>
    <row r="6214" spans="1:2" x14ac:dyDescent="0.3">
      <c r="A6214" s="11"/>
      <c r="B6214" s="8"/>
    </row>
    <row r="6215" spans="1:2" x14ac:dyDescent="0.3">
      <c r="A6215" s="11"/>
      <c r="B6215" s="8"/>
    </row>
    <row r="6216" spans="1:2" x14ac:dyDescent="0.3">
      <c r="A6216" s="11"/>
      <c r="B6216" s="8"/>
    </row>
    <row r="6217" spans="1:2" x14ac:dyDescent="0.3">
      <c r="A6217" s="11"/>
      <c r="B6217" s="8"/>
    </row>
    <row r="6218" spans="1:2" x14ac:dyDescent="0.3">
      <c r="A6218" s="11"/>
      <c r="B6218" s="8"/>
    </row>
    <row r="6219" spans="1:2" x14ac:dyDescent="0.3">
      <c r="A6219" s="11"/>
      <c r="B6219" s="8"/>
    </row>
    <row r="6220" spans="1:2" x14ac:dyDescent="0.3">
      <c r="A6220" s="11"/>
      <c r="B6220" s="8"/>
    </row>
    <row r="6221" spans="1:2" x14ac:dyDescent="0.3">
      <c r="A6221" s="11"/>
      <c r="B6221" s="8"/>
    </row>
    <row r="6222" spans="1:2" x14ac:dyDescent="0.3">
      <c r="A6222" s="11"/>
      <c r="B6222" s="8"/>
    </row>
    <row r="6223" spans="1:2" x14ac:dyDescent="0.3">
      <c r="A6223" s="11"/>
      <c r="B6223" s="8"/>
    </row>
    <row r="6224" spans="1:2" x14ac:dyDescent="0.3">
      <c r="A6224" s="11"/>
      <c r="B6224" s="8"/>
    </row>
    <row r="6225" spans="1:2" x14ac:dyDescent="0.3">
      <c r="A6225" s="11"/>
      <c r="B6225" s="8"/>
    </row>
    <row r="6226" spans="1:2" x14ac:dyDescent="0.3">
      <c r="A6226" s="11"/>
      <c r="B6226" s="8"/>
    </row>
    <row r="6227" spans="1:2" x14ac:dyDescent="0.3">
      <c r="A6227" s="11"/>
      <c r="B6227" s="8"/>
    </row>
    <row r="6228" spans="1:2" x14ac:dyDescent="0.3">
      <c r="A6228" s="11"/>
      <c r="B6228" s="8"/>
    </row>
    <row r="6229" spans="1:2" x14ac:dyDescent="0.3">
      <c r="A6229" s="11"/>
      <c r="B6229" s="8"/>
    </row>
    <row r="6230" spans="1:2" x14ac:dyDescent="0.3">
      <c r="A6230" s="11"/>
      <c r="B6230" s="8"/>
    </row>
    <row r="6231" spans="1:2" x14ac:dyDescent="0.3">
      <c r="A6231" s="11"/>
      <c r="B6231" s="8"/>
    </row>
    <row r="6232" spans="1:2" x14ac:dyDescent="0.3">
      <c r="A6232" s="11"/>
      <c r="B6232" s="8"/>
    </row>
    <row r="6233" spans="1:2" x14ac:dyDescent="0.3">
      <c r="A6233" s="11"/>
      <c r="B6233" s="8"/>
    </row>
    <row r="6234" spans="1:2" x14ac:dyDescent="0.3">
      <c r="A6234" s="11"/>
      <c r="B6234" s="8"/>
    </row>
    <row r="6235" spans="1:2" x14ac:dyDescent="0.3">
      <c r="A6235" s="11"/>
      <c r="B6235" s="8"/>
    </row>
    <row r="6236" spans="1:2" x14ac:dyDescent="0.3">
      <c r="A6236" s="11"/>
      <c r="B6236" s="8"/>
    </row>
    <row r="6237" spans="1:2" x14ac:dyDescent="0.3">
      <c r="A6237" s="11"/>
      <c r="B6237" s="8"/>
    </row>
    <row r="6238" spans="1:2" x14ac:dyDescent="0.3">
      <c r="A6238" s="11"/>
      <c r="B6238" s="8"/>
    </row>
    <row r="6239" spans="1:2" x14ac:dyDescent="0.3">
      <c r="A6239" s="11"/>
      <c r="B6239" s="8"/>
    </row>
    <row r="6240" spans="1:2" x14ac:dyDescent="0.3">
      <c r="A6240" s="11"/>
      <c r="B6240" s="8"/>
    </row>
    <row r="6241" spans="1:2" x14ac:dyDescent="0.3">
      <c r="A6241" s="11"/>
      <c r="B6241" s="8"/>
    </row>
    <row r="6242" spans="1:2" x14ac:dyDescent="0.3">
      <c r="A6242" s="11"/>
      <c r="B6242" s="8"/>
    </row>
    <row r="6243" spans="1:2" x14ac:dyDescent="0.3">
      <c r="A6243" s="11"/>
      <c r="B6243" s="8"/>
    </row>
    <row r="6244" spans="1:2" x14ac:dyDescent="0.3">
      <c r="A6244" s="11"/>
      <c r="B6244" s="8"/>
    </row>
    <row r="6245" spans="1:2" x14ac:dyDescent="0.3">
      <c r="A6245" s="11"/>
      <c r="B6245" s="8"/>
    </row>
    <row r="6246" spans="1:2" x14ac:dyDescent="0.3">
      <c r="A6246" s="11"/>
      <c r="B6246" s="8"/>
    </row>
    <row r="6247" spans="1:2" x14ac:dyDescent="0.3">
      <c r="A6247" s="11"/>
      <c r="B6247" s="8"/>
    </row>
    <row r="6248" spans="1:2" x14ac:dyDescent="0.3">
      <c r="A6248" s="11"/>
      <c r="B6248" s="8"/>
    </row>
    <row r="6249" spans="1:2" x14ac:dyDescent="0.3">
      <c r="A6249" s="11"/>
      <c r="B6249" s="8"/>
    </row>
    <row r="6250" spans="1:2" x14ac:dyDescent="0.3">
      <c r="A6250" s="11"/>
      <c r="B6250" s="8"/>
    </row>
    <row r="6251" spans="1:2" x14ac:dyDescent="0.3">
      <c r="A6251" s="11"/>
      <c r="B6251" s="8"/>
    </row>
    <row r="6252" spans="1:2" x14ac:dyDescent="0.3">
      <c r="A6252" s="11"/>
      <c r="B6252" s="8"/>
    </row>
    <row r="6253" spans="1:2" x14ac:dyDescent="0.3">
      <c r="A6253" s="11"/>
      <c r="B6253" s="8"/>
    </row>
    <row r="6254" spans="1:2" x14ac:dyDescent="0.3">
      <c r="A6254" s="11"/>
      <c r="B6254" s="8"/>
    </row>
    <row r="6255" spans="1:2" x14ac:dyDescent="0.3">
      <c r="A6255" s="11"/>
      <c r="B6255" s="8"/>
    </row>
    <row r="6256" spans="1:2" x14ac:dyDescent="0.3">
      <c r="A6256" s="11"/>
      <c r="B6256" s="8"/>
    </row>
    <row r="6257" spans="1:2" x14ac:dyDescent="0.3">
      <c r="A6257" s="11"/>
      <c r="B6257" s="8"/>
    </row>
    <row r="6258" spans="1:2" x14ac:dyDescent="0.3">
      <c r="A6258" s="11"/>
      <c r="B6258" s="8"/>
    </row>
    <row r="6259" spans="1:2" x14ac:dyDescent="0.3">
      <c r="A6259" s="11"/>
      <c r="B6259" s="8"/>
    </row>
    <row r="6260" spans="1:2" x14ac:dyDescent="0.3">
      <c r="A6260" s="11"/>
      <c r="B6260" s="8"/>
    </row>
    <row r="6261" spans="1:2" x14ac:dyDescent="0.3">
      <c r="A6261" s="11"/>
      <c r="B6261" s="8"/>
    </row>
    <row r="6262" spans="1:2" x14ac:dyDescent="0.3">
      <c r="A6262" s="11"/>
      <c r="B6262" s="8"/>
    </row>
    <row r="6263" spans="1:2" x14ac:dyDescent="0.3">
      <c r="A6263" s="11"/>
      <c r="B6263" s="8"/>
    </row>
    <row r="6264" spans="1:2" x14ac:dyDescent="0.3">
      <c r="A6264" s="11"/>
      <c r="B6264" s="8"/>
    </row>
    <row r="6265" spans="1:2" x14ac:dyDescent="0.3">
      <c r="A6265" s="11"/>
      <c r="B6265" s="8"/>
    </row>
    <row r="6266" spans="1:2" x14ac:dyDescent="0.3">
      <c r="A6266" s="11"/>
      <c r="B6266" s="8"/>
    </row>
    <row r="6267" spans="1:2" x14ac:dyDescent="0.3">
      <c r="A6267" s="11"/>
      <c r="B6267" s="8"/>
    </row>
    <row r="6268" spans="1:2" x14ac:dyDescent="0.3">
      <c r="A6268" s="11"/>
      <c r="B6268" s="8"/>
    </row>
    <row r="6269" spans="1:2" x14ac:dyDescent="0.3">
      <c r="A6269" s="11"/>
      <c r="B6269" s="8"/>
    </row>
    <row r="6270" spans="1:2" x14ac:dyDescent="0.3">
      <c r="A6270" s="11"/>
      <c r="B6270" s="8"/>
    </row>
    <row r="6271" spans="1:2" x14ac:dyDescent="0.3">
      <c r="A6271" s="11"/>
      <c r="B6271" s="8"/>
    </row>
    <row r="6272" spans="1:2" x14ac:dyDescent="0.3">
      <c r="A6272" s="11"/>
      <c r="B6272" s="8"/>
    </row>
    <row r="6273" spans="1:2" x14ac:dyDescent="0.3">
      <c r="A6273" s="11"/>
      <c r="B6273" s="8"/>
    </row>
    <row r="6274" spans="1:2" x14ac:dyDescent="0.3">
      <c r="A6274" s="11"/>
      <c r="B6274" s="8"/>
    </row>
    <row r="6275" spans="1:2" x14ac:dyDescent="0.3">
      <c r="A6275" s="11"/>
      <c r="B6275" s="8"/>
    </row>
    <row r="6276" spans="1:2" x14ac:dyDescent="0.3">
      <c r="A6276" s="11"/>
      <c r="B6276" s="8"/>
    </row>
    <row r="6277" spans="1:2" x14ac:dyDescent="0.3">
      <c r="A6277" s="11"/>
      <c r="B6277" s="8"/>
    </row>
    <row r="6278" spans="1:2" x14ac:dyDescent="0.3">
      <c r="A6278" s="11"/>
      <c r="B6278" s="8"/>
    </row>
    <row r="6279" spans="1:2" x14ac:dyDescent="0.3">
      <c r="A6279" s="11"/>
      <c r="B6279" s="8"/>
    </row>
    <row r="6280" spans="1:2" x14ac:dyDescent="0.3">
      <c r="A6280" s="11"/>
      <c r="B6280" s="8"/>
    </row>
    <row r="6281" spans="1:2" x14ac:dyDescent="0.3">
      <c r="A6281" s="11"/>
      <c r="B6281" s="8"/>
    </row>
    <row r="6282" spans="1:2" x14ac:dyDescent="0.3">
      <c r="A6282" s="11"/>
      <c r="B6282" s="8"/>
    </row>
    <row r="6283" spans="1:2" x14ac:dyDescent="0.3">
      <c r="A6283" s="11"/>
      <c r="B6283" s="8"/>
    </row>
    <row r="6284" spans="1:2" x14ac:dyDescent="0.3">
      <c r="A6284" s="11"/>
      <c r="B6284" s="8"/>
    </row>
    <row r="6285" spans="1:2" x14ac:dyDescent="0.3">
      <c r="A6285" s="11"/>
      <c r="B6285" s="8"/>
    </row>
    <row r="6286" spans="1:2" x14ac:dyDescent="0.3">
      <c r="A6286" s="11"/>
      <c r="B6286" s="8"/>
    </row>
    <row r="6287" spans="1:2" x14ac:dyDescent="0.3">
      <c r="A6287" s="11"/>
      <c r="B6287" s="8"/>
    </row>
    <row r="6288" spans="1:2" x14ac:dyDescent="0.3">
      <c r="A6288" s="11"/>
      <c r="B6288" s="8"/>
    </row>
    <row r="6289" spans="1:2" x14ac:dyDescent="0.3">
      <c r="A6289" s="11"/>
      <c r="B6289" s="8"/>
    </row>
    <row r="6290" spans="1:2" x14ac:dyDescent="0.3">
      <c r="A6290" s="11"/>
      <c r="B6290" s="8"/>
    </row>
    <row r="6291" spans="1:2" x14ac:dyDescent="0.3">
      <c r="A6291" s="11"/>
      <c r="B6291" s="8"/>
    </row>
    <row r="6292" spans="1:2" x14ac:dyDescent="0.3">
      <c r="A6292" s="11"/>
      <c r="B6292" s="8"/>
    </row>
    <row r="6293" spans="1:2" x14ac:dyDescent="0.3">
      <c r="A6293" s="11"/>
      <c r="B6293" s="8"/>
    </row>
    <row r="6294" spans="1:2" x14ac:dyDescent="0.3">
      <c r="A6294" s="11"/>
      <c r="B6294" s="8"/>
    </row>
    <row r="6295" spans="1:2" x14ac:dyDescent="0.3">
      <c r="A6295" s="11"/>
      <c r="B6295" s="8"/>
    </row>
    <row r="6296" spans="1:2" x14ac:dyDescent="0.3">
      <c r="A6296" s="11"/>
      <c r="B6296" s="8"/>
    </row>
    <row r="6297" spans="1:2" x14ac:dyDescent="0.3">
      <c r="A6297" s="11"/>
      <c r="B6297" s="8"/>
    </row>
    <row r="6298" spans="1:2" x14ac:dyDescent="0.3">
      <c r="A6298" s="11"/>
      <c r="B6298" s="8"/>
    </row>
    <row r="6299" spans="1:2" x14ac:dyDescent="0.3">
      <c r="A6299" s="11"/>
      <c r="B6299" s="8"/>
    </row>
    <row r="6300" spans="1:2" x14ac:dyDescent="0.3">
      <c r="A6300" s="11"/>
      <c r="B6300" s="8"/>
    </row>
    <row r="6301" spans="1:2" x14ac:dyDescent="0.3">
      <c r="A6301" s="11"/>
      <c r="B6301" s="8"/>
    </row>
    <row r="6302" spans="1:2" x14ac:dyDescent="0.3">
      <c r="A6302" s="11"/>
      <c r="B6302" s="8"/>
    </row>
    <row r="6303" spans="1:2" x14ac:dyDescent="0.3">
      <c r="A6303" s="11"/>
      <c r="B6303" s="8"/>
    </row>
    <row r="6304" spans="1:2" x14ac:dyDescent="0.3">
      <c r="A6304" s="11"/>
      <c r="B6304" s="8"/>
    </row>
    <row r="6305" spans="1:2" x14ac:dyDescent="0.3">
      <c r="A6305" s="11"/>
      <c r="B6305" s="8"/>
    </row>
    <row r="6306" spans="1:2" x14ac:dyDescent="0.3">
      <c r="A6306" s="11"/>
      <c r="B6306" s="8"/>
    </row>
    <row r="6307" spans="1:2" x14ac:dyDescent="0.3">
      <c r="A6307" s="11"/>
      <c r="B6307" s="8"/>
    </row>
    <row r="6308" spans="1:2" x14ac:dyDescent="0.3">
      <c r="A6308" s="11"/>
      <c r="B6308" s="8"/>
    </row>
    <row r="6309" spans="1:2" x14ac:dyDescent="0.3">
      <c r="A6309" s="11"/>
      <c r="B6309" s="8"/>
    </row>
    <row r="6310" spans="1:2" x14ac:dyDescent="0.3">
      <c r="A6310" s="11"/>
      <c r="B6310" s="8"/>
    </row>
    <row r="6311" spans="1:2" x14ac:dyDescent="0.3">
      <c r="A6311" s="11"/>
      <c r="B6311" s="8"/>
    </row>
    <row r="6312" spans="1:2" x14ac:dyDescent="0.3">
      <c r="A6312" s="11"/>
      <c r="B6312" s="8"/>
    </row>
    <row r="6313" spans="1:2" x14ac:dyDescent="0.3">
      <c r="A6313" s="11"/>
      <c r="B6313" s="8"/>
    </row>
    <row r="6314" spans="1:2" x14ac:dyDescent="0.3">
      <c r="A6314" s="11"/>
      <c r="B6314" s="8"/>
    </row>
    <row r="6315" spans="1:2" x14ac:dyDescent="0.3">
      <c r="A6315" s="11"/>
      <c r="B6315" s="8"/>
    </row>
    <row r="6316" spans="1:2" x14ac:dyDescent="0.3">
      <c r="A6316" s="11"/>
      <c r="B6316" s="8"/>
    </row>
    <row r="6317" spans="1:2" x14ac:dyDescent="0.3">
      <c r="A6317" s="11"/>
      <c r="B6317" s="8"/>
    </row>
    <row r="6318" spans="1:2" x14ac:dyDescent="0.3">
      <c r="A6318" s="11"/>
      <c r="B6318" s="8"/>
    </row>
    <row r="6319" spans="1:2" x14ac:dyDescent="0.3">
      <c r="A6319" s="11"/>
      <c r="B6319" s="8"/>
    </row>
    <row r="6320" spans="1:2" x14ac:dyDescent="0.3">
      <c r="A6320" s="11"/>
      <c r="B6320" s="8"/>
    </row>
    <row r="6321" spans="1:2" x14ac:dyDescent="0.3">
      <c r="A6321" s="11"/>
      <c r="B6321" s="8"/>
    </row>
    <row r="6322" spans="1:2" x14ac:dyDescent="0.3">
      <c r="A6322" s="11"/>
      <c r="B6322" s="8"/>
    </row>
    <row r="6323" spans="1:2" x14ac:dyDescent="0.3">
      <c r="A6323" s="11"/>
      <c r="B6323" s="8"/>
    </row>
    <row r="6324" spans="1:2" x14ac:dyDescent="0.3">
      <c r="A6324" s="11"/>
      <c r="B6324" s="8"/>
    </row>
    <row r="6325" spans="1:2" x14ac:dyDescent="0.3">
      <c r="A6325" s="11"/>
      <c r="B6325" s="8"/>
    </row>
    <row r="6326" spans="1:2" x14ac:dyDescent="0.3">
      <c r="A6326" s="11"/>
      <c r="B6326" s="8"/>
    </row>
    <row r="6327" spans="1:2" x14ac:dyDescent="0.3">
      <c r="A6327" s="11"/>
      <c r="B6327" s="8"/>
    </row>
    <row r="6328" spans="1:2" x14ac:dyDescent="0.3">
      <c r="A6328" s="11"/>
      <c r="B6328" s="8"/>
    </row>
    <row r="6329" spans="1:2" x14ac:dyDescent="0.3">
      <c r="A6329" s="11"/>
      <c r="B6329" s="8"/>
    </row>
    <row r="6330" spans="1:2" x14ac:dyDescent="0.3">
      <c r="A6330" s="11"/>
      <c r="B6330" s="8"/>
    </row>
    <row r="6331" spans="1:2" x14ac:dyDescent="0.3">
      <c r="A6331" s="11"/>
      <c r="B6331" s="8"/>
    </row>
    <row r="6332" spans="1:2" x14ac:dyDescent="0.3">
      <c r="A6332" s="11"/>
      <c r="B6332" s="8"/>
    </row>
    <row r="6333" spans="1:2" x14ac:dyDescent="0.3">
      <c r="A6333" s="11"/>
      <c r="B6333" s="8"/>
    </row>
    <row r="6334" spans="1:2" x14ac:dyDescent="0.3">
      <c r="A6334" s="11"/>
      <c r="B6334" s="8"/>
    </row>
    <row r="6335" spans="1:2" x14ac:dyDescent="0.3">
      <c r="A6335" s="11"/>
      <c r="B6335" s="8"/>
    </row>
    <row r="6336" spans="1:2" x14ac:dyDescent="0.3">
      <c r="A6336" s="11"/>
      <c r="B6336" s="8"/>
    </row>
    <row r="6337" spans="1:2" x14ac:dyDescent="0.3">
      <c r="A6337" s="11"/>
      <c r="B6337" s="8"/>
    </row>
    <row r="6338" spans="1:2" x14ac:dyDescent="0.3">
      <c r="A6338" s="11"/>
      <c r="B6338" s="8"/>
    </row>
    <row r="6339" spans="1:2" x14ac:dyDescent="0.3">
      <c r="A6339" s="11"/>
      <c r="B6339" s="8"/>
    </row>
    <row r="6340" spans="1:2" x14ac:dyDescent="0.3">
      <c r="A6340" s="11"/>
      <c r="B6340" s="8"/>
    </row>
    <row r="6341" spans="1:2" x14ac:dyDescent="0.3">
      <c r="A6341" s="11"/>
      <c r="B6341" s="8"/>
    </row>
    <row r="6342" spans="1:2" x14ac:dyDescent="0.3">
      <c r="A6342" s="11"/>
      <c r="B6342" s="8"/>
    </row>
    <row r="6343" spans="1:2" x14ac:dyDescent="0.3">
      <c r="A6343" s="11"/>
      <c r="B6343" s="8"/>
    </row>
    <row r="6344" spans="1:2" x14ac:dyDescent="0.3">
      <c r="A6344" s="11"/>
      <c r="B6344" s="8"/>
    </row>
    <row r="6345" spans="1:2" x14ac:dyDescent="0.3">
      <c r="A6345" s="11"/>
      <c r="B6345" s="8"/>
    </row>
    <row r="6346" spans="1:2" x14ac:dyDescent="0.3">
      <c r="A6346" s="11"/>
      <c r="B6346" s="8"/>
    </row>
    <row r="6347" spans="1:2" x14ac:dyDescent="0.3">
      <c r="A6347" s="11"/>
      <c r="B6347" s="8"/>
    </row>
    <row r="6348" spans="1:2" x14ac:dyDescent="0.3">
      <c r="A6348" s="11"/>
      <c r="B6348" s="8"/>
    </row>
    <row r="6349" spans="1:2" x14ac:dyDescent="0.3">
      <c r="A6349" s="11"/>
      <c r="B6349" s="8"/>
    </row>
    <row r="6350" spans="1:2" x14ac:dyDescent="0.3">
      <c r="A6350" s="11"/>
      <c r="B6350" s="8"/>
    </row>
    <row r="6351" spans="1:2" x14ac:dyDescent="0.3">
      <c r="A6351" s="11"/>
      <c r="B6351" s="8"/>
    </row>
    <row r="6352" spans="1:2" x14ac:dyDescent="0.3">
      <c r="A6352" s="11"/>
      <c r="B6352" s="8"/>
    </row>
    <row r="6353" spans="1:2" x14ac:dyDescent="0.3">
      <c r="A6353" s="11"/>
      <c r="B6353" s="8"/>
    </row>
    <row r="6354" spans="1:2" x14ac:dyDescent="0.3">
      <c r="A6354" s="11"/>
      <c r="B6354" s="8"/>
    </row>
    <row r="6355" spans="1:2" x14ac:dyDescent="0.3">
      <c r="A6355" s="11"/>
      <c r="B6355" s="8"/>
    </row>
    <row r="6356" spans="1:2" x14ac:dyDescent="0.3">
      <c r="A6356" s="11"/>
      <c r="B6356" s="8"/>
    </row>
    <row r="6357" spans="1:2" x14ac:dyDescent="0.3">
      <c r="A6357" s="11"/>
      <c r="B6357" s="8"/>
    </row>
    <row r="6358" spans="1:2" x14ac:dyDescent="0.3">
      <c r="A6358" s="11"/>
      <c r="B6358" s="8"/>
    </row>
    <row r="6359" spans="1:2" x14ac:dyDescent="0.3">
      <c r="A6359" s="11"/>
      <c r="B6359" s="8"/>
    </row>
    <row r="6360" spans="1:2" x14ac:dyDescent="0.3">
      <c r="A6360" s="11"/>
      <c r="B6360" s="8"/>
    </row>
    <row r="6361" spans="1:2" x14ac:dyDescent="0.3">
      <c r="A6361" s="11"/>
      <c r="B6361" s="8"/>
    </row>
    <row r="6362" spans="1:2" x14ac:dyDescent="0.3">
      <c r="A6362" s="11"/>
      <c r="B6362" s="8"/>
    </row>
    <row r="6363" spans="1:2" x14ac:dyDescent="0.3">
      <c r="A6363" s="11"/>
      <c r="B6363" s="8"/>
    </row>
    <row r="6364" spans="1:2" x14ac:dyDescent="0.3">
      <c r="A6364" s="11"/>
      <c r="B6364" s="8"/>
    </row>
    <row r="6365" spans="1:2" x14ac:dyDescent="0.3">
      <c r="A6365" s="11"/>
      <c r="B6365" s="8"/>
    </row>
    <row r="6366" spans="1:2" x14ac:dyDescent="0.3">
      <c r="A6366" s="11"/>
      <c r="B6366" s="8"/>
    </row>
    <row r="6367" spans="1:2" x14ac:dyDescent="0.3">
      <c r="A6367" s="11"/>
      <c r="B6367" s="8"/>
    </row>
    <row r="6368" spans="1:2" x14ac:dyDescent="0.3">
      <c r="A6368" s="11"/>
      <c r="B6368" s="8"/>
    </row>
    <row r="6369" spans="1:2" x14ac:dyDescent="0.3">
      <c r="A6369" s="11"/>
      <c r="B6369" s="8"/>
    </row>
    <row r="6370" spans="1:2" x14ac:dyDescent="0.3">
      <c r="A6370" s="11"/>
      <c r="B6370" s="8"/>
    </row>
    <row r="6371" spans="1:2" x14ac:dyDescent="0.3">
      <c r="A6371" s="11"/>
      <c r="B6371" s="8"/>
    </row>
    <row r="6372" spans="1:2" x14ac:dyDescent="0.3">
      <c r="A6372" s="11"/>
      <c r="B6372" s="8"/>
    </row>
    <row r="6373" spans="1:2" x14ac:dyDescent="0.3">
      <c r="A6373" s="11"/>
      <c r="B6373" s="8"/>
    </row>
    <row r="6374" spans="1:2" x14ac:dyDescent="0.3">
      <c r="A6374" s="11"/>
      <c r="B6374" s="8"/>
    </row>
    <row r="6375" spans="1:2" x14ac:dyDescent="0.3">
      <c r="A6375" s="11"/>
      <c r="B6375" s="8"/>
    </row>
    <row r="6376" spans="1:2" x14ac:dyDescent="0.3">
      <c r="A6376" s="11"/>
      <c r="B6376" s="8"/>
    </row>
    <row r="6377" spans="1:2" x14ac:dyDescent="0.3">
      <c r="A6377" s="11"/>
      <c r="B6377" s="8"/>
    </row>
    <row r="6378" spans="1:2" x14ac:dyDescent="0.3">
      <c r="A6378" s="11"/>
      <c r="B6378" s="8"/>
    </row>
    <row r="6379" spans="1:2" x14ac:dyDescent="0.3">
      <c r="A6379" s="11"/>
      <c r="B6379" s="8"/>
    </row>
    <row r="6380" spans="1:2" x14ac:dyDescent="0.3">
      <c r="A6380" s="11"/>
      <c r="B6380" s="8"/>
    </row>
    <row r="6381" spans="1:2" x14ac:dyDescent="0.3">
      <c r="A6381" s="11"/>
      <c r="B6381" s="8"/>
    </row>
    <row r="6382" spans="1:2" x14ac:dyDescent="0.3">
      <c r="A6382" s="11"/>
      <c r="B6382" s="8"/>
    </row>
    <row r="6383" spans="1:2" x14ac:dyDescent="0.3">
      <c r="A6383" s="11"/>
      <c r="B6383" s="8"/>
    </row>
    <row r="6384" spans="1:2" x14ac:dyDescent="0.3">
      <c r="A6384" s="11"/>
      <c r="B6384" s="8"/>
    </row>
    <row r="6385" spans="1:2" x14ac:dyDescent="0.3">
      <c r="A6385" s="11"/>
      <c r="B6385" s="8"/>
    </row>
    <row r="6386" spans="1:2" x14ac:dyDescent="0.3">
      <c r="A6386" s="11"/>
      <c r="B6386" s="8"/>
    </row>
    <row r="6387" spans="1:2" x14ac:dyDescent="0.3">
      <c r="A6387" s="11"/>
      <c r="B6387" s="8"/>
    </row>
    <row r="6388" spans="1:2" x14ac:dyDescent="0.3">
      <c r="A6388" s="11"/>
      <c r="B6388" s="8"/>
    </row>
    <row r="6389" spans="1:2" x14ac:dyDescent="0.3">
      <c r="A6389" s="11"/>
      <c r="B6389" s="8"/>
    </row>
    <row r="6390" spans="1:2" x14ac:dyDescent="0.3">
      <c r="A6390" s="11"/>
      <c r="B6390" s="8"/>
    </row>
    <row r="6391" spans="1:2" x14ac:dyDescent="0.3">
      <c r="A6391" s="11"/>
      <c r="B6391" s="8"/>
    </row>
    <row r="6392" spans="1:2" x14ac:dyDescent="0.3">
      <c r="A6392" s="11"/>
      <c r="B6392" s="8"/>
    </row>
    <row r="6393" spans="1:2" x14ac:dyDescent="0.3">
      <c r="A6393" s="11"/>
      <c r="B6393" s="8"/>
    </row>
    <row r="6394" spans="1:2" x14ac:dyDescent="0.3">
      <c r="A6394" s="11"/>
      <c r="B6394" s="8"/>
    </row>
    <row r="6395" spans="1:2" x14ac:dyDescent="0.3">
      <c r="A6395" s="11"/>
      <c r="B6395" s="8"/>
    </row>
    <row r="6396" spans="1:2" x14ac:dyDescent="0.3">
      <c r="A6396" s="11"/>
      <c r="B6396" s="8"/>
    </row>
    <row r="6397" spans="1:2" x14ac:dyDescent="0.3">
      <c r="A6397" s="11"/>
      <c r="B6397" s="8"/>
    </row>
    <row r="6398" spans="1:2" x14ac:dyDescent="0.3">
      <c r="A6398" s="11"/>
      <c r="B6398" s="8"/>
    </row>
    <row r="6399" spans="1:2" x14ac:dyDescent="0.3">
      <c r="A6399" s="11"/>
      <c r="B6399" s="8"/>
    </row>
    <row r="6400" spans="1:2" x14ac:dyDescent="0.3">
      <c r="A6400" s="11"/>
      <c r="B6400" s="8"/>
    </row>
    <row r="6401" spans="1:2" x14ac:dyDescent="0.3">
      <c r="A6401" s="11"/>
      <c r="B6401" s="8"/>
    </row>
    <row r="6402" spans="1:2" x14ac:dyDescent="0.3">
      <c r="A6402" s="11"/>
      <c r="B6402" s="8"/>
    </row>
    <row r="6403" spans="1:2" x14ac:dyDescent="0.3">
      <c r="A6403" s="11"/>
      <c r="B6403" s="8"/>
    </row>
    <row r="6404" spans="1:2" x14ac:dyDescent="0.3">
      <c r="A6404" s="11"/>
      <c r="B6404" s="8"/>
    </row>
    <row r="6405" spans="1:2" x14ac:dyDescent="0.3">
      <c r="A6405" s="11"/>
      <c r="B6405" s="8"/>
    </row>
    <row r="6406" spans="1:2" x14ac:dyDescent="0.3">
      <c r="A6406" s="11"/>
      <c r="B6406" s="8"/>
    </row>
    <row r="6407" spans="1:2" x14ac:dyDescent="0.3">
      <c r="A6407" s="11"/>
      <c r="B6407" s="8"/>
    </row>
    <row r="6408" spans="1:2" x14ac:dyDescent="0.3">
      <c r="A6408" s="11"/>
      <c r="B6408" s="8"/>
    </row>
    <row r="6409" spans="1:2" x14ac:dyDescent="0.3">
      <c r="A6409" s="11"/>
      <c r="B6409" s="8"/>
    </row>
    <row r="6410" spans="1:2" x14ac:dyDescent="0.3">
      <c r="A6410" s="11"/>
      <c r="B6410" s="8"/>
    </row>
    <row r="6411" spans="1:2" x14ac:dyDescent="0.3">
      <c r="A6411" s="11"/>
      <c r="B6411" s="8"/>
    </row>
    <row r="6412" spans="1:2" x14ac:dyDescent="0.3">
      <c r="A6412" s="11"/>
      <c r="B6412" s="8"/>
    </row>
    <row r="6413" spans="1:2" x14ac:dyDescent="0.3">
      <c r="A6413" s="11"/>
      <c r="B6413" s="8"/>
    </row>
    <row r="6414" spans="1:2" x14ac:dyDescent="0.3">
      <c r="A6414" s="11"/>
      <c r="B6414" s="8"/>
    </row>
    <row r="6415" spans="1:2" x14ac:dyDescent="0.3">
      <c r="A6415" s="11"/>
      <c r="B6415" s="8"/>
    </row>
    <row r="6416" spans="1:2" x14ac:dyDescent="0.3">
      <c r="A6416" s="11"/>
      <c r="B6416" s="8"/>
    </row>
    <row r="6417" spans="1:2" x14ac:dyDescent="0.3">
      <c r="A6417" s="11"/>
      <c r="B6417" s="8"/>
    </row>
    <row r="6418" spans="1:2" x14ac:dyDescent="0.3">
      <c r="A6418" s="11"/>
      <c r="B6418" s="8"/>
    </row>
    <row r="6419" spans="1:2" x14ac:dyDescent="0.3">
      <c r="A6419" s="11"/>
      <c r="B6419" s="8"/>
    </row>
    <row r="6420" spans="1:2" x14ac:dyDescent="0.3">
      <c r="A6420" s="11"/>
      <c r="B6420" s="8"/>
    </row>
    <row r="6421" spans="1:2" x14ac:dyDescent="0.3">
      <c r="A6421" s="11"/>
      <c r="B6421" s="8"/>
    </row>
    <row r="6422" spans="1:2" x14ac:dyDescent="0.3">
      <c r="A6422" s="11"/>
      <c r="B6422" s="8"/>
    </row>
    <row r="6423" spans="1:2" x14ac:dyDescent="0.3">
      <c r="A6423" s="11"/>
      <c r="B6423" s="8"/>
    </row>
    <row r="6424" spans="1:2" x14ac:dyDescent="0.3">
      <c r="A6424" s="11"/>
      <c r="B6424" s="8"/>
    </row>
    <row r="6425" spans="1:2" x14ac:dyDescent="0.3">
      <c r="A6425" s="11"/>
      <c r="B6425" s="8"/>
    </row>
    <row r="6426" spans="1:2" x14ac:dyDescent="0.3">
      <c r="A6426" s="11"/>
      <c r="B6426" s="8"/>
    </row>
    <row r="6427" spans="1:2" x14ac:dyDescent="0.3">
      <c r="A6427" s="11"/>
      <c r="B6427" s="8"/>
    </row>
    <row r="6428" spans="1:2" x14ac:dyDescent="0.3">
      <c r="A6428" s="11"/>
      <c r="B6428" s="8"/>
    </row>
    <row r="6429" spans="1:2" x14ac:dyDescent="0.3">
      <c r="A6429" s="11"/>
      <c r="B6429" s="8"/>
    </row>
    <row r="6430" spans="1:2" x14ac:dyDescent="0.3">
      <c r="A6430" s="11"/>
      <c r="B6430" s="8"/>
    </row>
    <row r="6431" spans="1:2" x14ac:dyDescent="0.3">
      <c r="A6431" s="11"/>
      <c r="B6431" s="8"/>
    </row>
    <row r="6432" spans="1:2" x14ac:dyDescent="0.3">
      <c r="A6432" s="11"/>
      <c r="B6432" s="8"/>
    </row>
    <row r="6433" spans="1:2" x14ac:dyDescent="0.3">
      <c r="A6433" s="11"/>
      <c r="B6433" s="8"/>
    </row>
    <row r="6434" spans="1:2" x14ac:dyDescent="0.3">
      <c r="A6434" s="11"/>
      <c r="B6434" s="8"/>
    </row>
    <row r="6435" spans="1:2" x14ac:dyDescent="0.3">
      <c r="A6435" s="11"/>
      <c r="B6435" s="8"/>
    </row>
    <row r="6436" spans="1:2" x14ac:dyDescent="0.3">
      <c r="A6436" s="11"/>
      <c r="B6436" s="8"/>
    </row>
    <row r="6437" spans="1:2" x14ac:dyDescent="0.3">
      <c r="A6437" s="11"/>
      <c r="B6437" s="8"/>
    </row>
    <row r="6438" spans="1:2" x14ac:dyDescent="0.3">
      <c r="A6438" s="11"/>
      <c r="B6438" s="8"/>
    </row>
    <row r="6439" spans="1:2" x14ac:dyDescent="0.3">
      <c r="A6439" s="11"/>
      <c r="B6439" s="8"/>
    </row>
    <row r="6440" spans="1:2" x14ac:dyDescent="0.3">
      <c r="A6440" s="11"/>
      <c r="B6440" s="8"/>
    </row>
    <row r="6441" spans="1:2" x14ac:dyDescent="0.3">
      <c r="A6441" s="11"/>
      <c r="B6441" s="8"/>
    </row>
    <row r="6442" spans="1:2" x14ac:dyDescent="0.3">
      <c r="A6442" s="11"/>
      <c r="B6442" s="8"/>
    </row>
    <row r="6443" spans="1:2" x14ac:dyDescent="0.3">
      <c r="A6443" s="11"/>
      <c r="B6443" s="8"/>
    </row>
    <row r="6444" spans="1:2" x14ac:dyDescent="0.3">
      <c r="A6444" s="11"/>
      <c r="B6444" s="8"/>
    </row>
    <row r="6445" spans="1:2" x14ac:dyDescent="0.3">
      <c r="A6445" s="11"/>
      <c r="B6445" s="8"/>
    </row>
    <row r="6446" spans="1:2" x14ac:dyDescent="0.3">
      <c r="A6446" s="11"/>
      <c r="B6446" s="8"/>
    </row>
    <row r="6447" spans="1:2" x14ac:dyDescent="0.3">
      <c r="A6447" s="11"/>
      <c r="B6447" s="8"/>
    </row>
    <row r="6448" spans="1:2" x14ac:dyDescent="0.3">
      <c r="A6448" s="11"/>
      <c r="B6448" s="8"/>
    </row>
    <row r="6449" spans="1:2" x14ac:dyDescent="0.3">
      <c r="A6449" s="11"/>
      <c r="B6449" s="8"/>
    </row>
    <row r="6450" spans="1:2" x14ac:dyDescent="0.3">
      <c r="A6450" s="11"/>
      <c r="B6450" s="8"/>
    </row>
    <row r="6451" spans="1:2" x14ac:dyDescent="0.3">
      <c r="A6451" s="11"/>
      <c r="B6451" s="8"/>
    </row>
    <row r="6452" spans="1:2" x14ac:dyDescent="0.3">
      <c r="A6452" s="11"/>
      <c r="B6452" s="8"/>
    </row>
    <row r="6453" spans="1:2" x14ac:dyDescent="0.3">
      <c r="A6453" s="11"/>
      <c r="B6453" s="8"/>
    </row>
    <row r="6454" spans="1:2" x14ac:dyDescent="0.3">
      <c r="A6454" s="11"/>
      <c r="B6454" s="8"/>
    </row>
    <row r="6455" spans="1:2" x14ac:dyDescent="0.3">
      <c r="A6455" s="11"/>
      <c r="B6455" s="8"/>
    </row>
    <row r="6456" spans="1:2" x14ac:dyDescent="0.3">
      <c r="A6456" s="11"/>
      <c r="B6456" s="8"/>
    </row>
    <row r="6457" spans="1:2" x14ac:dyDescent="0.3">
      <c r="A6457" s="11"/>
      <c r="B6457" s="8"/>
    </row>
    <row r="6458" spans="1:2" x14ac:dyDescent="0.3">
      <c r="A6458" s="11"/>
      <c r="B6458" s="8"/>
    </row>
    <row r="6459" spans="1:2" x14ac:dyDescent="0.3">
      <c r="A6459" s="11"/>
      <c r="B6459" s="8"/>
    </row>
    <row r="6460" spans="1:2" x14ac:dyDescent="0.3">
      <c r="A6460" s="11"/>
      <c r="B6460" s="8"/>
    </row>
    <row r="6461" spans="1:2" x14ac:dyDescent="0.3">
      <c r="A6461" s="11"/>
      <c r="B6461" s="8"/>
    </row>
    <row r="6462" spans="1:2" x14ac:dyDescent="0.3">
      <c r="A6462" s="11"/>
      <c r="B6462" s="8"/>
    </row>
    <row r="6463" spans="1:2" x14ac:dyDescent="0.3">
      <c r="A6463" s="11"/>
      <c r="B6463" s="8"/>
    </row>
    <row r="6464" spans="1:2" x14ac:dyDescent="0.3">
      <c r="A6464" s="11"/>
      <c r="B6464" s="8"/>
    </row>
    <row r="6465" spans="1:2" x14ac:dyDescent="0.3">
      <c r="A6465" s="11"/>
      <c r="B6465" s="8"/>
    </row>
    <row r="6466" spans="1:2" x14ac:dyDescent="0.3">
      <c r="A6466" s="11"/>
      <c r="B6466" s="8"/>
    </row>
    <row r="6467" spans="1:2" x14ac:dyDescent="0.3">
      <c r="A6467" s="11"/>
      <c r="B6467" s="8"/>
    </row>
    <row r="6468" spans="1:2" x14ac:dyDescent="0.3">
      <c r="A6468" s="11"/>
      <c r="B6468" s="8"/>
    </row>
    <row r="6469" spans="1:2" x14ac:dyDescent="0.3">
      <c r="A6469" s="11"/>
      <c r="B6469" s="8"/>
    </row>
    <row r="6470" spans="1:2" x14ac:dyDescent="0.3">
      <c r="A6470" s="11"/>
      <c r="B6470" s="8"/>
    </row>
    <row r="6471" spans="1:2" x14ac:dyDescent="0.3">
      <c r="A6471" s="11"/>
      <c r="B6471" s="8"/>
    </row>
    <row r="6472" spans="1:2" x14ac:dyDescent="0.3">
      <c r="A6472" s="11"/>
      <c r="B6472" s="8"/>
    </row>
    <row r="6473" spans="1:2" x14ac:dyDescent="0.3">
      <c r="A6473" s="11"/>
      <c r="B6473" s="8"/>
    </row>
    <row r="6474" spans="1:2" x14ac:dyDescent="0.3">
      <c r="A6474" s="11"/>
      <c r="B6474" s="8"/>
    </row>
    <row r="6475" spans="1:2" x14ac:dyDescent="0.3">
      <c r="A6475" s="11"/>
      <c r="B6475" s="8"/>
    </row>
    <row r="6476" spans="1:2" x14ac:dyDescent="0.3">
      <c r="A6476" s="11"/>
      <c r="B6476" s="8"/>
    </row>
    <row r="6477" spans="1:2" x14ac:dyDescent="0.3">
      <c r="A6477" s="11"/>
      <c r="B6477" s="8"/>
    </row>
    <row r="6478" spans="1:2" x14ac:dyDescent="0.3">
      <c r="A6478" s="11"/>
      <c r="B6478" s="8"/>
    </row>
    <row r="6479" spans="1:2" x14ac:dyDescent="0.3">
      <c r="A6479" s="11"/>
      <c r="B6479" s="8"/>
    </row>
    <row r="6480" spans="1:2" x14ac:dyDescent="0.3">
      <c r="A6480" s="11"/>
      <c r="B6480" s="8"/>
    </row>
    <row r="6481" spans="1:2" x14ac:dyDescent="0.3">
      <c r="A6481" s="11"/>
      <c r="B6481" s="8"/>
    </row>
    <row r="6482" spans="1:2" x14ac:dyDescent="0.3">
      <c r="A6482" s="11"/>
      <c r="B6482" s="8"/>
    </row>
    <row r="6483" spans="1:2" x14ac:dyDescent="0.3">
      <c r="A6483" s="11"/>
      <c r="B6483" s="8"/>
    </row>
    <row r="6484" spans="1:2" x14ac:dyDescent="0.3">
      <c r="A6484" s="11"/>
      <c r="B6484" s="8"/>
    </row>
    <row r="6485" spans="1:2" x14ac:dyDescent="0.3">
      <c r="A6485" s="11"/>
      <c r="B6485" s="8"/>
    </row>
    <row r="6486" spans="1:2" x14ac:dyDescent="0.3">
      <c r="A6486" s="11"/>
      <c r="B6486" s="8"/>
    </row>
    <row r="6487" spans="1:2" x14ac:dyDescent="0.3">
      <c r="A6487" s="11"/>
      <c r="B6487" s="8"/>
    </row>
    <row r="6488" spans="1:2" x14ac:dyDescent="0.3">
      <c r="A6488" s="11"/>
      <c r="B6488" s="8"/>
    </row>
    <row r="6489" spans="1:2" x14ac:dyDescent="0.3">
      <c r="A6489" s="11"/>
      <c r="B6489" s="8"/>
    </row>
    <row r="6490" spans="1:2" x14ac:dyDescent="0.3">
      <c r="A6490" s="11"/>
      <c r="B6490" s="8"/>
    </row>
    <row r="6491" spans="1:2" x14ac:dyDescent="0.3">
      <c r="A6491" s="11"/>
      <c r="B6491" s="8"/>
    </row>
    <row r="6492" spans="1:2" x14ac:dyDescent="0.3">
      <c r="A6492" s="11"/>
      <c r="B6492" s="8"/>
    </row>
    <row r="6493" spans="1:2" x14ac:dyDescent="0.3">
      <c r="A6493" s="11"/>
      <c r="B6493" s="8"/>
    </row>
    <row r="6494" spans="1:2" x14ac:dyDescent="0.3">
      <c r="A6494" s="11"/>
      <c r="B6494" s="8"/>
    </row>
    <row r="6495" spans="1:2" x14ac:dyDescent="0.3">
      <c r="A6495" s="11"/>
      <c r="B6495" s="8"/>
    </row>
    <row r="6496" spans="1:2" x14ac:dyDescent="0.3">
      <c r="A6496" s="11"/>
      <c r="B6496" s="8"/>
    </row>
    <row r="6497" spans="1:2" x14ac:dyDescent="0.3">
      <c r="A6497" s="11"/>
      <c r="B6497" s="8"/>
    </row>
    <row r="6498" spans="1:2" x14ac:dyDescent="0.3">
      <c r="A6498" s="11"/>
      <c r="B6498" s="8"/>
    </row>
    <row r="6499" spans="1:2" x14ac:dyDescent="0.3">
      <c r="A6499" s="11"/>
      <c r="B6499" s="8"/>
    </row>
    <row r="6500" spans="1:2" x14ac:dyDescent="0.3">
      <c r="A6500" s="11"/>
      <c r="B6500" s="8"/>
    </row>
    <row r="6501" spans="1:2" x14ac:dyDescent="0.3">
      <c r="A6501" s="11"/>
      <c r="B6501" s="8"/>
    </row>
    <row r="6502" spans="1:2" x14ac:dyDescent="0.3">
      <c r="A6502" s="11"/>
      <c r="B6502" s="8"/>
    </row>
    <row r="6503" spans="1:2" x14ac:dyDescent="0.3">
      <c r="A6503" s="11"/>
      <c r="B6503" s="8"/>
    </row>
    <row r="6504" spans="1:2" x14ac:dyDescent="0.3">
      <c r="A6504" s="11"/>
      <c r="B6504" s="8"/>
    </row>
    <row r="6505" spans="1:2" x14ac:dyDescent="0.3">
      <c r="A6505" s="11"/>
      <c r="B6505" s="8"/>
    </row>
    <row r="6506" spans="1:2" x14ac:dyDescent="0.3">
      <c r="A6506" s="11"/>
      <c r="B6506" s="8"/>
    </row>
    <row r="6507" spans="1:2" x14ac:dyDescent="0.3">
      <c r="A6507" s="11"/>
      <c r="B6507" s="8"/>
    </row>
    <row r="6508" spans="1:2" x14ac:dyDescent="0.3">
      <c r="A6508" s="11"/>
      <c r="B6508" s="8"/>
    </row>
    <row r="6509" spans="1:2" x14ac:dyDescent="0.3">
      <c r="A6509" s="11"/>
      <c r="B6509" s="8"/>
    </row>
    <row r="6510" spans="1:2" x14ac:dyDescent="0.3">
      <c r="A6510" s="11"/>
      <c r="B6510" s="8"/>
    </row>
    <row r="6511" spans="1:2" x14ac:dyDescent="0.3">
      <c r="A6511" s="11"/>
      <c r="B6511" s="8"/>
    </row>
    <row r="6512" spans="1:2" x14ac:dyDescent="0.3">
      <c r="A6512" s="11"/>
      <c r="B6512" s="8"/>
    </row>
    <row r="6513" spans="1:2" x14ac:dyDescent="0.3">
      <c r="A6513" s="11"/>
      <c r="B6513" s="8"/>
    </row>
    <row r="6514" spans="1:2" x14ac:dyDescent="0.3">
      <c r="A6514" s="11"/>
      <c r="B6514" s="8"/>
    </row>
    <row r="6515" spans="1:2" x14ac:dyDescent="0.3">
      <c r="A6515" s="11"/>
      <c r="B6515" s="8"/>
    </row>
    <row r="6516" spans="1:2" x14ac:dyDescent="0.3">
      <c r="A6516" s="11"/>
      <c r="B6516" s="8"/>
    </row>
    <row r="6517" spans="1:2" x14ac:dyDescent="0.3">
      <c r="A6517" s="11"/>
      <c r="B6517" s="8"/>
    </row>
    <row r="6518" spans="1:2" x14ac:dyDescent="0.3">
      <c r="A6518" s="11"/>
      <c r="B6518" s="8"/>
    </row>
    <row r="6519" spans="1:2" x14ac:dyDescent="0.3">
      <c r="A6519" s="11"/>
      <c r="B6519" s="8"/>
    </row>
    <row r="6520" spans="1:2" x14ac:dyDescent="0.3">
      <c r="A6520" s="11"/>
      <c r="B6520" s="8"/>
    </row>
    <row r="6521" spans="1:2" x14ac:dyDescent="0.3">
      <c r="A6521" s="11"/>
      <c r="B6521" s="8"/>
    </row>
    <row r="6522" spans="1:2" x14ac:dyDescent="0.3">
      <c r="A6522" s="11"/>
      <c r="B6522" s="8"/>
    </row>
    <row r="6523" spans="1:2" x14ac:dyDescent="0.3">
      <c r="A6523" s="11"/>
      <c r="B6523" s="8"/>
    </row>
    <row r="6524" spans="1:2" x14ac:dyDescent="0.3">
      <c r="A6524" s="11"/>
      <c r="B6524" s="8"/>
    </row>
    <row r="6525" spans="1:2" x14ac:dyDescent="0.3">
      <c r="A6525" s="11"/>
      <c r="B6525" s="8"/>
    </row>
    <row r="6526" spans="1:2" x14ac:dyDescent="0.3">
      <c r="A6526" s="11"/>
      <c r="B6526" s="8"/>
    </row>
    <row r="6527" spans="1:2" x14ac:dyDescent="0.3">
      <c r="A6527" s="11"/>
      <c r="B6527" s="8"/>
    </row>
    <row r="6528" spans="1:2" x14ac:dyDescent="0.3">
      <c r="A6528" s="11"/>
      <c r="B6528" s="8"/>
    </row>
    <row r="6529" spans="1:2" x14ac:dyDescent="0.3">
      <c r="A6529" s="11"/>
      <c r="B6529" s="8"/>
    </row>
    <row r="6530" spans="1:2" x14ac:dyDescent="0.3">
      <c r="A6530" s="11"/>
      <c r="B6530" s="8"/>
    </row>
    <row r="6531" spans="1:2" x14ac:dyDescent="0.3">
      <c r="A6531" s="11"/>
      <c r="B6531" s="8"/>
    </row>
    <row r="6532" spans="1:2" x14ac:dyDescent="0.3">
      <c r="A6532" s="11"/>
      <c r="B6532" s="8"/>
    </row>
    <row r="6533" spans="1:2" x14ac:dyDescent="0.3">
      <c r="A6533" s="11"/>
      <c r="B6533" s="8"/>
    </row>
    <row r="6534" spans="1:2" x14ac:dyDescent="0.3">
      <c r="A6534" s="11"/>
      <c r="B6534" s="8"/>
    </row>
    <row r="6535" spans="1:2" x14ac:dyDescent="0.3">
      <c r="A6535" s="11"/>
      <c r="B6535" s="8"/>
    </row>
    <row r="6536" spans="1:2" x14ac:dyDescent="0.3">
      <c r="A6536" s="11"/>
      <c r="B6536" s="8"/>
    </row>
    <row r="6537" spans="1:2" x14ac:dyDescent="0.3">
      <c r="A6537" s="11"/>
      <c r="B6537" s="8"/>
    </row>
    <row r="6538" spans="1:2" x14ac:dyDescent="0.3">
      <c r="A6538" s="11"/>
      <c r="B6538" s="8"/>
    </row>
    <row r="6539" spans="1:2" x14ac:dyDescent="0.3">
      <c r="A6539" s="11"/>
      <c r="B6539" s="8"/>
    </row>
    <row r="6540" spans="1:2" x14ac:dyDescent="0.3">
      <c r="A6540" s="11"/>
      <c r="B6540" s="8"/>
    </row>
    <row r="6541" spans="1:2" x14ac:dyDescent="0.3">
      <c r="A6541" s="11"/>
      <c r="B6541" s="8"/>
    </row>
    <row r="6542" spans="1:2" x14ac:dyDescent="0.3">
      <c r="A6542" s="11"/>
      <c r="B6542" s="8"/>
    </row>
    <row r="6543" spans="1:2" x14ac:dyDescent="0.3">
      <c r="A6543" s="11"/>
      <c r="B6543" s="8"/>
    </row>
    <row r="6544" spans="1:2" x14ac:dyDescent="0.3">
      <c r="A6544" s="11"/>
      <c r="B6544" s="8"/>
    </row>
    <row r="6545" spans="1:2" x14ac:dyDescent="0.3">
      <c r="A6545" s="11"/>
      <c r="B6545" s="8"/>
    </row>
    <row r="6546" spans="1:2" x14ac:dyDescent="0.3">
      <c r="A6546" s="11"/>
      <c r="B6546" s="8"/>
    </row>
    <row r="6547" spans="1:2" x14ac:dyDescent="0.3">
      <c r="A6547" s="11"/>
      <c r="B6547" s="8"/>
    </row>
    <row r="6548" spans="1:2" x14ac:dyDescent="0.3">
      <c r="A6548" s="11"/>
      <c r="B6548" s="8"/>
    </row>
    <row r="6549" spans="1:2" x14ac:dyDescent="0.3">
      <c r="A6549" s="11"/>
      <c r="B6549" s="8"/>
    </row>
    <row r="6550" spans="1:2" x14ac:dyDescent="0.3">
      <c r="A6550" s="11"/>
      <c r="B6550" s="8"/>
    </row>
    <row r="6551" spans="1:2" x14ac:dyDescent="0.3">
      <c r="A6551" s="11"/>
      <c r="B6551" s="8"/>
    </row>
    <row r="6552" spans="1:2" x14ac:dyDescent="0.3">
      <c r="A6552" s="11"/>
      <c r="B6552" s="8"/>
    </row>
    <row r="6553" spans="1:2" x14ac:dyDescent="0.3">
      <c r="A6553" s="11"/>
      <c r="B6553" s="8"/>
    </row>
    <row r="6554" spans="1:2" x14ac:dyDescent="0.3">
      <c r="A6554" s="11"/>
      <c r="B6554" s="8"/>
    </row>
    <row r="6555" spans="1:2" x14ac:dyDescent="0.3">
      <c r="A6555" s="11"/>
      <c r="B6555" s="8"/>
    </row>
    <row r="6556" spans="1:2" x14ac:dyDescent="0.3">
      <c r="A6556" s="11"/>
      <c r="B6556" s="8"/>
    </row>
    <row r="6557" spans="1:2" x14ac:dyDescent="0.3">
      <c r="A6557" s="11"/>
      <c r="B6557" s="8"/>
    </row>
    <row r="6558" spans="1:2" x14ac:dyDescent="0.3">
      <c r="A6558" s="11"/>
      <c r="B6558" s="8"/>
    </row>
    <row r="6559" spans="1:2" x14ac:dyDescent="0.3">
      <c r="A6559" s="11"/>
      <c r="B6559" s="8"/>
    </row>
    <row r="6560" spans="1:2" x14ac:dyDescent="0.3">
      <c r="A6560" s="11"/>
      <c r="B6560" s="8"/>
    </row>
    <row r="6561" spans="1:2" x14ac:dyDescent="0.3">
      <c r="A6561" s="11"/>
      <c r="B6561" s="8"/>
    </row>
    <row r="6562" spans="1:2" x14ac:dyDescent="0.3">
      <c r="A6562" s="11"/>
      <c r="B6562" s="8"/>
    </row>
    <row r="6563" spans="1:2" x14ac:dyDescent="0.3">
      <c r="A6563" s="11"/>
      <c r="B6563" s="8"/>
    </row>
    <row r="6564" spans="1:2" x14ac:dyDescent="0.3">
      <c r="A6564" s="11"/>
      <c r="B6564" s="8"/>
    </row>
    <row r="6565" spans="1:2" x14ac:dyDescent="0.3">
      <c r="A6565" s="11"/>
      <c r="B6565" s="8"/>
    </row>
    <row r="6566" spans="1:2" x14ac:dyDescent="0.3">
      <c r="A6566" s="11"/>
      <c r="B6566" s="8"/>
    </row>
    <row r="6567" spans="1:2" x14ac:dyDescent="0.3">
      <c r="A6567" s="11"/>
      <c r="B6567" s="8"/>
    </row>
    <row r="6568" spans="1:2" x14ac:dyDescent="0.3">
      <c r="A6568" s="11"/>
      <c r="B6568" s="8"/>
    </row>
    <row r="6569" spans="1:2" x14ac:dyDescent="0.3">
      <c r="A6569" s="11"/>
      <c r="B6569" s="8"/>
    </row>
    <row r="6570" spans="1:2" x14ac:dyDescent="0.3">
      <c r="A6570" s="11"/>
      <c r="B6570" s="8"/>
    </row>
    <row r="6571" spans="1:2" x14ac:dyDescent="0.3">
      <c r="A6571" s="11"/>
      <c r="B6571" s="8"/>
    </row>
    <row r="6572" spans="1:2" x14ac:dyDescent="0.3">
      <c r="A6572" s="11"/>
      <c r="B6572" s="8"/>
    </row>
    <row r="6573" spans="1:2" x14ac:dyDescent="0.3">
      <c r="A6573" s="11"/>
      <c r="B6573" s="8"/>
    </row>
    <row r="6574" spans="1:2" x14ac:dyDescent="0.3">
      <c r="A6574" s="11"/>
      <c r="B6574" s="8"/>
    </row>
    <row r="6575" spans="1:2" x14ac:dyDescent="0.3">
      <c r="A6575" s="11"/>
      <c r="B6575" s="8"/>
    </row>
    <row r="6576" spans="1:2" x14ac:dyDescent="0.3">
      <c r="A6576" s="11"/>
      <c r="B6576" s="8"/>
    </row>
    <row r="6577" spans="1:2" x14ac:dyDescent="0.3">
      <c r="A6577" s="11"/>
      <c r="B6577" s="8"/>
    </row>
    <row r="6578" spans="1:2" x14ac:dyDescent="0.3">
      <c r="A6578" s="11"/>
      <c r="B6578" s="8"/>
    </row>
    <row r="6579" spans="1:2" x14ac:dyDescent="0.3">
      <c r="A6579" s="11"/>
      <c r="B6579" s="8"/>
    </row>
    <row r="6580" spans="1:2" x14ac:dyDescent="0.3">
      <c r="A6580" s="11"/>
      <c r="B6580" s="8"/>
    </row>
    <row r="6581" spans="1:2" x14ac:dyDescent="0.3">
      <c r="A6581" s="11"/>
      <c r="B6581" s="8"/>
    </row>
    <row r="6582" spans="1:2" x14ac:dyDescent="0.3">
      <c r="A6582" s="11"/>
      <c r="B6582" s="8"/>
    </row>
    <row r="6583" spans="1:2" x14ac:dyDescent="0.3">
      <c r="A6583" s="11"/>
      <c r="B6583" s="8"/>
    </row>
    <row r="6584" spans="1:2" x14ac:dyDescent="0.3">
      <c r="A6584" s="11"/>
      <c r="B6584" s="8"/>
    </row>
    <row r="6585" spans="1:2" x14ac:dyDescent="0.3">
      <c r="A6585" s="11"/>
      <c r="B6585" s="8"/>
    </row>
    <row r="6586" spans="1:2" x14ac:dyDescent="0.3">
      <c r="A6586" s="11"/>
      <c r="B6586" s="8"/>
    </row>
    <row r="6587" spans="1:2" x14ac:dyDescent="0.3">
      <c r="A6587" s="11"/>
      <c r="B6587" s="8"/>
    </row>
    <row r="6588" spans="1:2" x14ac:dyDescent="0.3">
      <c r="A6588" s="11"/>
      <c r="B6588" s="8"/>
    </row>
    <row r="6589" spans="1:2" x14ac:dyDescent="0.3">
      <c r="A6589" s="11"/>
      <c r="B6589" s="8"/>
    </row>
    <row r="6590" spans="1:2" x14ac:dyDescent="0.3">
      <c r="A6590" s="11"/>
      <c r="B6590" s="8"/>
    </row>
    <row r="6591" spans="1:2" x14ac:dyDescent="0.3">
      <c r="A6591" s="11"/>
      <c r="B6591" s="8"/>
    </row>
    <row r="6592" spans="1:2" x14ac:dyDescent="0.3">
      <c r="A6592" s="11"/>
      <c r="B6592" s="8"/>
    </row>
    <row r="6593" spans="1:2" x14ac:dyDescent="0.3">
      <c r="A6593" s="11"/>
      <c r="B6593" s="8"/>
    </row>
    <row r="6594" spans="1:2" x14ac:dyDescent="0.3">
      <c r="A6594" s="11"/>
      <c r="B6594" s="8"/>
    </row>
    <row r="6595" spans="1:2" x14ac:dyDescent="0.3">
      <c r="A6595" s="11"/>
      <c r="B6595" s="8"/>
    </row>
    <row r="6596" spans="1:2" x14ac:dyDescent="0.3">
      <c r="A6596" s="11"/>
      <c r="B6596" s="8"/>
    </row>
    <row r="6597" spans="1:2" x14ac:dyDescent="0.3">
      <c r="A6597" s="11"/>
      <c r="B6597" s="8"/>
    </row>
    <row r="6598" spans="1:2" x14ac:dyDescent="0.3">
      <c r="A6598" s="11"/>
      <c r="B6598" s="8"/>
    </row>
    <row r="6599" spans="1:2" x14ac:dyDescent="0.3">
      <c r="A6599" s="11"/>
      <c r="B6599" s="8"/>
    </row>
    <row r="6600" spans="1:2" x14ac:dyDescent="0.3">
      <c r="A6600" s="11"/>
      <c r="B6600" s="8"/>
    </row>
    <row r="6601" spans="1:2" x14ac:dyDescent="0.3">
      <c r="A6601" s="11"/>
      <c r="B6601" s="8"/>
    </row>
    <row r="6602" spans="1:2" x14ac:dyDescent="0.3">
      <c r="A6602" s="11"/>
      <c r="B6602" s="8"/>
    </row>
    <row r="6603" spans="1:2" x14ac:dyDescent="0.3">
      <c r="A6603" s="11"/>
      <c r="B6603" s="8"/>
    </row>
    <row r="6604" spans="1:2" x14ac:dyDescent="0.3">
      <c r="A6604" s="11"/>
      <c r="B6604" s="8"/>
    </row>
    <row r="6605" spans="1:2" x14ac:dyDescent="0.3">
      <c r="A6605" s="11"/>
      <c r="B6605" s="8"/>
    </row>
    <row r="6606" spans="1:2" x14ac:dyDescent="0.3">
      <c r="A6606" s="11"/>
      <c r="B6606" s="8"/>
    </row>
    <row r="6607" spans="1:2" x14ac:dyDescent="0.3">
      <c r="A6607" s="11"/>
      <c r="B6607" s="8"/>
    </row>
    <row r="6608" spans="1:2" x14ac:dyDescent="0.3">
      <c r="A6608" s="11"/>
      <c r="B6608" s="8"/>
    </row>
    <row r="6609" spans="1:2" x14ac:dyDescent="0.3">
      <c r="A6609" s="11"/>
      <c r="B6609" s="8"/>
    </row>
    <row r="6610" spans="1:2" x14ac:dyDescent="0.3">
      <c r="A6610" s="11"/>
      <c r="B6610" s="8"/>
    </row>
    <row r="6611" spans="1:2" x14ac:dyDescent="0.3">
      <c r="A6611" s="11"/>
      <c r="B6611" s="8"/>
    </row>
    <row r="6612" spans="1:2" x14ac:dyDescent="0.3">
      <c r="A6612" s="11"/>
      <c r="B6612" s="8"/>
    </row>
    <row r="6613" spans="1:2" x14ac:dyDescent="0.3">
      <c r="A6613" s="11"/>
      <c r="B6613" s="8"/>
    </row>
    <row r="6614" spans="1:2" x14ac:dyDescent="0.3">
      <c r="A6614" s="11"/>
      <c r="B6614" s="8"/>
    </row>
    <row r="6615" spans="1:2" x14ac:dyDescent="0.3">
      <c r="A6615" s="11"/>
      <c r="B6615" s="8"/>
    </row>
    <row r="6616" spans="1:2" x14ac:dyDescent="0.3">
      <c r="A6616" s="11"/>
      <c r="B6616" s="8"/>
    </row>
    <row r="6617" spans="1:2" x14ac:dyDescent="0.3">
      <c r="A6617" s="11"/>
      <c r="B6617" s="8"/>
    </row>
    <row r="6618" spans="1:2" x14ac:dyDescent="0.3">
      <c r="A6618" s="11"/>
      <c r="B6618" s="8"/>
    </row>
    <row r="6619" spans="1:2" x14ac:dyDescent="0.3">
      <c r="A6619" s="11"/>
      <c r="B6619" s="8"/>
    </row>
    <row r="6620" spans="1:2" x14ac:dyDescent="0.3">
      <c r="A6620" s="11"/>
      <c r="B6620" s="8"/>
    </row>
    <row r="6621" spans="1:2" x14ac:dyDescent="0.3">
      <c r="A6621" s="11"/>
      <c r="B6621" s="8"/>
    </row>
    <row r="6622" spans="1:2" x14ac:dyDescent="0.3">
      <c r="A6622" s="11"/>
      <c r="B6622" s="8"/>
    </row>
    <row r="6623" spans="1:2" x14ac:dyDescent="0.3">
      <c r="A6623" s="11"/>
      <c r="B6623" s="8"/>
    </row>
    <row r="6624" spans="1:2" x14ac:dyDescent="0.3">
      <c r="A6624" s="11"/>
      <c r="B6624" s="8"/>
    </row>
    <row r="6625" spans="1:2" x14ac:dyDescent="0.3">
      <c r="A6625" s="11"/>
      <c r="B6625" s="8"/>
    </row>
    <row r="6626" spans="1:2" x14ac:dyDescent="0.3">
      <c r="A6626" s="11"/>
      <c r="B6626" s="8"/>
    </row>
    <row r="6627" spans="1:2" x14ac:dyDescent="0.3">
      <c r="A6627" s="11"/>
      <c r="B6627" s="8"/>
    </row>
    <row r="6628" spans="1:2" x14ac:dyDescent="0.3">
      <c r="A6628" s="11"/>
      <c r="B6628" s="8"/>
    </row>
    <row r="6629" spans="1:2" x14ac:dyDescent="0.3">
      <c r="A6629" s="11"/>
      <c r="B6629" s="8"/>
    </row>
    <row r="6630" spans="1:2" x14ac:dyDescent="0.3">
      <c r="A6630" s="11"/>
      <c r="B6630" s="8"/>
    </row>
    <row r="6631" spans="1:2" x14ac:dyDescent="0.3">
      <c r="A6631" s="11"/>
      <c r="B6631" s="8"/>
    </row>
    <row r="6632" spans="1:2" x14ac:dyDescent="0.3">
      <c r="A6632" s="11"/>
      <c r="B6632" s="8"/>
    </row>
    <row r="6633" spans="1:2" x14ac:dyDescent="0.3">
      <c r="A6633" s="11"/>
      <c r="B6633" s="8"/>
    </row>
    <row r="6634" spans="1:2" x14ac:dyDescent="0.3">
      <c r="A6634" s="11"/>
      <c r="B6634" s="8"/>
    </row>
    <row r="6635" spans="1:2" x14ac:dyDescent="0.3">
      <c r="A6635" s="11"/>
      <c r="B6635" s="8"/>
    </row>
    <row r="6636" spans="1:2" x14ac:dyDescent="0.3">
      <c r="A6636" s="11"/>
      <c r="B6636" s="8"/>
    </row>
    <row r="6637" spans="1:2" x14ac:dyDescent="0.3">
      <c r="A6637" s="11"/>
      <c r="B6637" s="8"/>
    </row>
    <row r="6638" spans="1:2" x14ac:dyDescent="0.3">
      <c r="A6638" s="11"/>
      <c r="B6638" s="8"/>
    </row>
    <row r="6639" spans="1:2" x14ac:dyDescent="0.3">
      <c r="A6639" s="11"/>
      <c r="B6639" s="8"/>
    </row>
    <row r="6640" spans="1:2" x14ac:dyDescent="0.3">
      <c r="A6640" s="11"/>
      <c r="B6640" s="8"/>
    </row>
    <row r="6641" spans="1:2" x14ac:dyDescent="0.3">
      <c r="A6641" s="11"/>
      <c r="B6641" s="8"/>
    </row>
    <row r="6642" spans="1:2" x14ac:dyDescent="0.3">
      <c r="A6642" s="11"/>
      <c r="B6642" s="8"/>
    </row>
    <row r="6643" spans="1:2" x14ac:dyDescent="0.3">
      <c r="A6643" s="11"/>
      <c r="B6643" s="8"/>
    </row>
    <row r="6644" spans="1:2" x14ac:dyDescent="0.3">
      <c r="A6644" s="11"/>
      <c r="B6644" s="8"/>
    </row>
    <row r="6645" spans="1:2" x14ac:dyDescent="0.3">
      <c r="A6645" s="11"/>
      <c r="B6645" s="8"/>
    </row>
    <row r="6646" spans="1:2" x14ac:dyDescent="0.3">
      <c r="A6646" s="11"/>
      <c r="B6646" s="8"/>
    </row>
    <row r="6647" spans="1:2" x14ac:dyDescent="0.3">
      <c r="A6647" s="11"/>
      <c r="B6647" s="8"/>
    </row>
    <row r="6648" spans="1:2" x14ac:dyDescent="0.3">
      <c r="A6648" s="11"/>
      <c r="B6648" s="8"/>
    </row>
    <row r="6649" spans="1:2" x14ac:dyDescent="0.3">
      <c r="A6649" s="11"/>
      <c r="B6649" s="8"/>
    </row>
    <row r="6650" spans="1:2" x14ac:dyDescent="0.3">
      <c r="A6650" s="11"/>
      <c r="B6650" s="8"/>
    </row>
    <row r="6651" spans="1:2" x14ac:dyDescent="0.3">
      <c r="A6651" s="11"/>
      <c r="B6651" s="8"/>
    </row>
    <row r="6652" spans="1:2" x14ac:dyDescent="0.3">
      <c r="A6652" s="11"/>
      <c r="B6652" s="8"/>
    </row>
    <row r="6653" spans="1:2" x14ac:dyDescent="0.3">
      <c r="A6653" s="11"/>
      <c r="B6653" s="8"/>
    </row>
    <row r="6654" spans="1:2" x14ac:dyDescent="0.3">
      <c r="A6654" s="11"/>
      <c r="B6654" s="8"/>
    </row>
    <row r="6655" spans="1:2" x14ac:dyDescent="0.3">
      <c r="A6655" s="11"/>
      <c r="B6655" s="8"/>
    </row>
    <row r="6656" spans="1:2" x14ac:dyDescent="0.3">
      <c r="A6656" s="11"/>
      <c r="B6656" s="8"/>
    </row>
    <row r="6657" spans="1:2" x14ac:dyDescent="0.3">
      <c r="A6657" s="11"/>
      <c r="B6657" s="8"/>
    </row>
    <row r="6658" spans="1:2" x14ac:dyDescent="0.3">
      <c r="A6658" s="11"/>
      <c r="B6658" s="8"/>
    </row>
    <row r="6659" spans="1:2" x14ac:dyDescent="0.3">
      <c r="A6659" s="11"/>
      <c r="B6659" s="8"/>
    </row>
    <row r="6660" spans="1:2" x14ac:dyDescent="0.3">
      <c r="A6660" s="11"/>
      <c r="B6660" s="8"/>
    </row>
    <row r="6661" spans="1:2" x14ac:dyDescent="0.3">
      <c r="A6661" s="11"/>
      <c r="B6661" s="8"/>
    </row>
    <row r="6662" spans="1:2" x14ac:dyDescent="0.3">
      <c r="A6662" s="11"/>
      <c r="B6662" s="8"/>
    </row>
    <row r="6663" spans="1:2" x14ac:dyDescent="0.3">
      <c r="A6663" s="11"/>
      <c r="B6663" s="8"/>
    </row>
    <row r="6664" spans="1:2" x14ac:dyDescent="0.3">
      <c r="A6664" s="11"/>
      <c r="B6664" s="8"/>
    </row>
    <row r="6665" spans="1:2" x14ac:dyDescent="0.3">
      <c r="A6665" s="11"/>
      <c r="B6665" s="8"/>
    </row>
    <row r="6666" spans="1:2" x14ac:dyDescent="0.3">
      <c r="A6666" s="11"/>
      <c r="B6666" s="8"/>
    </row>
    <row r="6667" spans="1:2" x14ac:dyDescent="0.3">
      <c r="A6667" s="11"/>
      <c r="B6667" s="8"/>
    </row>
    <row r="6668" spans="1:2" x14ac:dyDescent="0.3">
      <c r="A6668" s="11"/>
      <c r="B6668" s="8"/>
    </row>
    <row r="6669" spans="1:2" x14ac:dyDescent="0.3">
      <c r="A6669" s="11"/>
      <c r="B6669" s="8"/>
    </row>
    <row r="6670" spans="1:2" x14ac:dyDescent="0.3">
      <c r="A6670" s="11"/>
      <c r="B6670" s="8"/>
    </row>
    <row r="6671" spans="1:2" x14ac:dyDescent="0.3">
      <c r="A6671" s="11"/>
      <c r="B6671" s="8"/>
    </row>
    <row r="6672" spans="1:2" x14ac:dyDescent="0.3">
      <c r="A6672" s="11"/>
      <c r="B6672" s="8"/>
    </row>
    <row r="6673" spans="1:2" x14ac:dyDescent="0.3">
      <c r="A6673" s="11"/>
      <c r="B6673" s="8"/>
    </row>
    <row r="6674" spans="1:2" x14ac:dyDescent="0.3">
      <c r="A6674" s="11"/>
      <c r="B6674" s="8"/>
    </row>
    <row r="6675" spans="1:2" x14ac:dyDescent="0.3">
      <c r="A6675" s="11"/>
      <c r="B6675" s="8"/>
    </row>
    <row r="6676" spans="1:2" x14ac:dyDescent="0.3">
      <c r="A6676" s="11"/>
      <c r="B6676" s="8"/>
    </row>
    <row r="6677" spans="1:2" x14ac:dyDescent="0.3">
      <c r="A6677" s="11"/>
      <c r="B6677" s="8"/>
    </row>
    <row r="6678" spans="1:2" x14ac:dyDescent="0.3">
      <c r="A6678" s="11"/>
      <c r="B6678" s="8"/>
    </row>
    <row r="6679" spans="1:2" x14ac:dyDescent="0.3">
      <c r="A6679" s="11"/>
      <c r="B6679" s="8"/>
    </row>
    <row r="6680" spans="1:2" x14ac:dyDescent="0.3">
      <c r="A6680" s="11"/>
      <c r="B6680" s="8"/>
    </row>
    <row r="6681" spans="1:2" x14ac:dyDescent="0.3">
      <c r="A6681" s="11"/>
      <c r="B6681" s="8"/>
    </row>
    <row r="6682" spans="1:2" x14ac:dyDescent="0.3">
      <c r="A6682" s="11"/>
      <c r="B6682" s="8"/>
    </row>
    <row r="6683" spans="1:2" x14ac:dyDescent="0.3">
      <c r="A6683" s="11"/>
      <c r="B6683" s="8"/>
    </row>
    <row r="6684" spans="1:2" x14ac:dyDescent="0.3">
      <c r="A6684" s="11"/>
      <c r="B6684" s="8"/>
    </row>
    <row r="6685" spans="1:2" x14ac:dyDescent="0.3">
      <c r="A6685" s="11"/>
      <c r="B6685" s="8"/>
    </row>
    <row r="6686" spans="1:2" x14ac:dyDescent="0.3">
      <c r="A6686" s="11"/>
      <c r="B6686" s="8"/>
    </row>
    <row r="6687" spans="1:2" x14ac:dyDescent="0.3">
      <c r="A6687" s="11"/>
      <c r="B6687" s="8"/>
    </row>
    <row r="6688" spans="1:2" x14ac:dyDescent="0.3">
      <c r="A6688" s="11"/>
      <c r="B6688" s="8"/>
    </row>
    <row r="6689" spans="1:2" x14ac:dyDescent="0.3">
      <c r="A6689" s="11"/>
      <c r="B6689" s="8"/>
    </row>
    <row r="6690" spans="1:2" x14ac:dyDescent="0.3">
      <c r="A6690" s="11"/>
      <c r="B6690" s="8"/>
    </row>
    <row r="6691" spans="1:2" x14ac:dyDescent="0.3">
      <c r="A6691" s="11"/>
      <c r="B6691" s="8"/>
    </row>
    <row r="6692" spans="1:2" x14ac:dyDescent="0.3">
      <c r="A6692" s="11"/>
      <c r="B6692" s="8"/>
    </row>
    <row r="6693" spans="1:2" x14ac:dyDescent="0.3">
      <c r="A6693" s="11"/>
      <c r="B6693" s="8"/>
    </row>
    <row r="6694" spans="1:2" x14ac:dyDescent="0.3">
      <c r="A6694" s="11"/>
      <c r="B6694" s="8"/>
    </row>
    <row r="6695" spans="1:2" x14ac:dyDescent="0.3">
      <c r="A6695" s="11"/>
      <c r="B6695" s="8"/>
    </row>
    <row r="6696" spans="1:2" x14ac:dyDescent="0.3">
      <c r="A6696" s="11"/>
      <c r="B6696" s="8"/>
    </row>
    <row r="6697" spans="1:2" x14ac:dyDescent="0.3">
      <c r="A6697" s="11"/>
      <c r="B6697" s="8"/>
    </row>
    <row r="6698" spans="1:2" x14ac:dyDescent="0.3">
      <c r="A6698" s="11"/>
      <c r="B6698" s="8"/>
    </row>
    <row r="6699" spans="1:2" x14ac:dyDescent="0.3">
      <c r="A6699" s="11"/>
      <c r="B6699" s="8"/>
    </row>
    <row r="6700" spans="1:2" x14ac:dyDescent="0.3">
      <c r="A6700" s="11"/>
      <c r="B6700" s="8"/>
    </row>
    <row r="6701" spans="1:2" x14ac:dyDescent="0.3">
      <c r="A6701" s="11"/>
      <c r="B6701" s="8"/>
    </row>
    <row r="6702" spans="1:2" x14ac:dyDescent="0.3">
      <c r="A6702" s="11"/>
      <c r="B6702" s="8"/>
    </row>
    <row r="6703" spans="1:2" x14ac:dyDescent="0.3">
      <c r="A6703" s="11"/>
      <c r="B6703" s="8"/>
    </row>
    <row r="6704" spans="1:2" x14ac:dyDescent="0.3">
      <c r="A6704" s="11"/>
      <c r="B6704" s="8"/>
    </row>
    <row r="6705" spans="1:2" x14ac:dyDescent="0.3">
      <c r="A6705" s="11"/>
      <c r="B6705" s="8"/>
    </row>
    <row r="6706" spans="1:2" x14ac:dyDescent="0.3">
      <c r="A6706" s="11"/>
      <c r="B6706" s="8"/>
    </row>
    <row r="6707" spans="1:2" x14ac:dyDescent="0.3">
      <c r="A6707" s="11"/>
      <c r="B6707" s="8"/>
    </row>
    <row r="6708" spans="1:2" x14ac:dyDescent="0.3">
      <c r="A6708" s="11"/>
      <c r="B6708" s="8"/>
    </row>
    <row r="6709" spans="1:2" x14ac:dyDescent="0.3">
      <c r="A6709" s="11"/>
      <c r="B6709" s="8"/>
    </row>
    <row r="6710" spans="1:2" x14ac:dyDescent="0.3">
      <c r="A6710" s="11"/>
      <c r="B6710" s="8"/>
    </row>
    <row r="6711" spans="1:2" x14ac:dyDescent="0.3">
      <c r="A6711" s="11"/>
      <c r="B6711" s="8"/>
    </row>
    <row r="6712" spans="1:2" x14ac:dyDescent="0.3">
      <c r="A6712" s="11"/>
      <c r="B6712" s="8"/>
    </row>
    <row r="6713" spans="1:2" x14ac:dyDescent="0.3">
      <c r="A6713" s="11"/>
      <c r="B6713" s="8"/>
    </row>
    <row r="6714" spans="1:2" x14ac:dyDescent="0.3">
      <c r="A6714" s="11"/>
      <c r="B6714" s="8"/>
    </row>
    <row r="6715" spans="1:2" x14ac:dyDescent="0.3">
      <c r="A6715" s="11"/>
      <c r="B6715" s="8"/>
    </row>
    <row r="6716" spans="1:2" x14ac:dyDescent="0.3">
      <c r="A6716" s="11"/>
      <c r="B6716" s="8"/>
    </row>
    <row r="6717" spans="1:2" x14ac:dyDescent="0.3">
      <c r="A6717" s="11"/>
      <c r="B6717" s="8"/>
    </row>
    <row r="6718" spans="1:2" x14ac:dyDescent="0.3">
      <c r="A6718" s="11"/>
      <c r="B6718" s="8"/>
    </row>
    <row r="6719" spans="1:2" x14ac:dyDescent="0.3">
      <c r="A6719" s="11"/>
      <c r="B6719" s="8"/>
    </row>
    <row r="6720" spans="1:2" x14ac:dyDescent="0.3">
      <c r="A6720" s="11"/>
      <c r="B6720" s="8"/>
    </row>
    <row r="6721" spans="1:2" x14ac:dyDescent="0.3">
      <c r="A6721" s="11"/>
      <c r="B6721" s="8"/>
    </row>
    <row r="6722" spans="1:2" x14ac:dyDescent="0.3">
      <c r="A6722" s="11"/>
      <c r="B6722" s="8"/>
    </row>
    <row r="6723" spans="1:2" x14ac:dyDescent="0.3">
      <c r="A6723" s="11"/>
      <c r="B6723" s="8"/>
    </row>
    <row r="6724" spans="1:2" x14ac:dyDescent="0.3">
      <c r="A6724" s="11"/>
      <c r="B6724" s="8"/>
    </row>
    <row r="6725" spans="1:2" x14ac:dyDescent="0.3">
      <c r="A6725" s="11"/>
      <c r="B6725" s="8"/>
    </row>
    <row r="6726" spans="1:2" x14ac:dyDescent="0.3">
      <c r="A6726" s="11"/>
      <c r="B6726" s="8"/>
    </row>
    <row r="6727" spans="1:2" x14ac:dyDescent="0.3">
      <c r="A6727" s="11"/>
      <c r="B6727" s="8"/>
    </row>
    <row r="6728" spans="1:2" x14ac:dyDescent="0.3">
      <c r="A6728" s="11"/>
      <c r="B6728" s="8"/>
    </row>
    <row r="6729" spans="1:2" x14ac:dyDescent="0.3">
      <c r="A6729" s="11"/>
      <c r="B6729" s="8"/>
    </row>
    <row r="6730" spans="1:2" x14ac:dyDescent="0.3">
      <c r="A6730" s="11"/>
      <c r="B6730" s="8"/>
    </row>
    <row r="6731" spans="1:2" x14ac:dyDescent="0.3">
      <c r="A6731" s="11"/>
      <c r="B6731" s="8"/>
    </row>
    <row r="6732" spans="1:2" x14ac:dyDescent="0.3">
      <c r="A6732" s="11"/>
      <c r="B6732" s="8"/>
    </row>
    <row r="6733" spans="1:2" x14ac:dyDescent="0.3">
      <c r="A6733" s="11"/>
      <c r="B6733" s="8"/>
    </row>
    <row r="6734" spans="1:2" x14ac:dyDescent="0.3">
      <c r="A6734" s="11"/>
      <c r="B6734" s="8"/>
    </row>
    <row r="6735" spans="1:2" x14ac:dyDescent="0.3">
      <c r="A6735" s="11"/>
      <c r="B6735" s="8"/>
    </row>
    <row r="6736" spans="1:2" x14ac:dyDescent="0.3">
      <c r="A6736" s="11"/>
      <c r="B6736" s="8"/>
    </row>
    <row r="6737" spans="1:2" x14ac:dyDescent="0.3">
      <c r="A6737" s="11"/>
      <c r="B6737" s="8"/>
    </row>
    <row r="6738" spans="1:2" x14ac:dyDescent="0.3">
      <c r="A6738" s="11"/>
      <c r="B6738" s="8"/>
    </row>
    <row r="6739" spans="1:2" x14ac:dyDescent="0.3">
      <c r="A6739" s="11"/>
      <c r="B6739" s="8"/>
    </row>
    <row r="6740" spans="1:2" x14ac:dyDescent="0.3">
      <c r="A6740" s="11"/>
      <c r="B6740" s="8"/>
    </row>
    <row r="6741" spans="1:2" x14ac:dyDescent="0.3">
      <c r="A6741" s="11"/>
      <c r="B6741" s="8"/>
    </row>
    <row r="6742" spans="1:2" x14ac:dyDescent="0.3">
      <c r="A6742" s="11"/>
      <c r="B6742" s="8"/>
    </row>
    <row r="6743" spans="1:2" x14ac:dyDescent="0.3">
      <c r="A6743" s="11"/>
      <c r="B6743" s="8"/>
    </row>
    <row r="6744" spans="1:2" x14ac:dyDescent="0.3">
      <c r="A6744" s="11"/>
      <c r="B6744" s="8"/>
    </row>
    <row r="6745" spans="1:2" x14ac:dyDescent="0.3">
      <c r="A6745" s="11"/>
      <c r="B6745" s="8"/>
    </row>
    <row r="6746" spans="1:2" x14ac:dyDescent="0.3">
      <c r="A6746" s="11"/>
      <c r="B6746" s="8"/>
    </row>
    <row r="6747" spans="1:2" x14ac:dyDescent="0.3">
      <c r="A6747" s="11"/>
      <c r="B6747" s="8"/>
    </row>
    <row r="6748" spans="1:2" x14ac:dyDescent="0.3">
      <c r="A6748" s="11"/>
      <c r="B6748" s="8"/>
    </row>
    <row r="6749" spans="1:2" x14ac:dyDescent="0.3">
      <c r="A6749" s="11"/>
      <c r="B6749" s="8"/>
    </row>
    <row r="6750" spans="1:2" x14ac:dyDescent="0.3">
      <c r="A6750" s="11"/>
      <c r="B6750" s="8"/>
    </row>
    <row r="6751" spans="1:2" x14ac:dyDescent="0.3">
      <c r="A6751" s="11"/>
      <c r="B6751" s="8"/>
    </row>
    <row r="6752" spans="1:2" x14ac:dyDescent="0.3">
      <c r="A6752" s="11"/>
      <c r="B6752" s="8"/>
    </row>
    <row r="6753" spans="1:2" x14ac:dyDescent="0.3">
      <c r="A6753" s="11"/>
      <c r="B6753" s="8"/>
    </row>
    <row r="6754" spans="1:2" x14ac:dyDescent="0.3">
      <c r="A6754" s="11"/>
      <c r="B6754" s="8"/>
    </row>
    <row r="6755" spans="1:2" x14ac:dyDescent="0.3">
      <c r="A6755" s="11"/>
      <c r="B6755" s="8"/>
    </row>
    <row r="6756" spans="1:2" x14ac:dyDescent="0.3">
      <c r="A6756" s="11"/>
      <c r="B6756" s="8"/>
    </row>
    <row r="6757" spans="1:2" x14ac:dyDescent="0.3">
      <c r="A6757" s="11"/>
      <c r="B6757" s="8"/>
    </row>
    <row r="6758" spans="1:2" x14ac:dyDescent="0.3">
      <c r="A6758" s="11"/>
      <c r="B6758" s="8"/>
    </row>
    <row r="6759" spans="1:2" x14ac:dyDescent="0.3">
      <c r="A6759" s="11"/>
      <c r="B6759" s="8"/>
    </row>
    <row r="6760" spans="1:2" x14ac:dyDescent="0.3">
      <c r="A6760" s="11"/>
      <c r="B6760" s="8"/>
    </row>
    <row r="6761" spans="1:2" x14ac:dyDescent="0.3">
      <c r="A6761" s="11"/>
      <c r="B6761" s="8"/>
    </row>
    <row r="6762" spans="1:2" x14ac:dyDescent="0.3">
      <c r="A6762" s="11"/>
      <c r="B6762" s="8"/>
    </row>
    <row r="6763" spans="1:2" x14ac:dyDescent="0.3">
      <c r="A6763" s="11"/>
      <c r="B6763" s="8"/>
    </row>
    <row r="6764" spans="1:2" x14ac:dyDescent="0.3">
      <c r="A6764" s="11"/>
      <c r="B6764" s="8"/>
    </row>
    <row r="6765" spans="1:2" x14ac:dyDescent="0.3">
      <c r="A6765" s="11"/>
      <c r="B6765" s="8"/>
    </row>
    <row r="6766" spans="1:2" x14ac:dyDescent="0.3">
      <c r="A6766" s="11"/>
      <c r="B6766" s="8"/>
    </row>
    <row r="6767" spans="1:2" x14ac:dyDescent="0.3">
      <c r="A6767" s="11"/>
      <c r="B6767" s="8"/>
    </row>
    <row r="6768" spans="1:2" x14ac:dyDescent="0.3">
      <c r="A6768" s="11"/>
      <c r="B6768" s="8"/>
    </row>
    <row r="6769" spans="1:2" x14ac:dyDescent="0.3">
      <c r="A6769" s="11"/>
      <c r="B6769" s="8"/>
    </row>
    <row r="6770" spans="1:2" x14ac:dyDescent="0.3">
      <c r="A6770" s="11"/>
      <c r="B6770" s="8"/>
    </row>
    <row r="6771" spans="1:2" x14ac:dyDescent="0.3">
      <c r="A6771" s="11"/>
      <c r="B6771" s="8"/>
    </row>
    <row r="6772" spans="1:2" x14ac:dyDescent="0.3">
      <c r="A6772" s="11"/>
      <c r="B6772" s="8"/>
    </row>
    <row r="6773" spans="1:2" x14ac:dyDescent="0.3">
      <c r="A6773" s="11"/>
      <c r="B6773" s="8"/>
    </row>
    <row r="6774" spans="1:2" x14ac:dyDescent="0.3">
      <c r="A6774" s="11"/>
      <c r="B6774" s="8"/>
    </row>
    <row r="6775" spans="1:2" x14ac:dyDescent="0.3">
      <c r="A6775" s="11"/>
      <c r="B6775" s="8"/>
    </row>
    <row r="6776" spans="1:2" x14ac:dyDescent="0.3">
      <c r="A6776" s="11"/>
      <c r="B6776" s="8"/>
    </row>
    <row r="6777" spans="1:2" x14ac:dyDescent="0.3">
      <c r="A6777" s="11"/>
      <c r="B6777" s="8"/>
    </row>
    <row r="6778" spans="1:2" x14ac:dyDescent="0.3">
      <c r="A6778" s="11"/>
      <c r="B6778" s="8"/>
    </row>
    <row r="6779" spans="1:2" x14ac:dyDescent="0.3">
      <c r="A6779" s="11"/>
      <c r="B6779" s="8"/>
    </row>
    <row r="6780" spans="1:2" x14ac:dyDescent="0.3">
      <c r="A6780" s="11"/>
      <c r="B6780" s="8"/>
    </row>
    <row r="6781" spans="1:2" x14ac:dyDescent="0.3">
      <c r="A6781" s="11"/>
      <c r="B6781" s="8"/>
    </row>
    <row r="6782" spans="1:2" x14ac:dyDescent="0.3">
      <c r="A6782" s="11"/>
      <c r="B6782" s="8"/>
    </row>
    <row r="6783" spans="1:2" x14ac:dyDescent="0.3">
      <c r="A6783" s="11"/>
      <c r="B6783" s="8"/>
    </row>
    <row r="6784" spans="1:2" x14ac:dyDescent="0.3">
      <c r="A6784" s="11"/>
      <c r="B6784" s="8"/>
    </row>
    <row r="6785" spans="1:2" x14ac:dyDescent="0.3">
      <c r="A6785" s="11"/>
      <c r="B6785" s="8"/>
    </row>
    <row r="6786" spans="1:2" x14ac:dyDescent="0.3">
      <c r="A6786" s="11"/>
      <c r="B6786" s="8"/>
    </row>
    <row r="6787" spans="1:2" x14ac:dyDescent="0.3">
      <c r="A6787" s="11"/>
      <c r="B6787" s="8"/>
    </row>
    <row r="6788" spans="1:2" x14ac:dyDescent="0.3">
      <c r="A6788" s="11"/>
      <c r="B6788" s="8"/>
    </row>
    <row r="6789" spans="1:2" x14ac:dyDescent="0.3">
      <c r="A6789" s="11"/>
      <c r="B6789" s="8"/>
    </row>
    <row r="6790" spans="1:2" x14ac:dyDescent="0.3">
      <c r="A6790" s="11"/>
      <c r="B6790" s="8"/>
    </row>
    <row r="6791" spans="1:2" x14ac:dyDescent="0.3">
      <c r="A6791" s="11"/>
      <c r="B6791" s="8"/>
    </row>
    <row r="6792" spans="1:2" x14ac:dyDescent="0.3">
      <c r="A6792" s="11"/>
      <c r="B6792" s="8"/>
    </row>
    <row r="6793" spans="1:2" x14ac:dyDescent="0.3">
      <c r="A6793" s="11"/>
      <c r="B6793" s="8"/>
    </row>
    <row r="6794" spans="1:2" x14ac:dyDescent="0.3">
      <c r="A6794" s="11"/>
      <c r="B6794" s="8"/>
    </row>
    <row r="6795" spans="1:2" x14ac:dyDescent="0.3">
      <c r="A6795" s="11"/>
      <c r="B6795" s="8"/>
    </row>
    <row r="6796" spans="1:2" x14ac:dyDescent="0.3">
      <c r="A6796" s="11"/>
      <c r="B6796" s="8"/>
    </row>
    <row r="6797" spans="1:2" x14ac:dyDescent="0.3">
      <c r="A6797" s="11"/>
      <c r="B6797" s="8"/>
    </row>
    <row r="6798" spans="1:2" x14ac:dyDescent="0.3">
      <c r="A6798" s="11"/>
      <c r="B6798" s="8"/>
    </row>
    <row r="6799" spans="1:2" x14ac:dyDescent="0.3">
      <c r="A6799" s="11"/>
      <c r="B6799" s="8"/>
    </row>
    <row r="6800" spans="1:2" x14ac:dyDescent="0.3">
      <c r="A6800" s="11"/>
      <c r="B6800" s="8"/>
    </row>
    <row r="6801" spans="1:2" x14ac:dyDescent="0.3">
      <c r="A6801" s="11"/>
      <c r="B6801" s="8"/>
    </row>
    <row r="6802" spans="1:2" x14ac:dyDescent="0.3">
      <c r="A6802" s="11"/>
      <c r="B6802" s="8"/>
    </row>
    <row r="6803" spans="1:2" x14ac:dyDescent="0.3">
      <c r="A6803" s="11"/>
      <c r="B6803" s="8"/>
    </row>
    <row r="6804" spans="1:2" x14ac:dyDescent="0.3">
      <c r="A6804" s="11"/>
      <c r="B6804" s="8"/>
    </row>
    <row r="6805" spans="1:2" x14ac:dyDescent="0.3">
      <c r="A6805" s="11"/>
      <c r="B6805" s="8"/>
    </row>
    <row r="6806" spans="1:2" x14ac:dyDescent="0.3">
      <c r="A6806" s="11"/>
      <c r="B6806" s="8"/>
    </row>
    <row r="6807" spans="1:2" x14ac:dyDescent="0.3">
      <c r="A6807" s="11"/>
      <c r="B6807" s="8"/>
    </row>
    <row r="6808" spans="1:2" x14ac:dyDescent="0.3">
      <c r="A6808" s="11"/>
      <c r="B6808" s="8"/>
    </row>
    <row r="6809" spans="1:2" x14ac:dyDescent="0.3">
      <c r="A6809" s="11"/>
      <c r="B6809" s="8"/>
    </row>
    <row r="6810" spans="1:2" x14ac:dyDescent="0.3">
      <c r="A6810" s="11"/>
      <c r="B6810" s="8"/>
    </row>
    <row r="6811" spans="1:2" x14ac:dyDescent="0.3">
      <c r="A6811" s="11"/>
      <c r="B6811" s="8"/>
    </row>
    <row r="6812" spans="1:2" x14ac:dyDescent="0.3">
      <c r="A6812" s="11"/>
      <c r="B6812" s="8"/>
    </row>
    <row r="6813" spans="1:2" x14ac:dyDescent="0.3">
      <c r="A6813" s="11"/>
      <c r="B6813" s="8"/>
    </row>
    <row r="6814" spans="1:2" x14ac:dyDescent="0.3">
      <c r="A6814" s="11"/>
      <c r="B6814" s="8"/>
    </row>
    <row r="6815" spans="1:2" x14ac:dyDescent="0.3">
      <c r="A6815" s="11"/>
      <c r="B6815" s="8"/>
    </row>
    <row r="6816" spans="1:2" x14ac:dyDescent="0.3">
      <c r="A6816" s="11"/>
      <c r="B6816" s="8"/>
    </row>
    <row r="6817" spans="1:2" x14ac:dyDescent="0.3">
      <c r="A6817" s="11"/>
      <c r="B6817" s="8"/>
    </row>
    <row r="6818" spans="1:2" x14ac:dyDescent="0.3">
      <c r="A6818" s="11"/>
      <c r="B6818" s="8"/>
    </row>
    <row r="6819" spans="1:2" x14ac:dyDescent="0.3">
      <c r="A6819" s="11"/>
      <c r="B6819" s="8"/>
    </row>
    <row r="6820" spans="1:2" x14ac:dyDescent="0.3">
      <c r="A6820" s="11"/>
      <c r="B6820" s="8"/>
    </row>
    <row r="6821" spans="1:2" x14ac:dyDescent="0.3">
      <c r="A6821" s="11"/>
      <c r="B6821" s="8"/>
    </row>
    <row r="6822" spans="1:2" x14ac:dyDescent="0.3">
      <c r="A6822" s="11"/>
      <c r="B6822" s="8"/>
    </row>
    <row r="6823" spans="1:2" x14ac:dyDescent="0.3">
      <c r="A6823" s="11"/>
      <c r="B6823" s="8"/>
    </row>
    <row r="6824" spans="1:2" x14ac:dyDescent="0.3">
      <c r="A6824" s="11"/>
      <c r="B6824" s="8"/>
    </row>
    <row r="6825" spans="1:2" x14ac:dyDescent="0.3">
      <c r="A6825" s="11"/>
      <c r="B6825" s="8"/>
    </row>
    <row r="6826" spans="1:2" x14ac:dyDescent="0.3">
      <c r="A6826" s="11"/>
      <c r="B6826" s="8"/>
    </row>
    <row r="6827" spans="1:2" x14ac:dyDescent="0.3">
      <c r="A6827" s="11"/>
      <c r="B6827" s="8"/>
    </row>
    <row r="6828" spans="1:2" x14ac:dyDescent="0.3">
      <c r="A6828" s="11"/>
      <c r="B6828" s="8"/>
    </row>
    <row r="6829" spans="1:2" x14ac:dyDescent="0.3">
      <c r="A6829" s="11"/>
      <c r="B6829" s="8"/>
    </row>
    <row r="6830" spans="1:2" x14ac:dyDescent="0.3">
      <c r="A6830" s="11"/>
      <c r="B6830" s="8"/>
    </row>
    <row r="6831" spans="1:2" x14ac:dyDescent="0.3">
      <c r="A6831" s="11"/>
      <c r="B6831" s="8"/>
    </row>
    <row r="6832" spans="1:2" x14ac:dyDescent="0.3">
      <c r="A6832" s="11"/>
      <c r="B6832" s="8"/>
    </row>
    <row r="6833" spans="1:2" x14ac:dyDescent="0.3">
      <c r="A6833" s="11"/>
      <c r="B6833" s="8"/>
    </row>
    <row r="6834" spans="1:2" x14ac:dyDescent="0.3">
      <c r="A6834" s="11"/>
      <c r="B6834" s="8"/>
    </row>
    <row r="6835" spans="1:2" x14ac:dyDescent="0.3">
      <c r="A6835" s="11"/>
      <c r="B6835" s="8"/>
    </row>
    <row r="6836" spans="1:2" x14ac:dyDescent="0.3">
      <c r="A6836" s="11"/>
      <c r="B6836" s="8"/>
    </row>
    <row r="6837" spans="1:2" x14ac:dyDescent="0.3">
      <c r="A6837" s="11"/>
      <c r="B6837" s="8"/>
    </row>
    <row r="6838" spans="1:2" x14ac:dyDescent="0.3">
      <c r="A6838" s="11"/>
      <c r="B6838" s="8"/>
    </row>
    <row r="6839" spans="1:2" x14ac:dyDescent="0.3">
      <c r="A6839" s="11"/>
      <c r="B6839" s="8"/>
    </row>
    <row r="6840" spans="1:2" x14ac:dyDescent="0.3">
      <c r="A6840" s="11"/>
      <c r="B6840" s="8"/>
    </row>
    <row r="6841" spans="1:2" x14ac:dyDescent="0.3">
      <c r="A6841" s="11"/>
      <c r="B6841" s="8"/>
    </row>
    <row r="6842" spans="1:2" x14ac:dyDescent="0.3">
      <c r="A6842" s="11"/>
      <c r="B6842" s="8"/>
    </row>
    <row r="6843" spans="1:2" x14ac:dyDescent="0.3">
      <c r="A6843" s="11"/>
      <c r="B6843" s="8"/>
    </row>
    <row r="6844" spans="1:2" x14ac:dyDescent="0.3">
      <c r="A6844" s="11"/>
      <c r="B6844" s="8"/>
    </row>
    <row r="6845" spans="1:2" x14ac:dyDescent="0.3">
      <c r="A6845" s="11"/>
      <c r="B6845" s="8"/>
    </row>
    <row r="6846" spans="1:2" x14ac:dyDescent="0.3">
      <c r="A6846" s="11"/>
      <c r="B6846" s="8"/>
    </row>
    <row r="6847" spans="1:2" x14ac:dyDescent="0.3">
      <c r="A6847" s="11"/>
      <c r="B6847" s="8"/>
    </row>
    <row r="6848" spans="1:2" x14ac:dyDescent="0.3">
      <c r="A6848" s="11"/>
      <c r="B6848" s="8"/>
    </row>
    <row r="6849" spans="1:2" x14ac:dyDescent="0.3">
      <c r="A6849" s="11"/>
      <c r="B6849" s="8"/>
    </row>
    <row r="6850" spans="1:2" x14ac:dyDescent="0.3">
      <c r="A6850" s="11"/>
      <c r="B6850" s="8"/>
    </row>
    <row r="6851" spans="1:2" x14ac:dyDescent="0.3">
      <c r="A6851" s="11"/>
      <c r="B6851" s="8"/>
    </row>
    <row r="6852" spans="1:2" x14ac:dyDescent="0.3">
      <c r="A6852" s="11"/>
      <c r="B6852" s="8"/>
    </row>
    <row r="6853" spans="1:2" x14ac:dyDescent="0.3">
      <c r="A6853" s="11"/>
      <c r="B6853" s="8"/>
    </row>
    <row r="6854" spans="1:2" x14ac:dyDescent="0.3">
      <c r="A6854" s="11"/>
      <c r="B6854" s="8"/>
    </row>
    <row r="6855" spans="1:2" x14ac:dyDescent="0.3">
      <c r="A6855" s="11"/>
      <c r="B6855" s="8"/>
    </row>
    <row r="6856" spans="1:2" x14ac:dyDescent="0.3">
      <c r="A6856" s="11"/>
      <c r="B6856" s="8"/>
    </row>
    <row r="6857" spans="1:2" x14ac:dyDescent="0.3">
      <c r="A6857" s="11"/>
      <c r="B6857" s="8"/>
    </row>
    <row r="6858" spans="1:2" x14ac:dyDescent="0.3">
      <c r="A6858" s="11"/>
      <c r="B6858" s="8"/>
    </row>
    <row r="6859" spans="1:2" x14ac:dyDescent="0.3">
      <c r="A6859" s="11"/>
      <c r="B6859" s="8"/>
    </row>
    <row r="6860" spans="1:2" x14ac:dyDescent="0.3">
      <c r="A6860" s="11"/>
      <c r="B6860" s="8"/>
    </row>
    <row r="6861" spans="1:2" x14ac:dyDescent="0.3">
      <c r="A6861" s="11"/>
      <c r="B6861" s="8"/>
    </row>
    <row r="6862" spans="1:2" x14ac:dyDescent="0.3">
      <c r="A6862" s="11"/>
      <c r="B6862" s="8"/>
    </row>
    <row r="6863" spans="1:2" x14ac:dyDescent="0.3">
      <c r="A6863" s="11"/>
      <c r="B6863" s="8"/>
    </row>
    <row r="6864" spans="1:2" x14ac:dyDescent="0.3">
      <c r="A6864" s="11"/>
      <c r="B6864" s="8"/>
    </row>
    <row r="6865" spans="1:2" x14ac:dyDescent="0.3">
      <c r="A6865" s="11"/>
      <c r="B6865" s="8"/>
    </row>
    <row r="6866" spans="1:2" x14ac:dyDescent="0.3">
      <c r="A6866" s="11"/>
      <c r="B6866" s="8"/>
    </row>
    <row r="6867" spans="1:2" x14ac:dyDescent="0.3">
      <c r="A6867" s="11"/>
      <c r="B6867" s="8"/>
    </row>
    <row r="6868" spans="1:2" x14ac:dyDescent="0.3">
      <c r="A6868" s="11"/>
      <c r="B6868" s="8"/>
    </row>
    <row r="6869" spans="1:2" x14ac:dyDescent="0.3">
      <c r="A6869" s="11"/>
      <c r="B6869" s="8"/>
    </row>
    <row r="6870" spans="1:2" x14ac:dyDescent="0.3">
      <c r="A6870" s="11"/>
      <c r="B6870" s="8"/>
    </row>
    <row r="6871" spans="1:2" x14ac:dyDescent="0.3">
      <c r="A6871" s="11"/>
      <c r="B6871" s="8"/>
    </row>
    <row r="6872" spans="1:2" x14ac:dyDescent="0.3">
      <c r="A6872" s="11"/>
      <c r="B6872" s="8"/>
    </row>
    <row r="6873" spans="1:2" x14ac:dyDescent="0.3">
      <c r="A6873" s="11"/>
      <c r="B6873" s="8"/>
    </row>
    <row r="6874" spans="1:2" x14ac:dyDescent="0.3">
      <c r="A6874" s="11"/>
      <c r="B6874" s="8"/>
    </row>
    <row r="6875" spans="1:2" x14ac:dyDescent="0.3">
      <c r="A6875" s="11"/>
      <c r="B6875" s="8"/>
    </row>
    <row r="6876" spans="1:2" x14ac:dyDescent="0.3">
      <c r="A6876" s="11"/>
      <c r="B6876" s="8"/>
    </row>
    <row r="6877" spans="1:2" x14ac:dyDescent="0.3">
      <c r="A6877" s="11"/>
      <c r="B6877" s="8"/>
    </row>
    <row r="6878" spans="1:2" x14ac:dyDescent="0.3">
      <c r="A6878" s="11"/>
      <c r="B6878" s="8"/>
    </row>
    <row r="6879" spans="1:2" x14ac:dyDescent="0.3">
      <c r="A6879" s="11"/>
      <c r="B6879" s="8"/>
    </row>
    <row r="6880" spans="1:2" x14ac:dyDescent="0.3">
      <c r="A6880" s="11"/>
      <c r="B6880" s="8"/>
    </row>
    <row r="6881" spans="1:2" x14ac:dyDescent="0.3">
      <c r="A6881" s="11"/>
      <c r="B6881" s="8"/>
    </row>
    <row r="6882" spans="1:2" x14ac:dyDescent="0.3">
      <c r="A6882" s="11"/>
      <c r="B6882" s="8"/>
    </row>
    <row r="6883" spans="1:2" x14ac:dyDescent="0.3">
      <c r="A6883" s="11"/>
      <c r="B6883" s="8"/>
    </row>
    <row r="6884" spans="1:2" x14ac:dyDescent="0.3">
      <c r="A6884" s="11"/>
      <c r="B6884" s="8"/>
    </row>
    <row r="6885" spans="1:2" x14ac:dyDescent="0.3">
      <c r="A6885" s="11"/>
      <c r="B6885" s="8"/>
    </row>
    <row r="6886" spans="1:2" x14ac:dyDescent="0.3">
      <c r="A6886" s="11"/>
      <c r="B6886" s="8"/>
    </row>
    <row r="6887" spans="1:2" x14ac:dyDescent="0.3">
      <c r="A6887" s="11"/>
      <c r="B6887" s="8"/>
    </row>
    <row r="6888" spans="1:2" x14ac:dyDescent="0.3">
      <c r="A6888" s="11"/>
      <c r="B6888" s="8"/>
    </row>
    <row r="6889" spans="1:2" x14ac:dyDescent="0.3">
      <c r="A6889" s="11"/>
      <c r="B6889" s="8"/>
    </row>
    <row r="6890" spans="1:2" x14ac:dyDescent="0.3">
      <c r="A6890" s="11"/>
      <c r="B6890" s="8"/>
    </row>
    <row r="6891" spans="1:2" x14ac:dyDescent="0.3">
      <c r="A6891" s="11"/>
      <c r="B6891" s="8"/>
    </row>
    <row r="6892" spans="1:2" x14ac:dyDescent="0.3">
      <c r="A6892" s="11"/>
      <c r="B6892" s="8"/>
    </row>
    <row r="6893" spans="1:2" x14ac:dyDescent="0.3">
      <c r="A6893" s="11"/>
      <c r="B6893" s="8"/>
    </row>
    <row r="6894" spans="1:2" x14ac:dyDescent="0.3">
      <c r="A6894" s="11"/>
      <c r="B6894" s="8"/>
    </row>
    <row r="6895" spans="1:2" x14ac:dyDescent="0.3">
      <c r="A6895" s="11"/>
      <c r="B6895" s="8"/>
    </row>
    <row r="6896" spans="1:2" x14ac:dyDescent="0.3">
      <c r="A6896" s="11"/>
      <c r="B6896" s="8"/>
    </row>
    <row r="6897" spans="1:2" x14ac:dyDescent="0.3">
      <c r="A6897" s="11"/>
      <c r="B6897" s="8"/>
    </row>
    <row r="6898" spans="1:2" x14ac:dyDescent="0.3">
      <c r="A6898" s="11"/>
      <c r="B6898" s="8"/>
    </row>
    <row r="6899" spans="1:2" x14ac:dyDescent="0.3">
      <c r="A6899" s="11"/>
      <c r="B6899" s="8"/>
    </row>
    <row r="6900" spans="1:2" x14ac:dyDescent="0.3">
      <c r="A6900" s="11"/>
      <c r="B6900" s="8"/>
    </row>
    <row r="6901" spans="1:2" x14ac:dyDescent="0.3">
      <c r="A6901" s="11"/>
      <c r="B6901" s="8"/>
    </row>
    <row r="6902" spans="1:2" x14ac:dyDescent="0.3">
      <c r="A6902" s="11"/>
      <c r="B6902" s="8"/>
    </row>
    <row r="6903" spans="1:2" x14ac:dyDescent="0.3">
      <c r="A6903" s="11"/>
      <c r="B6903" s="8"/>
    </row>
    <row r="6904" spans="1:2" x14ac:dyDescent="0.3">
      <c r="A6904" s="11"/>
      <c r="B6904" s="8"/>
    </row>
    <row r="6905" spans="1:2" x14ac:dyDescent="0.3">
      <c r="A6905" s="11"/>
      <c r="B6905" s="8"/>
    </row>
    <row r="6906" spans="1:2" x14ac:dyDescent="0.3">
      <c r="A6906" s="11"/>
      <c r="B6906" s="8"/>
    </row>
    <row r="6907" spans="1:2" x14ac:dyDescent="0.3">
      <c r="A6907" s="11"/>
      <c r="B6907" s="8"/>
    </row>
    <row r="6908" spans="1:2" x14ac:dyDescent="0.3">
      <c r="A6908" s="11"/>
      <c r="B6908" s="8"/>
    </row>
    <row r="6909" spans="1:2" x14ac:dyDescent="0.3">
      <c r="A6909" s="11"/>
      <c r="B6909" s="8"/>
    </row>
    <row r="6910" spans="1:2" x14ac:dyDescent="0.3">
      <c r="A6910" s="11"/>
      <c r="B6910" s="8"/>
    </row>
    <row r="6911" spans="1:2" x14ac:dyDescent="0.3">
      <c r="A6911" s="11"/>
      <c r="B6911" s="8"/>
    </row>
    <row r="6912" spans="1:2" x14ac:dyDescent="0.3">
      <c r="A6912" s="11"/>
      <c r="B6912" s="8"/>
    </row>
    <row r="6913" spans="1:2" x14ac:dyDescent="0.3">
      <c r="A6913" s="11"/>
      <c r="B6913" s="8"/>
    </row>
    <row r="6914" spans="1:2" x14ac:dyDescent="0.3">
      <c r="A6914" s="11"/>
      <c r="B6914" s="8"/>
    </row>
    <row r="6915" spans="1:2" x14ac:dyDescent="0.3">
      <c r="A6915" s="11"/>
      <c r="B6915" s="8"/>
    </row>
    <row r="6916" spans="1:2" x14ac:dyDescent="0.3">
      <c r="A6916" s="11"/>
      <c r="B6916" s="8"/>
    </row>
    <row r="6917" spans="1:2" x14ac:dyDescent="0.3">
      <c r="A6917" s="11"/>
      <c r="B6917" s="8"/>
    </row>
    <row r="6918" spans="1:2" x14ac:dyDescent="0.3">
      <c r="A6918" s="11"/>
      <c r="B6918" s="8"/>
    </row>
    <row r="6919" spans="1:2" x14ac:dyDescent="0.3">
      <c r="A6919" s="11"/>
      <c r="B6919" s="8"/>
    </row>
    <row r="6920" spans="1:2" x14ac:dyDescent="0.3">
      <c r="A6920" s="11"/>
      <c r="B6920" s="8"/>
    </row>
    <row r="6921" spans="1:2" x14ac:dyDescent="0.3">
      <c r="A6921" s="11"/>
      <c r="B6921" s="8"/>
    </row>
    <row r="6922" spans="1:2" x14ac:dyDescent="0.3">
      <c r="A6922" s="11"/>
      <c r="B6922" s="8"/>
    </row>
    <row r="6923" spans="1:2" x14ac:dyDescent="0.3">
      <c r="A6923" s="11"/>
      <c r="B6923" s="8"/>
    </row>
    <row r="6924" spans="1:2" x14ac:dyDescent="0.3">
      <c r="A6924" s="11"/>
      <c r="B6924" s="8"/>
    </row>
    <row r="6925" spans="1:2" x14ac:dyDescent="0.3">
      <c r="A6925" s="11"/>
      <c r="B6925" s="8"/>
    </row>
    <row r="6926" spans="1:2" x14ac:dyDescent="0.3">
      <c r="A6926" s="11"/>
      <c r="B6926" s="8"/>
    </row>
    <row r="6927" spans="1:2" x14ac:dyDescent="0.3">
      <c r="A6927" s="11"/>
      <c r="B6927" s="8"/>
    </row>
    <row r="6928" spans="1:2" x14ac:dyDescent="0.3">
      <c r="A6928" s="11"/>
      <c r="B6928" s="8"/>
    </row>
    <row r="6929" spans="1:2" x14ac:dyDescent="0.3">
      <c r="A6929" s="11"/>
      <c r="B6929" s="8"/>
    </row>
    <row r="6930" spans="1:2" x14ac:dyDescent="0.3">
      <c r="A6930" s="11"/>
      <c r="B6930" s="8"/>
    </row>
    <row r="6931" spans="1:2" x14ac:dyDescent="0.3">
      <c r="A6931" s="11"/>
      <c r="B6931" s="8"/>
    </row>
    <row r="6932" spans="1:2" x14ac:dyDescent="0.3">
      <c r="A6932" s="11"/>
      <c r="B6932" s="8"/>
    </row>
    <row r="6933" spans="1:2" x14ac:dyDescent="0.3">
      <c r="A6933" s="11"/>
      <c r="B6933" s="8"/>
    </row>
    <row r="6934" spans="1:2" x14ac:dyDescent="0.3">
      <c r="A6934" s="11"/>
      <c r="B6934" s="8"/>
    </row>
    <row r="6935" spans="1:2" x14ac:dyDescent="0.3">
      <c r="A6935" s="11"/>
      <c r="B6935" s="8"/>
    </row>
    <row r="6936" spans="1:2" x14ac:dyDescent="0.3">
      <c r="A6936" s="11"/>
      <c r="B6936" s="8"/>
    </row>
    <row r="6937" spans="1:2" x14ac:dyDescent="0.3">
      <c r="A6937" s="11"/>
      <c r="B6937" s="8"/>
    </row>
    <row r="6938" spans="1:2" x14ac:dyDescent="0.3">
      <c r="A6938" s="11"/>
      <c r="B6938" s="8"/>
    </row>
    <row r="6939" spans="1:2" x14ac:dyDescent="0.3">
      <c r="A6939" s="11"/>
      <c r="B6939" s="8"/>
    </row>
    <row r="6940" spans="1:2" x14ac:dyDescent="0.3">
      <c r="A6940" s="11"/>
      <c r="B6940" s="8"/>
    </row>
    <row r="6941" spans="1:2" x14ac:dyDescent="0.3">
      <c r="A6941" s="11"/>
      <c r="B6941" s="8"/>
    </row>
    <row r="6942" spans="1:2" x14ac:dyDescent="0.3">
      <c r="A6942" s="11"/>
      <c r="B6942" s="8"/>
    </row>
    <row r="6943" spans="1:2" x14ac:dyDescent="0.3">
      <c r="A6943" s="11"/>
      <c r="B6943" s="8"/>
    </row>
    <row r="6944" spans="1:2" x14ac:dyDescent="0.3">
      <c r="A6944" s="11"/>
      <c r="B6944" s="8"/>
    </row>
    <row r="6945" spans="1:2" x14ac:dyDescent="0.3">
      <c r="A6945" s="11"/>
      <c r="B6945" s="8"/>
    </row>
    <row r="6946" spans="1:2" x14ac:dyDescent="0.3">
      <c r="A6946" s="11"/>
      <c r="B6946" s="8"/>
    </row>
    <row r="6947" spans="1:2" x14ac:dyDescent="0.3">
      <c r="A6947" s="11"/>
      <c r="B6947" s="8"/>
    </row>
    <row r="6948" spans="1:2" x14ac:dyDescent="0.3">
      <c r="A6948" s="11"/>
      <c r="B6948" s="8"/>
    </row>
    <row r="6949" spans="1:2" x14ac:dyDescent="0.3">
      <c r="A6949" s="11"/>
      <c r="B6949" s="8"/>
    </row>
    <row r="6950" spans="1:2" x14ac:dyDescent="0.3">
      <c r="A6950" s="11"/>
      <c r="B6950" s="8"/>
    </row>
    <row r="6951" spans="1:2" x14ac:dyDescent="0.3">
      <c r="A6951" s="11"/>
      <c r="B6951" s="8"/>
    </row>
    <row r="6952" spans="1:2" x14ac:dyDescent="0.3">
      <c r="A6952" s="11"/>
      <c r="B6952" s="8"/>
    </row>
    <row r="6953" spans="1:2" x14ac:dyDescent="0.3">
      <c r="A6953" s="11"/>
      <c r="B6953" s="8"/>
    </row>
    <row r="6954" spans="1:2" x14ac:dyDescent="0.3">
      <c r="A6954" s="11"/>
      <c r="B6954" s="8"/>
    </row>
    <row r="6955" spans="1:2" x14ac:dyDescent="0.3">
      <c r="A6955" s="11"/>
      <c r="B6955" s="8"/>
    </row>
    <row r="6956" spans="1:2" x14ac:dyDescent="0.3">
      <c r="A6956" s="11"/>
      <c r="B6956" s="8"/>
    </row>
    <row r="6957" spans="1:2" x14ac:dyDescent="0.3">
      <c r="A6957" s="11"/>
      <c r="B6957" s="8"/>
    </row>
    <row r="6958" spans="1:2" x14ac:dyDescent="0.3">
      <c r="A6958" s="11"/>
      <c r="B6958" s="8"/>
    </row>
    <row r="6959" spans="1:2" x14ac:dyDescent="0.3">
      <c r="A6959" s="11"/>
      <c r="B6959" s="8"/>
    </row>
    <row r="6960" spans="1:2" x14ac:dyDescent="0.3">
      <c r="A6960" s="11"/>
      <c r="B6960" s="8"/>
    </row>
    <row r="6961" spans="1:2" x14ac:dyDescent="0.3">
      <c r="A6961" s="11"/>
      <c r="B6961" s="8"/>
    </row>
    <row r="6962" spans="1:2" x14ac:dyDescent="0.3">
      <c r="A6962" s="11"/>
      <c r="B6962" s="8"/>
    </row>
    <row r="6963" spans="1:2" x14ac:dyDescent="0.3">
      <c r="A6963" s="11"/>
      <c r="B6963" s="8"/>
    </row>
    <row r="6964" spans="1:2" x14ac:dyDescent="0.3">
      <c r="A6964" s="11"/>
      <c r="B6964" s="8"/>
    </row>
    <row r="6965" spans="1:2" x14ac:dyDescent="0.3">
      <c r="A6965" s="11"/>
      <c r="B6965" s="8"/>
    </row>
    <row r="6966" spans="1:2" x14ac:dyDescent="0.3">
      <c r="A6966" s="11"/>
      <c r="B6966" s="8"/>
    </row>
    <row r="6967" spans="1:2" x14ac:dyDescent="0.3">
      <c r="A6967" s="11"/>
      <c r="B6967" s="8"/>
    </row>
    <row r="6968" spans="1:2" x14ac:dyDescent="0.3">
      <c r="A6968" s="11"/>
      <c r="B6968" s="8"/>
    </row>
    <row r="6969" spans="1:2" x14ac:dyDescent="0.3">
      <c r="A6969" s="11"/>
      <c r="B6969" s="8"/>
    </row>
    <row r="6970" spans="1:2" x14ac:dyDescent="0.3">
      <c r="A6970" s="11"/>
      <c r="B6970" s="8"/>
    </row>
    <row r="6971" spans="1:2" x14ac:dyDescent="0.3">
      <c r="A6971" s="11"/>
      <c r="B6971" s="8"/>
    </row>
    <row r="6972" spans="1:2" x14ac:dyDescent="0.3">
      <c r="A6972" s="11"/>
      <c r="B6972" s="8"/>
    </row>
    <row r="6973" spans="1:2" x14ac:dyDescent="0.3">
      <c r="A6973" s="11"/>
      <c r="B6973" s="8"/>
    </row>
    <row r="6974" spans="1:2" x14ac:dyDescent="0.3">
      <c r="A6974" s="11"/>
      <c r="B6974" s="8"/>
    </row>
    <row r="6975" spans="1:2" x14ac:dyDescent="0.3">
      <c r="A6975" s="11"/>
      <c r="B6975" s="8"/>
    </row>
    <row r="6976" spans="1:2" x14ac:dyDescent="0.3">
      <c r="A6976" s="11"/>
      <c r="B6976" s="8"/>
    </row>
    <row r="6977" spans="1:2" x14ac:dyDescent="0.3">
      <c r="A6977" s="11"/>
      <c r="B6977" s="8"/>
    </row>
    <row r="6978" spans="1:2" x14ac:dyDescent="0.3">
      <c r="A6978" s="11"/>
      <c r="B6978" s="8"/>
    </row>
    <row r="6979" spans="1:2" x14ac:dyDescent="0.3">
      <c r="A6979" s="11"/>
      <c r="B6979" s="8"/>
    </row>
    <row r="6980" spans="1:2" x14ac:dyDescent="0.3">
      <c r="A6980" s="11"/>
      <c r="B6980" s="8"/>
    </row>
    <row r="6981" spans="1:2" x14ac:dyDescent="0.3">
      <c r="A6981" s="11"/>
      <c r="B6981" s="8"/>
    </row>
    <row r="6982" spans="1:2" x14ac:dyDescent="0.3">
      <c r="A6982" s="11"/>
      <c r="B6982" s="8"/>
    </row>
    <row r="6983" spans="1:2" x14ac:dyDescent="0.3">
      <c r="A6983" s="11"/>
      <c r="B6983" s="8"/>
    </row>
    <row r="6984" spans="1:2" x14ac:dyDescent="0.3">
      <c r="A6984" s="11"/>
      <c r="B6984" s="8"/>
    </row>
    <row r="6985" spans="1:2" x14ac:dyDescent="0.3">
      <c r="A6985" s="11"/>
      <c r="B6985" s="8"/>
    </row>
    <row r="6986" spans="1:2" x14ac:dyDescent="0.3">
      <c r="A6986" s="11"/>
      <c r="B6986" s="8"/>
    </row>
    <row r="6987" spans="1:2" x14ac:dyDescent="0.3">
      <c r="A6987" s="11"/>
      <c r="B6987" s="8"/>
    </row>
    <row r="6988" spans="1:2" x14ac:dyDescent="0.3">
      <c r="A6988" s="11"/>
      <c r="B6988" s="8"/>
    </row>
    <row r="6989" spans="1:2" x14ac:dyDescent="0.3">
      <c r="A6989" s="11"/>
      <c r="B6989" s="8"/>
    </row>
    <row r="6990" spans="1:2" x14ac:dyDescent="0.3">
      <c r="A6990" s="11"/>
      <c r="B6990" s="8"/>
    </row>
    <row r="6991" spans="1:2" x14ac:dyDescent="0.3">
      <c r="A6991" s="11"/>
      <c r="B6991" s="8"/>
    </row>
    <row r="6992" spans="1:2" x14ac:dyDescent="0.3">
      <c r="A6992" s="11"/>
      <c r="B6992" s="8"/>
    </row>
    <row r="6993" spans="1:2" x14ac:dyDescent="0.3">
      <c r="A6993" s="11"/>
      <c r="B6993" s="8"/>
    </row>
    <row r="6994" spans="1:2" x14ac:dyDescent="0.3">
      <c r="A6994" s="11"/>
      <c r="B6994" s="8"/>
    </row>
    <row r="6995" spans="1:2" x14ac:dyDescent="0.3">
      <c r="A6995" s="11"/>
      <c r="B6995" s="8"/>
    </row>
    <row r="6996" spans="1:2" x14ac:dyDescent="0.3">
      <c r="A6996" s="11"/>
      <c r="B6996" s="8"/>
    </row>
    <row r="6997" spans="1:2" x14ac:dyDescent="0.3">
      <c r="A6997" s="11"/>
      <c r="B6997" s="8"/>
    </row>
    <row r="6998" spans="1:2" x14ac:dyDescent="0.3">
      <c r="A6998" s="11"/>
      <c r="B6998" s="8"/>
    </row>
    <row r="6999" spans="1:2" x14ac:dyDescent="0.3">
      <c r="A6999" s="11"/>
      <c r="B6999" s="8"/>
    </row>
    <row r="7000" spans="1:2" x14ac:dyDescent="0.3">
      <c r="A7000" s="11"/>
      <c r="B7000" s="8"/>
    </row>
    <row r="7001" spans="1:2" x14ac:dyDescent="0.3">
      <c r="A7001" s="11"/>
      <c r="B7001" s="8"/>
    </row>
    <row r="7002" spans="1:2" x14ac:dyDescent="0.3">
      <c r="A7002" s="11"/>
      <c r="B7002" s="8"/>
    </row>
    <row r="7003" spans="1:2" x14ac:dyDescent="0.3">
      <c r="A7003" s="11"/>
      <c r="B7003" s="8"/>
    </row>
    <row r="7004" spans="1:2" x14ac:dyDescent="0.3">
      <c r="A7004" s="11"/>
      <c r="B7004" s="8"/>
    </row>
    <row r="7005" spans="1:2" x14ac:dyDescent="0.3">
      <c r="A7005" s="11"/>
      <c r="B7005" s="8"/>
    </row>
    <row r="7006" spans="1:2" x14ac:dyDescent="0.3">
      <c r="A7006" s="11"/>
      <c r="B7006" s="8"/>
    </row>
    <row r="7007" spans="1:2" x14ac:dyDescent="0.3">
      <c r="A7007" s="11"/>
      <c r="B7007" s="8"/>
    </row>
    <row r="7008" spans="1:2" x14ac:dyDescent="0.3">
      <c r="A7008" s="11"/>
      <c r="B7008" s="8"/>
    </row>
    <row r="7009" spans="1:2" x14ac:dyDescent="0.3">
      <c r="A7009" s="11"/>
      <c r="B7009" s="8"/>
    </row>
    <row r="7010" spans="1:2" x14ac:dyDescent="0.3">
      <c r="A7010" s="11"/>
      <c r="B7010" s="8"/>
    </row>
    <row r="7011" spans="1:2" x14ac:dyDescent="0.3">
      <c r="A7011" s="11"/>
      <c r="B7011" s="8"/>
    </row>
    <row r="7012" spans="1:2" x14ac:dyDescent="0.3">
      <c r="A7012" s="11"/>
      <c r="B7012" s="8"/>
    </row>
    <row r="7013" spans="1:2" x14ac:dyDescent="0.3">
      <c r="A7013" s="11"/>
      <c r="B7013" s="8"/>
    </row>
    <row r="7014" spans="1:2" x14ac:dyDescent="0.3">
      <c r="A7014" s="11"/>
      <c r="B7014" s="8"/>
    </row>
    <row r="7015" spans="1:2" x14ac:dyDescent="0.3">
      <c r="A7015" s="11"/>
      <c r="B7015" s="8"/>
    </row>
    <row r="7016" spans="1:2" x14ac:dyDescent="0.3">
      <c r="A7016" s="11"/>
      <c r="B7016" s="8"/>
    </row>
    <row r="7017" spans="1:2" x14ac:dyDescent="0.3">
      <c r="A7017" s="11"/>
      <c r="B7017" s="8"/>
    </row>
    <row r="7018" spans="1:2" x14ac:dyDescent="0.3">
      <c r="A7018" s="11"/>
      <c r="B7018" s="8"/>
    </row>
    <row r="7019" spans="1:2" x14ac:dyDescent="0.3">
      <c r="A7019" s="11"/>
      <c r="B7019" s="8"/>
    </row>
    <row r="7020" spans="1:2" x14ac:dyDescent="0.3">
      <c r="A7020" s="11"/>
      <c r="B7020" s="8"/>
    </row>
    <row r="7021" spans="1:2" x14ac:dyDescent="0.3">
      <c r="A7021" s="11"/>
      <c r="B7021" s="8"/>
    </row>
    <row r="7022" spans="1:2" x14ac:dyDescent="0.3">
      <c r="A7022" s="11"/>
      <c r="B7022" s="8"/>
    </row>
    <row r="7023" spans="1:2" x14ac:dyDescent="0.3">
      <c r="A7023" s="11"/>
      <c r="B7023" s="8"/>
    </row>
    <row r="7024" spans="1:2" x14ac:dyDescent="0.3">
      <c r="A7024" s="11"/>
      <c r="B7024" s="8"/>
    </row>
    <row r="7025" spans="1:2" x14ac:dyDescent="0.3">
      <c r="A7025" s="11"/>
      <c r="B7025" s="8"/>
    </row>
    <row r="7026" spans="1:2" x14ac:dyDescent="0.3">
      <c r="A7026" s="11"/>
      <c r="B7026" s="8"/>
    </row>
    <row r="7027" spans="1:2" x14ac:dyDescent="0.3">
      <c r="A7027" s="11"/>
      <c r="B7027" s="8"/>
    </row>
    <row r="7028" spans="1:2" x14ac:dyDescent="0.3">
      <c r="A7028" s="11"/>
      <c r="B7028" s="8"/>
    </row>
    <row r="7029" spans="1:2" x14ac:dyDescent="0.3">
      <c r="A7029" s="11"/>
      <c r="B7029" s="8"/>
    </row>
    <row r="7030" spans="1:2" x14ac:dyDescent="0.3">
      <c r="A7030" s="11"/>
      <c r="B7030" s="8"/>
    </row>
    <row r="7031" spans="1:2" x14ac:dyDescent="0.3">
      <c r="A7031" s="11"/>
      <c r="B7031" s="8"/>
    </row>
    <row r="7032" spans="1:2" x14ac:dyDescent="0.3">
      <c r="A7032" s="11"/>
      <c r="B7032" s="8"/>
    </row>
    <row r="7033" spans="1:2" x14ac:dyDescent="0.3">
      <c r="A7033" s="11"/>
      <c r="B7033" s="8"/>
    </row>
    <row r="7034" spans="1:2" x14ac:dyDescent="0.3">
      <c r="A7034" s="11"/>
      <c r="B7034" s="8"/>
    </row>
    <row r="7035" spans="1:2" x14ac:dyDescent="0.3">
      <c r="A7035" s="11"/>
      <c r="B7035" s="8"/>
    </row>
    <row r="7036" spans="1:2" x14ac:dyDescent="0.3">
      <c r="A7036" s="11"/>
      <c r="B7036" s="8"/>
    </row>
    <row r="7037" spans="1:2" x14ac:dyDescent="0.3">
      <c r="A7037" s="11"/>
      <c r="B7037" s="8"/>
    </row>
    <row r="7038" spans="1:2" x14ac:dyDescent="0.3">
      <c r="A7038" s="11"/>
      <c r="B7038" s="8"/>
    </row>
    <row r="7039" spans="1:2" x14ac:dyDescent="0.3">
      <c r="A7039" s="11"/>
      <c r="B7039" s="8"/>
    </row>
    <row r="7040" spans="1:2" x14ac:dyDescent="0.3">
      <c r="A7040" s="11"/>
      <c r="B7040" s="8"/>
    </row>
    <row r="7041" spans="1:2" x14ac:dyDescent="0.3">
      <c r="A7041" s="11"/>
      <c r="B7041" s="8"/>
    </row>
    <row r="7042" spans="1:2" x14ac:dyDescent="0.3">
      <c r="A7042" s="11"/>
      <c r="B7042" s="8"/>
    </row>
    <row r="7043" spans="1:2" x14ac:dyDescent="0.3">
      <c r="A7043" s="11"/>
      <c r="B7043" s="8"/>
    </row>
    <row r="7044" spans="1:2" x14ac:dyDescent="0.3">
      <c r="A7044" s="11"/>
      <c r="B7044" s="8"/>
    </row>
    <row r="7045" spans="1:2" x14ac:dyDescent="0.3">
      <c r="A7045" s="11"/>
      <c r="B7045" s="8"/>
    </row>
    <row r="7046" spans="1:2" x14ac:dyDescent="0.3">
      <c r="A7046" s="11"/>
      <c r="B7046" s="8"/>
    </row>
    <row r="7047" spans="1:2" x14ac:dyDescent="0.3">
      <c r="A7047" s="11"/>
      <c r="B7047" s="8"/>
    </row>
    <row r="7048" spans="1:2" x14ac:dyDescent="0.3">
      <c r="A7048" s="11"/>
      <c r="B7048" s="8"/>
    </row>
    <row r="7049" spans="1:2" x14ac:dyDescent="0.3">
      <c r="A7049" s="11"/>
      <c r="B7049" s="8"/>
    </row>
    <row r="7050" spans="1:2" x14ac:dyDescent="0.3">
      <c r="A7050" s="11"/>
      <c r="B7050" s="8"/>
    </row>
    <row r="7051" spans="1:2" x14ac:dyDescent="0.3">
      <c r="A7051" s="11"/>
      <c r="B7051" s="8"/>
    </row>
    <row r="7052" spans="1:2" x14ac:dyDescent="0.3">
      <c r="A7052" s="11"/>
      <c r="B7052" s="8"/>
    </row>
    <row r="7053" spans="1:2" x14ac:dyDescent="0.3">
      <c r="A7053" s="11"/>
      <c r="B7053" s="8"/>
    </row>
    <row r="7054" spans="1:2" x14ac:dyDescent="0.3">
      <c r="A7054" s="11"/>
      <c r="B7054" s="8"/>
    </row>
    <row r="7055" spans="1:2" x14ac:dyDescent="0.3">
      <c r="A7055" s="11"/>
      <c r="B7055" s="8"/>
    </row>
    <row r="7056" spans="1:2" x14ac:dyDescent="0.3">
      <c r="A7056" s="11"/>
      <c r="B7056" s="8"/>
    </row>
    <row r="7057" spans="1:2" x14ac:dyDescent="0.3">
      <c r="A7057" s="11"/>
      <c r="B7057" s="8"/>
    </row>
    <row r="7058" spans="1:2" x14ac:dyDescent="0.3">
      <c r="A7058" s="11"/>
      <c r="B7058" s="8"/>
    </row>
    <row r="7059" spans="1:2" x14ac:dyDescent="0.3">
      <c r="A7059" s="11"/>
      <c r="B7059" s="8"/>
    </row>
    <row r="7060" spans="1:2" x14ac:dyDescent="0.3">
      <c r="A7060" s="11"/>
      <c r="B7060" s="8"/>
    </row>
    <row r="7061" spans="1:2" x14ac:dyDescent="0.3">
      <c r="A7061" s="11"/>
      <c r="B7061" s="8"/>
    </row>
    <row r="7062" spans="1:2" x14ac:dyDescent="0.3">
      <c r="A7062" s="11"/>
      <c r="B7062" s="8"/>
    </row>
    <row r="7063" spans="1:2" x14ac:dyDescent="0.3">
      <c r="A7063" s="11"/>
      <c r="B7063" s="8"/>
    </row>
    <row r="7064" spans="1:2" x14ac:dyDescent="0.3">
      <c r="A7064" s="11"/>
      <c r="B7064" s="8"/>
    </row>
    <row r="7065" spans="1:2" x14ac:dyDescent="0.3">
      <c r="A7065" s="11"/>
      <c r="B7065" s="8"/>
    </row>
    <row r="7066" spans="1:2" x14ac:dyDescent="0.3">
      <c r="A7066" s="11"/>
      <c r="B7066" s="8"/>
    </row>
    <row r="7067" spans="1:2" x14ac:dyDescent="0.3">
      <c r="A7067" s="11"/>
      <c r="B7067" s="8"/>
    </row>
    <row r="7068" spans="1:2" x14ac:dyDescent="0.3">
      <c r="A7068" s="11"/>
      <c r="B7068" s="8"/>
    </row>
    <row r="7069" spans="1:2" x14ac:dyDescent="0.3">
      <c r="A7069" s="11"/>
      <c r="B7069" s="8"/>
    </row>
    <row r="7070" spans="1:2" x14ac:dyDescent="0.3">
      <c r="A7070" s="11"/>
      <c r="B7070" s="8"/>
    </row>
    <row r="7071" spans="1:2" x14ac:dyDescent="0.3">
      <c r="A7071" s="11"/>
      <c r="B7071" s="8"/>
    </row>
    <row r="7072" spans="1:2" x14ac:dyDescent="0.3">
      <c r="A7072" s="11"/>
      <c r="B7072" s="8"/>
    </row>
    <row r="7073" spans="1:2" x14ac:dyDescent="0.3">
      <c r="A7073" s="11"/>
      <c r="B7073" s="8"/>
    </row>
    <row r="7074" spans="1:2" x14ac:dyDescent="0.3">
      <c r="A7074" s="11"/>
      <c r="B7074" s="8"/>
    </row>
    <row r="7075" spans="1:2" x14ac:dyDescent="0.3">
      <c r="A7075" s="11"/>
      <c r="B7075" s="8"/>
    </row>
    <row r="7076" spans="1:2" x14ac:dyDescent="0.3">
      <c r="A7076" s="11"/>
      <c r="B7076" s="8"/>
    </row>
    <row r="7077" spans="1:2" x14ac:dyDescent="0.3">
      <c r="A7077" s="11"/>
      <c r="B7077" s="8"/>
    </row>
    <row r="7078" spans="1:2" x14ac:dyDescent="0.3">
      <c r="A7078" s="11"/>
      <c r="B7078" s="8"/>
    </row>
    <row r="7079" spans="1:2" x14ac:dyDescent="0.3">
      <c r="A7079" s="11"/>
      <c r="B7079" s="8"/>
    </row>
    <row r="7080" spans="1:2" x14ac:dyDescent="0.3">
      <c r="A7080" s="11"/>
      <c r="B7080" s="8"/>
    </row>
    <row r="7081" spans="1:2" x14ac:dyDescent="0.3">
      <c r="A7081" s="11"/>
      <c r="B7081" s="8"/>
    </row>
    <row r="7082" spans="1:2" x14ac:dyDescent="0.3">
      <c r="A7082" s="11"/>
      <c r="B7082" s="8"/>
    </row>
    <row r="7083" spans="1:2" x14ac:dyDescent="0.3">
      <c r="A7083" s="11"/>
      <c r="B7083" s="8"/>
    </row>
    <row r="7084" spans="1:2" x14ac:dyDescent="0.3">
      <c r="A7084" s="11"/>
      <c r="B7084" s="8"/>
    </row>
    <row r="7085" spans="1:2" x14ac:dyDescent="0.3">
      <c r="A7085" s="11"/>
      <c r="B7085" s="8"/>
    </row>
    <row r="7086" spans="1:2" x14ac:dyDescent="0.3">
      <c r="A7086" s="11"/>
      <c r="B7086" s="8"/>
    </row>
    <row r="7087" spans="1:2" x14ac:dyDescent="0.3">
      <c r="A7087" s="11"/>
      <c r="B7087" s="8"/>
    </row>
    <row r="7088" spans="1:2" x14ac:dyDescent="0.3">
      <c r="A7088" s="11"/>
      <c r="B7088" s="8"/>
    </row>
    <row r="7089" spans="1:2" x14ac:dyDescent="0.3">
      <c r="A7089" s="11"/>
      <c r="B7089" s="8"/>
    </row>
    <row r="7090" spans="1:2" x14ac:dyDescent="0.3">
      <c r="A7090" s="11"/>
      <c r="B7090" s="8"/>
    </row>
    <row r="7091" spans="1:2" x14ac:dyDescent="0.3">
      <c r="A7091" s="11"/>
      <c r="B7091" s="8"/>
    </row>
    <row r="7092" spans="1:2" x14ac:dyDescent="0.3">
      <c r="A7092" s="11"/>
      <c r="B7092" s="8"/>
    </row>
    <row r="7093" spans="1:2" x14ac:dyDescent="0.3">
      <c r="A7093" s="11"/>
      <c r="B7093" s="8"/>
    </row>
    <row r="7094" spans="1:2" x14ac:dyDescent="0.3">
      <c r="A7094" s="11"/>
      <c r="B7094" s="8"/>
    </row>
    <row r="7095" spans="1:2" x14ac:dyDescent="0.3">
      <c r="A7095" s="11"/>
      <c r="B7095" s="8"/>
    </row>
    <row r="7096" spans="1:2" x14ac:dyDescent="0.3">
      <c r="A7096" s="11"/>
      <c r="B7096" s="8"/>
    </row>
    <row r="7097" spans="1:2" x14ac:dyDescent="0.3">
      <c r="A7097" s="11"/>
      <c r="B7097" s="8"/>
    </row>
    <row r="7098" spans="1:2" x14ac:dyDescent="0.3">
      <c r="A7098" s="11"/>
      <c r="B7098" s="8"/>
    </row>
    <row r="7099" spans="1:2" x14ac:dyDescent="0.3">
      <c r="A7099" s="11"/>
      <c r="B7099" s="8"/>
    </row>
    <row r="7100" spans="1:2" x14ac:dyDescent="0.3">
      <c r="A7100" s="11"/>
      <c r="B7100" s="8"/>
    </row>
    <row r="7101" spans="1:2" x14ac:dyDescent="0.3">
      <c r="A7101" s="11"/>
      <c r="B7101" s="8"/>
    </row>
    <row r="7102" spans="1:2" x14ac:dyDescent="0.3">
      <c r="A7102" s="11"/>
      <c r="B7102" s="8"/>
    </row>
    <row r="7103" spans="1:2" x14ac:dyDescent="0.3">
      <c r="A7103" s="11"/>
      <c r="B7103" s="8"/>
    </row>
    <row r="7104" spans="1:2" x14ac:dyDescent="0.3">
      <c r="A7104" s="11"/>
      <c r="B7104" s="8"/>
    </row>
    <row r="7105" spans="1:2" x14ac:dyDescent="0.3">
      <c r="A7105" s="11"/>
      <c r="B7105" s="8"/>
    </row>
    <row r="7106" spans="1:2" x14ac:dyDescent="0.3">
      <c r="A7106" s="11"/>
      <c r="B7106" s="8"/>
    </row>
    <row r="7107" spans="1:2" x14ac:dyDescent="0.3">
      <c r="A7107" s="11"/>
      <c r="B7107" s="8"/>
    </row>
    <row r="7108" spans="1:2" x14ac:dyDescent="0.3">
      <c r="A7108" s="11"/>
      <c r="B7108" s="8"/>
    </row>
    <row r="7109" spans="1:2" x14ac:dyDescent="0.3">
      <c r="A7109" s="11"/>
      <c r="B7109" s="8"/>
    </row>
    <row r="7110" spans="1:2" x14ac:dyDescent="0.3">
      <c r="A7110" s="11"/>
      <c r="B7110" s="8"/>
    </row>
    <row r="7111" spans="1:2" x14ac:dyDescent="0.3">
      <c r="A7111" s="11"/>
      <c r="B7111" s="8"/>
    </row>
    <row r="7112" spans="1:2" x14ac:dyDescent="0.3">
      <c r="A7112" s="11"/>
      <c r="B7112" s="8"/>
    </row>
    <row r="7113" spans="1:2" x14ac:dyDescent="0.3">
      <c r="A7113" s="11"/>
      <c r="B7113" s="8"/>
    </row>
    <row r="7114" spans="1:2" x14ac:dyDescent="0.3">
      <c r="A7114" s="11"/>
      <c r="B7114" s="8"/>
    </row>
    <row r="7115" spans="1:2" x14ac:dyDescent="0.3">
      <c r="A7115" s="11"/>
      <c r="B7115" s="8"/>
    </row>
    <row r="7116" spans="1:2" x14ac:dyDescent="0.3">
      <c r="A7116" s="11"/>
      <c r="B7116" s="8"/>
    </row>
    <row r="7117" spans="1:2" x14ac:dyDescent="0.3">
      <c r="A7117" s="11"/>
      <c r="B7117" s="8"/>
    </row>
    <row r="7118" spans="1:2" x14ac:dyDescent="0.3">
      <c r="A7118" s="11"/>
      <c r="B7118" s="8"/>
    </row>
    <row r="7119" spans="1:2" x14ac:dyDescent="0.3">
      <c r="A7119" s="11"/>
      <c r="B7119" s="8"/>
    </row>
    <row r="7120" spans="1:2" x14ac:dyDescent="0.3">
      <c r="A7120" s="11"/>
      <c r="B7120" s="8"/>
    </row>
    <row r="7121" spans="1:2" x14ac:dyDescent="0.3">
      <c r="A7121" s="11"/>
      <c r="B7121" s="8"/>
    </row>
    <row r="7122" spans="1:2" x14ac:dyDescent="0.3">
      <c r="A7122" s="11"/>
      <c r="B7122" s="8"/>
    </row>
    <row r="7123" spans="1:2" x14ac:dyDescent="0.3">
      <c r="A7123" s="11"/>
      <c r="B7123" s="8"/>
    </row>
    <row r="7124" spans="1:2" x14ac:dyDescent="0.3">
      <c r="A7124" s="11"/>
      <c r="B7124" s="8"/>
    </row>
    <row r="7125" spans="1:2" x14ac:dyDescent="0.3">
      <c r="A7125" s="11"/>
      <c r="B7125" s="8"/>
    </row>
    <row r="7126" spans="1:2" x14ac:dyDescent="0.3">
      <c r="A7126" s="11"/>
      <c r="B7126" s="8"/>
    </row>
    <row r="7127" spans="1:2" x14ac:dyDescent="0.3">
      <c r="A7127" s="11"/>
      <c r="B7127" s="8"/>
    </row>
    <row r="7128" spans="1:2" x14ac:dyDescent="0.3">
      <c r="A7128" s="11"/>
      <c r="B7128" s="8"/>
    </row>
    <row r="7129" spans="1:2" x14ac:dyDescent="0.3">
      <c r="A7129" s="11"/>
      <c r="B7129" s="8"/>
    </row>
    <row r="7130" spans="1:2" x14ac:dyDescent="0.3">
      <c r="A7130" s="11"/>
      <c r="B7130" s="8"/>
    </row>
    <row r="7131" spans="1:2" x14ac:dyDescent="0.3">
      <c r="A7131" s="11"/>
      <c r="B7131" s="8"/>
    </row>
    <row r="7132" spans="1:2" x14ac:dyDescent="0.3">
      <c r="A7132" s="11"/>
      <c r="B7132" s="8"/>
    </row>
    <row r="7133" spans="1:2" x14ac:dyDescent="0.3">
      <c r="A7133" s="11"/>
      <c r="B7133" s="8"/>
    </row>
    <row r="7134" spans="1:2" x14ac:dyDescent="0.3">
      <c r="A7134" s="11"/>
      <c r="B7134" s="8"/>
    </row>
    <row r="7135" spans="1:2" x14ac:dyDescent="0.3">
      <c r="A7135" s="11"/>
      <c r="B7135" s="8"/>
    </row>
    <row r="7136" spans="1:2" x14ac:dyDescent="0.3">
      <c r="A7136" s="11"/>
      <c r="B7136" s="8"/>
    </row>
    <row r="7137" spans="1:2" x14ac:dyDescent="0.3">
      <c r="A7137" s="11"/>
      <c r="B7137" s="8"/>
    </row>
    <row r="7138" spans="1:2" x14ac:dyDescent="0.3">
      <c r="A7138" s="11"/>
      <c r="B7138" s="8"/>
    </row>
    <row r="7139" spans="1:2" x14ac:dyDescent="0.3">
      <c r="A7139" s="11"/>
      <c r="B7139" s="8"/>
    </row>
    <row r="7140" spans="1:2" x14ac:dyDescent="0.3">
      <c r="A7140" s="11"/>
      <c r="B7140" s="8"/>
    </row>
    <row r="7141" spans="1:2" x14ac:dyDescent="0.3">
      <c r="A7141" s="11"/>
      <c r="B7141" s="8"/>
    </row>
    <row r="7142" spans="1:2" x14ac:dyDescent="0.3">
      <c r="A7142" s="11"/>
      <c r="B7142" s="8"/>
    </row>
    <row r="7143" spans="1:2" x14ac:dyDescent="0.3">
      <c r="A7143" s="11"/>
      <c r="B7143" s="8"/>
    </row>
    <row r="7144" spans="1:2" x14ac:dyDescent="0.3">
      <c r="A7144" s="11"/>
      <c r="B7144" s="8"/>
    </row>
    <row r="7145" spans="1:2" x14ac:dyDescent="0.3">
      <c r="A7145" s="11"/>
      <c r="B7145" s="8"/>
    </row>
    <row r="7146" spans="1:2" x14ac:dyDescent="0.3">
      <c r="A7146" s="11"/>
      <c r="B7146" s="8"/>
    </row>
    <row r="7147" spans="1:2" x14ac:dyDescent="0.3">
      <c r="A7147" s="11"/>
      <c r="B7147" s="8"/>
    </row>
    <row r="7148" spans="1:2" x14ac:dyDescent="0.3">
      <c r="A7148" s="11"/>
      <c r="B7148" s="8"/>
    </row>
    <row r="7149" spans="1:2" x14ac:dyDescent="0.3">
      <c r="A7149" s="11"/>
      <c r="B7149" s="8"/>
    </row>
    <row r="7150" spans="1:2" x14ac:dyDescent="0.3">
      <c r="A7150" s="11"/>
      <c r="B7150" s="8"/>
    </row>
    <row r="7151" spans="1:2" x14ac:dyDescent="0.3">
      <c r="A7151" s="11"/>
      <c r="B7151" s="8"/>
    </row>
    <row r="7152" spans="1:2" x14ac:dyDescent="0.3">
      <c r="A7152" s="11"/>
      <c r="B7152" s="8"/>
    </row>
    <row r="7153" spans="1:2" x14ac:dyDescent="0.3">
      <c r="A7153" s="11"/>
      <c r="B7153" s="8"/>
    </row>
    <row r="7154" spans="1:2" x14ac:dyDescent="0.3">
      <c r="A7154" s="11"/>
      <c r="B7154" s="8"/>
    </row>
    <row r="7155" spans="1:2" x14ac:dyDescent="0.3">
      <c r="A7155" s="11"/>
      <c r="B7155" s="8"/>
    </row>
    <row r="7156" spans="1:2" x14ac:dyDescent="0.3">
      <c r="A7156" s="11"/>
      <c r="B7156" s="8"/>
    </row>
    <row r="7157" spans="1:2" x14ac:dyDescent="0.3">
      <c r="A7157" s="11"/>
      <c r="B7157" s="8"/>
    </row>
    <row r="7158" spans="1:2" x14ac:dyDescent="0.3">
      <c r="A7158" s="11"/>
      <c r="B7158" s="8"/>
    </row>
    <row r="7159" spans="1:2" x14ac:dyDescent="0.3">
      <c r="A7159" s="11"/>
      <c r="B7159" s="8"/>
    </row>
    <row r="7160" spans="1:2" x14ac:dyDescent="0.3">
      <c r="A7160" s="11"/>
      <c r="B7160" s="8"/>
    </row>
    <row r="7161" spans="1:2" x14ac:dyDescent="0.3">
      <c r="A7161" s="11"/>
      <c r="B7161" s="8"/>
    </row>
    <row r="7162" spans="1:2" x14ac:dyDescent="0.3">
      <c r="A7162" s="11"/>
      <c r="B7162" s="8"/>
    </row>
    <row r="7163" spans="1:2" x14ac:dyDescent="0.3">
      <c r="A7163" s="11"/>
      <c r="B7163" s="8"/>
    </row>
    <row r="7164" spans="1:2" x14ac:dyDescent="0.3">
      <c r="A7164" s="11"/>
      <c r="B7164" s="8"/>
    </row>
    <row r="7165" spans="1:2" x14ac:dyDescent="0.3">
      <c r="A7165" s="11"/>
      <c r="B7165" s="8"/>
    </row>
    <row r="7166" spans="1:2" x14ac:dyDescent="0.3">
      <c r="A7166" s="11"/>
      <c r="B7166" s="8"/>
    </row>
    <row r="7167" spans="1:2" x14ac:dyDescent="0.3">
      <c r="A7167" s="11"/>
      <c r="B7167" s="8"/>
    </row>
    <row r="7168" spans="1:2" x14ac:dyDescent="0.3">
      <c r="A7168" s="11"/>
      <c r="B7168" s="8"/>
    </row>
    <row r="7169" spans="1:2" x14ac:dyDescent="0.3">
      <c r="A7169" s="11"/>
      <c r="B7169" s="8"/>
    </row>
    <row r="7170" spans="1:2" x14ac:dyDescent="0.3">
      <c r="A7170" s="11"/>
      <c r="B7170" s="8"/>
    </row>
    <row r="7171" spans="1:2" x14ac:dyDescent="0.3">
      <c r="A7171" s="11"/>
      <c r="B7171" s="8"/>
    </row>
    <row r="7172" spans="1:2" x14ac:dyDescent="0.3">
      <c r="A7172" s="11"/>
      <c r="B7172" s="8"/>
    </row>
    <row r="7173" spans="1:2" x14ac:dyDescent="0.3">
      <c r="A7173" s="11"/>
      <c r="B7173" s="8"/>
    </row>
    <row r="7174" spans="1:2" x14ac:dyDescent="0.3">
      <c r="A7174" s="11"/>
      <c r="B7174" s="8"/>
    </row>
    <row r="7175" spans="1:2" x14ac:dyDescent="0.3">
      <c r="A7175" s="11"/>
      <c r="B7175" s="8"/>
    </row>
    <row r="7176" spans="1:2" x14ac:dyDescent="0.3">
      <c r="A7176" s="11"/>
      <c r="B7176" s="8"/>
    </row>
    <row r="7177" spans="1:2" x14ac:dyDescent="0.3">
      <c r="A7177" s="11"/>
      <c r="B7177" s="8"/>
    </row>
    <row r="7178" spans="1:2" x14ac:dyDescent="0.3">
      <c r="A7178" s="11"/>
      <c r="B7178" s="8"/>
    </row>
    <row r="7179" spans="1:2" x14ac:dyDescent="0.3">
      <c r="A7179" s="11"/>
      <c r="B7179" s="8"/>
    </row>
    <row r="7180" spans="1:2" x14ac:dyDescent="0.3">
      <c r="A7180" s="11"/>
      <c r="B7180" s="8"/>
    </row>
    <row r="7181" spans="1:2" x14ac:dyDescent="0.3">
      <c r="A7181" s="11"/>
      <c r="B7181" s="8"/>
    </row>
    <row r="7182" spans="1:2" x14ac:dyDescent="0.3">
      <c r="A7182" s="11"/>
      <c r="B7182" s="8"/>
    </row>
    <row r="7183" spans="1:2" x14ac:dyDescent="0.3">
      <c r="A7183" s="11"/>
      <c r="B7183" s="8"/>
    </row>
    <row r="7184" spans="1:2" x14ac:dyDescent="0.3">
      <c r="A7184" s="11"/>
      <c r="B7184" s="8"/>
    </row>
    <row r="7185" spans="1:2" x14ac:dyDescent="0.3">
      <c r="A7185" s="11"/>
      <c r="B7185" s="8"/>
    </row>
    <row r="7186" spans="1:2" x14ac:dyDescent="0.3">
      <c r="A7186" s="11"/>
      <c r="B7186" s="8"/>
    </row>
    <row r="7187" spans="1:2" x14ac:dyDescent="0.3">
      <c r="A7187" s="11"/>
      <c r="B7187" s="8"/>
    </row>
    <row r="7188" spans="1:2" x14ac:dyDescent="0.3">
      <c r="A7188" s="11"/>
      <c r="B7188" s="8"/>
    </row>
    <row r="7189" spans="1:2" x14ac:dyDescent="0.3">
      <c r="A7189" s="11"/>
      <c r="B7189" s="8"/>
    </row>
    <row r="7190" spans="1:2" x14ac:dyDescent="0.3">
      <c r="A7190" s="11"/>
      <c r="B7190" s="8"/>
    </row>
    <row r="7191" spans="1:2" x14ac:dyDescent="0.3">
      <c r="A7191" s="11"/>
      <c r="B7191" s="8"/>
    </row>
    <row r="7192" spans="1:2" x14ac:dyDescent="0.3">
      <c r="A7192" s="11"/>
      <c r="B7192" s="8"/>
    </row>
    <row r="7193" spans="1:2" x14ac:dyDescent="0.3">
      <c r="A7193" s="11"/>
      <c r="B7193" s="8"/>
    </row>
    <row r="7194" spans="1:2" x14ac:dyDescent="0.3">
      <c r="A7194" s="11"/>
      <c r="B7194" s="8"/>
    </row>
    <row r="7195" spans="1:2" x14ac:dyDescent="0.3">
      <c r="A7195" s="11"/>
      <c r="B7195" s="8"/>
    </row>
    <row r="7196" spans="1:2" x14ac:dyDescent="0.3">
      <c r="A7196" s="11"/>
      <c r="B7196" s="8"/>
    </row>
    <row r="7197" spans="1:2" x14ac:dyDescent="0.3">
      <c r="A7197" s="11"/>
      <c r="B7197" s="8"/>
    </row>
    <row r="7198" spans="1:2" x14ac:dyDescent="0.3">
      <c r="A7198" s="11"/>
      <c r="B7198" s="8"/>
    </row>
    <row r="7199" spans="1:2" x14ac:dyDescent="0.3">
      <c r="A7199" s="11"/>
      <c r="B7199" s="8"/>
    </row>
    <row r="7200" spans="1:2" x14ac:dyDescent="0.3">
      <c r="A7200" s="11"/>
      <c r="B7200" s="8"/>
    </row>
    <row r="7201" spans="1:2" x14ac:dyDescent="0.3">
      <c r="A7201" s="11"/>
      <c r="B7201" s="8"/>
    </row>
    <row r="7202" spans="1:2" x14ac:dyDescent="0.3">
      <c r="A7202" s="11"/>
      <c r="B7202" s="8"/>
    </row>
    <row r="7203" spans="1:2" x14ac:dyDescent="0.3">
      <c r="A7203" s="11"/>
      <c r="B7203" s="8"/>
    </row>
    <row r="7204" spans="1:2" x14ac:dyDescent="0.3">
      <c r="A7204" s="11"/>
      <c r="B7204" s="8"/>
    </row>
    <row r="7205" spans="1:2" x14ac:dyDescent="0.3">
      <c r="A7205" s="11"/>
      <c r="B7205" s="8"/>
    </row>
    <row r="7206" spans="1:2" x14ac:dyDescent="0.3">
      <c r="A7206" s="11"/>
      <c r="B7206" s="8"/>
    </row>
    <row r="7207" spans="1:2" x14ac:dyDescent="0.3">
      <c r="A7207" s="11"/>
      <c r="B7207" s="8"/>
    </row>
    <row r="7208" spans="1:2" x14ac:dyDescent="0.3">
      <c r="A7208" s="11"/>
      <c r="B7208" s="8"/>
    </row>
    <row r="7209" spans="1:2" x14ac:dyDescent="0.3">
      <c r="A7209" s="11"/>
      <c r="B7209" s="8"/>
    </row>
    <row r="7210" spans="1:2" x14ac:dyDescent="0.3">
      <c r="A7210" s="11"/>
      <c r="B7210" s="8"/>
    </row>
    <row r="7211" spans="1:2" x14ac:dyDescent="0.3">
      <c r="A7211" s="11"/>
      <c r="B7211" s="8"/>
    </row>
    <row r="7212" spans="1:2" x14ac:dyDescent="0.3">
      <c r="A7212" s="11"/>
      <c r="B7212" s="8"/>
    </row>
    <row r="7213" spans="1:2" x14ac:dyDescent="0.3">
      <c r="A7213" s="11"/>
      <c r="B7213" s="8"/>
    </row>
    <row r="7214" spans="1:2" x14ac:dyDescent="0.3">
      <c r="A7214" s="11"/>
      <c r="B7214" s="8"/>
    </row>
    <row r="7215" spans="1:2" x14ac:dyDescent="0.3">
      <c r="A7215" s="11"/>
      <c r="B7215" s="8"/>
    </row>
    <row r="7216" spans="1:2" x14ac:dyDescent="0.3">
      <c r="A7216" s="11"/>
      <c r="B7216" s="8"/>
    </row>
    <row r="7217" spans="1:2" x14ac:dyDescent="0.3">
      <c r="A7217" s="11"/>
      <c r="B7217" s="8"/>
    </row>
    <row r="7218" spans="1:2" x14ac:dyDescent="0.3">
      <c r="A7218" s="11"/>
      <c r="B7218" s="8"/>
    </row>
    <row r="7219" spans="1:2" x14ac:dyDescent="0.3">
      <c r="A7219" s="11"/>
      <c r="B7219" s="8"/>
    </row>
    <row r="7220" spans="1:2" x14ac:dyDescent="0.3">
      <c r="A7220" s="11"/>
      <c r="B7220" s="8"/>
    </row>
    <row r="7221" spans="1:2" x14ac:dyDescent="0.3">
      <c r="A7221" s="11"/>
      <c r="B7221" s="8"/>
    </row>
    <row r="7222" spans="1:2" x14ac:dyDescent="0.3">
      <c r="A7222" s="11"/>
      <c r="B7222" s="8"/>
    </row>
    <row r="7223" spans="1:2" x14ac:dyDescent="0.3">
      <c r="A7223" s="11"/>
      <c r="B7223" s="8"/>
    </row>
    <row r="7224" spans="1:2" x14ac:dyDescent="0.3">
      <c r="A7224" s="11"/>
      <c r="B7224" s="8"/>
    </row>
    <row r="7225" spans="1:2" x14ac:dyDescent="0.3">
      <c r="A7225" s="11"/>
      <c r="B7225" s="8"/>
    </row>
    <row r="7226" spans="1:2" x14ac:dyDescent="0.3">
      <c r="A7226" s="11"/>
      <c r="B7226" s="8"/>
    </row>
    <row r="7227" spans="1:2" x14ac:dyDescent="0.3">
      <c r="A7227" s="11"/>
      <c r="B7227" s="8"/>
    </row>
    <row r="7228" spans="1:2" x14ac:dyDescent="0.3">
      <c r="A7228" s="11"/>
      <c r="B7228" s="8"/>
    </row>
    <row r="7229" spans="1:2" x14ac:dyDescent="0.3">
      <c r="A7229" s="11"/>
      <c r="B7229" s="8"/>
    </row>
    <row r="7230" spans="1:2" x14ac:dyDescent="0.3">
      <c r="A7230" s="11"/>
      <c r="B7230" s="8"/>
    </row>
    <row r="7231" spans="1:2" x14ac:dyDescent="0.3">
      <c r="A7231" s="11"/>
      <c r="B7231" s="8"/>
    </row>
    <row r="7232" spans="1:2" x14ac:dyDescent="0.3">
      <c r="A7232" s="11"/>
      <c r="B7232" s="8"/>
    </row>
    <row r="7233" spans="1:2" x14ac:dyDescent="0.3">
      <c r="A7233" s="11"/>
      <c r="B7233" s="8"/>
    </row>
    <row r="7234" spans="1:2" x14ac:dyDescent="0.3">
      <c r="A7234" s="11"/>
      <c r="B7234" s="8"/>
    </row>
    <row r="7235" spans="1:2" x14ac:dyDescent="0.3">
      <c r="A7235" s="11"/>
      <c r="B7235" s="8"/>
    </row>
    <row r="7236" spans="1:2" x14ac:dyDescent="0.3">
      <c r="A7236" s="11"/>
      <c r="B7236" s="8"/>
    </row>
    <row r="7237" spans="1:2" x14ac:dyDescent="0.3">
      <c r="A7237" s="11"/>
      <c r="B7237" s="8"/>
    </row>
    <row r="7238" spans="1:2" x14ac:dyDescent="0.3">
      <c r="A7238" s="11"/>
      <c r="B7238" s="8"/>
    </row>
    <row r="7239" spans="1:2" x14ac:dyDescent="0.3">
      <c r="A7239" s="11"/>
      <c r="B7239" s="8"/>
    </row>
    <row r="7240" spans="1:2" x14ac:dyDescent="0.3">
      <c r="A7240" s="11"/>
      <c r="B7240" s="8"/>
    </row>
    <row r="7241" spans="1:2" x14ac:dyDescent="0.3">
      <c r="A7241" s="11"/>
      <c r="B7241" s="8"/>
    </row>
    <row r="7242" spans="1:2" x14ac:dyDescent="0.3">
      <c r="A7242" s="11"/>
      <c r="B7242" s="8"/>
    </row>
    <row r="7243" spans="1:2" x14ac:dyDescent="0.3">
      <c r="A7243" s="11"/>
      <c r="B7243" s="8"/>
    </row>
    <row r="7244" spans="1:2" x14ac:dyDescent="0.3">
      <c r="A7244" s="11"/>
      <c r="B7244" s="8"/>
    </row>
    <row r="7245" spans="1:2" x14ac:dyDescent="0.3">
      <c r="A7245" s="11"/>
      <c r="B7245" s="8"/>
    </row>
    <row r="7246" spans="1:2" x14ac:dyDescent="0.3">
      <c r="A7246" s="11"/>
      <c r="B7246" s="8"/>
    </row>
    <row r="7247" spans="1:2" x14ac:dyDescent="0.3">
      <c r="A7247" s="11"/>
      <c r="B7247" s="8"/>
    </row>
    <row r="7248" spans="1:2" x14ac:dyDescent="0.3">
      <c r="A7248" s="11"/>
      <c r="B7248" s="8"/>
    </row>
    <row r="7249" spans="1:2" x14ac:dyDescent="0.3">
      <c r="A7249" s="11"/>
      <c r="B7249" s="8"/>
    </row>
    <row r="7250" spans="1:2" x14ac:dyDescent="0.3">
      <c r="A7250" s="11"/>
      <c r="B7250" s="8"/>
    </row>
    <row r="7251" spans="1:2" x14ac:dyDescent="0.3">
      <c r="A7251" s="11"/>
      <c r="B7251" s="8"/>
    </row>
    <row r="7252" spans="1:2" x14ac:dyDescent="0.3">
      <c r="A7252" s="11"/>
      <c r="B7252" s="8"/>
    </row>
    <row r="7253" spans="1:2" x14ac:dyDescent="0.3">
      <c r="A7253" s="11"/>
      <c r="B7253" s="8"/>
    </row>
    <row r="7254" spans="1:2" x14ac:dyDescent="0.3">
      <c r="A7254" s="11"/>
      <c r="B7254" s="8"/>
    </row>
    <row r="7255" spans="1:2" x14ac:dyDescent="0.3">
      <c r="A7255" s="11"/>
      <c r="B7255" s="8"/>
    </row>
    <row r="7256" spans="1:2" x14ac:dyDescent="0.3">
      <c r="A7256" s="11"/>
      <c r="B7256" s="8"/>
    </row>
    <row r="7257" spans="1:2" x14ac:dyDescent="0.3">
      <c r="A7257" s="11"/>
      <c r="B7257" s="8"/>
    </row>
    <row r="7258" spans="1:2" x14ac:dyDescent="0.3">
      <c r="A7258" s="11"/>
      <c r="B7258" s="8"/>
    </row>
    <row r="7259" spans="1:2" x14ac:dyDescent="0.3">
      <c r="A7259" s="11"/>
      <c r="B7259" s="8"/>
    </row>
    <row r="7260" spans="1:2" x14ac:dyDescent="0.3">
      <c r="A7260" s="11"/>
      <c r="B7260" s="8"/>
    </row>
    <row r="7261" spans="1:2" x14ac:dyDescent="0.3">
      <c r="A7261" s="11"/>
      <c r="B7261" s="8"/>
    </row>
    <row r="7262" spans="1:2" x14ac:dyDescent="0.3">
      <c r="A7262" s="11"/>
      <c r="B7262" s="8"/>
    </row>
    <row r="7263" spans="1:2" x14ac:dyDescent="0.3">
      <c r="A7263" s="11"/>
      <c r="B7263" s="8"/>
    </row>
    <row r="7264" spans="1:2" x14ac:dyDescent="0.3">
      <c r="A7264" s="11"/>
      <c r="B7264" s="8"/>
    </row>
    <row r="7265" spans="1:2" x14ac:dyDescent="0.3">
      <c r="A7265" s="11"/>
      <c r="B7265" s="8"/>
    </row>
    <row r="7266" spans="1:2" x14ac:dyDescent="0.3">
      <c r="A7266" s="11"/>
      <c r="B7266" s="8"/>
    </row>
    <row r="7267" spans="1:2" x14ac:dyDescent="0.3">
      <c r="A7267" s="11"/>
      <c r="B7267" s="8"/>
    </row>
    <row r="7268" spans="1:2" x14ac:dyDescent="0.3">
      <c r="A7268" s="11"/>
      <c r="B7268" s="8"/>
    </row>
    <row r="7269" spans="1:2" x14ac:dyDescent="0.3">
      <c r="A7269" s="11"/>
      <c r="B7269" s="8"/>
    </row>
    <row r="7270" spans="1:2" x14ac:dyDescent="0.3">
      <c r="A7270" s="11"/>
      <c r="B7270" s="8"/>
    </row>
    <row r="7271" spans="1:2" x14ac:dyDescent="0.3">
      <c r="A7271" s="11"/>
      <c r="B7271" s="8"/>
    </row>
    <row r="7272" spans="1:2" x14ac:dyDescent="0.3">
      <c r="A7272" s="11"/>
      <c r="B7272" s="8"/>
    </row>
    <row r="7273" spans="1:2" x14ac:dyDescent="0.3">
      <c r="A7273" s="11"/>
      <c r="B7273" s="8"/>
    </row>
    <row r="7274" spans="1:2" x14ac:dyDescent="0.3">
      <c r="A7274" s="11"/>
      <c r="B7274" s="8"/>
    </row>
    <row r="7275" spans="1:2" x14ac:dyDescent="0.3">
      <c r="A7275" s="11"/>
      <c r="B7275" s="8"/>
    </row>
    <row r="7276" spans="1:2" x14ac:dyDescent="0.3">
      <c r="A7276" s="11"/>
      <c r="B7276" s="8"/>
    </row>
    <row r="7277" spans="1:2" x14ac:dyDescent="0.3">
      <c r="A7277" s="11"/>
      <c r="B7277" s="8"/>
    </row>
    <row r="7278" spans="1:2" x14ac:dyDescent="0.3">
      <c r="A7278" s="11"/>
      <c r="B7278" s="8"/>
    </row>
    <row r="7279" spans="1:2" x14ac:dyDescent="0.3">
      <c r="A7279" s="11"/>
      <c r="B7279" s="8"/>
    </row>
    <row r="7280" spans="1:2" x14ac:dyDescent="0.3">
      <c r="A7280" s="11"/>
      <c r="B7280" s="8"/>
    </row>
    <row r="7281" spans="1:2" x14ac:dyDescent="0.3">
      <c r="A7281" s="11"/>
      <c r="B7281" s="8"/>
    </row>
    <row r="7282" spans="1:2" x14ac:dyDescent="0.3">
      <c r="A7282" s="11"/>
      <c r="B7282" s="8"/>
    </row>
    <row r="7283" spans="1:2" x14ac:dyDescent="0.3">
      <c r="A7283" s="11"/>
      <c r="B7283" s="8"/>
    </row>
    <row r="7284" spans="1:2" x14ac:dyDescent="0.3">
      <c r="A7284" s="11"/>
      <c r="B7284" s="8"/>
    </row>
    <row r="7285" spans="1:2" x14ac:dyDescent="0.3">
      <c r="A7285" s="11"/>
      <c r="B7285" s="8"/>
    </row>
    <row r="7286" spans="1:2" x14ac:dyDescent="0.3">
      <c r="A7286" s="11"/>
      <c r="B7286" s="8"/>
    </row>
    <row r="7287" spans="1:2" x14ac:dyDescent="0.3">
      <c r="A7287" s="11"/>
      <c r="B7287" s="8"/>
    </row>
    <row r="7288" spans="1:2" x14ac:dyDescent="0.3">
      <c r="A7288" s="11"/>
      <c r="B7288" s="8"/>
    </row>
    <row r="7289" spans="1:2" x14ac:dyDescent="0.3">
      <c r="A7289" s="11"/>
      <c r="B7289" s="8"/>
    </row>
    <row r="7290" spans="1:2" x14ac:dyDescent="0.3">
      <c r="A7290" s="11"/>
      <c r="B7290" s="8"/>
    </row>
    <row r="7291" spans="1:2" x14ac:dyDescent="0.3">
      <c r="A7291" s="11"/>
      <c r="B7291" s="8"/>
    </row>
    <row r="7292" spans="1:2" x14ac:dyDescent="0.3">
      <c r="A7292" s="11"/>
      <c r="B7292" s="8"/>
    </row>
    <row r="7293" spans="1:2" x14ac:dyDescent="0.3">
      <c r="A7293" s="11"/>
      <c r="B7293" s="8"/>
    </row>
    <row r="7294" spans="1:2" x14ac:dyDescent="0.3">
      <c r="A7294" s="11"/>
      <c r="B7294" s="8"/>
    </row>
    <row r="7295" spans="1:2" x14ac:dyDescent="0.3">
      <c r="A7295" s="11"/>
      <c r="B7295" s="8"/>
    </row>
    <row r="7296" spans="1:2" x14ac:dyDescent="0.3">
      <c r="A7296" s="11"/>
      <c r="B7296" s="8"/>
    </row>
    <row r="7297" spans="1:2" x14ac:dyDescent="0.3">
      <c r="A7297" s="11"/>
      <c r="B7297" s="8"/>
    </row>
    <row r="7298" spans="1:2" x14ac:dyDescent="0.3">
      <c r="A7298" s="11"/>
      <c r="B7298" s="8"/>
    </row>
    <row r="7299" spans="1:2" x14ac:dyDescent="0.3">
      <c r="A7299" s="11"/>
      <c r="B7299" s="8"/>
    </row>
    <row r="7300" spans="1:2" x14ac:dyDescent="0.3">
      <c r="A7300" s="11"/>
      <c r="B7300" s="8"/>
    </row>
    <row r="7301" spans="1:2" x14ac:dyDescent="0.3">
      <c r="A7301" s="11"/>
      <c r="B7301" s="8"/>
    </row>
    <row r="7302" spans="1:2" x14ac:dyDescent="0.3">
      <c r="A7302" s="11"/>
      <c r="B7302" s="8"/>
    </row>
    <row r="7303" spans="1:2" x14ac:dyDescent="0.3">
      <c r="A7303" s="11"/>
      <c r="B7303" s="8"/>
    </row>
    <row r="7304" spans="1:2" x14ac:dyDescent="0.3">
      <c r="A7304" s="11"/>
      <c r="B7304" s="8"/>
    </row>
    <row r="7305" spans="1:2" x14ac:dyDescent="0.3">
      <c r="A7305" s="11"/>
      <c r="B7305" s="8"/>
    </row>
    <row r="7306" spans="1:2" x14ac:dyDescent="0.3">
      <c r="A7306" s="11"/>
      <c r="B7306" s="8"/>
    </row>
    <row r="7307" spans="1:2" x14ac:dyDescent="0.3">
      <c r="A7307" s="11"/>
      <c r="B7307" s="8"/>
    </row>
    <row r="7308" spans="1:2" x14ac:dyDescent="0.3">
      <c r="A7308" s="11"/>
      <c r="B7308" s="8"/>
    </row>
    <row r="7309" spans="1:2" x14ac:dyDescent="0.3">
      <c r="A7309" s="11"/>
      <c r="B7309" s="8"/>
    </row>
    <row r="7310" spans="1:2" x14ac:dyDescent="0.3">
      <c r="A7310" s="11"/>
      <c r="B7310" s="8"/>
    </row>
    <row r="7311" spans="1:2" x14ac:dyDescent="0.3">
      <c r="A7311" s="11"/>
      <c r="B7311" s="8"/>
    </row>
    <row r="7312" spans="1:2" x14ac:dyDescent="0.3">
      <c r="A7312" s="11"/>
      <c r="B7312" s="8"/>
    </row>
    <row r="7313" spans="1:2" x14ac:dyDescent="0.3">
      <c r="A7313" s="11"/>
      <c r="B7313" s="8"/>
    </row>
    <row r="7314" spans="1:2" x14ac:dyDescent="0.3">
      <c r="A7314" s="11"/>
      <c r="B7314" s="8"/>
    </row>
    <row r="7315" spans="1:2" x14ac:dyDescent="0.3">
      <c r="A7315" s="11"/>
      <c r="B7315" s="8"/>
    </row>
    <row r="7316" spans="1:2" x14ac:dyDescent="0.3">
      <c r="A7316" s="11"/>
      <c r="B7316" s="8"/>
    </row>
    <row r="7317" spans="1:2" x14ac:dyDescent="0.3">
      <c r="A7317" s="11"/>
      <c r="B7317" s="8"/>
    </row>
    <row r="7318" spans="1:2" x14ac:dyDescent="0.3">
      <c r="A7318" s="11"/>
      <c r="B7318" s="8"/>
    </row>
    <row r="7319" spans="1:2" x14ac:dyDescent="0.3">
      <c r="A7319" s="11"/>
      <c r="B7319" s="8"/>
    </row>
    <row r="7320" spans="1:2" x14ac:dyDescent="0.3">
      <c r="A7320" s="11"/>
      <c r="B7320" s="8"/>
    </row>
    <row r="7321" spans="1:2" x14ac:dyDescent="0.3">
      <c r="A7321" s="11"/>
      <c r="B7321" s="8"/>
    </row>
    <row r="7322" spans="1:2" x14ac:dyDescent="0.3">
      <c r="A7322" s="11"/>
      <c r="B7322" s="8"/>
    </row>
    <row r="7323" spans="1:2" x14ac:dyDescent="0.3">
      <c r="A7323" s="11"/>
      <c r="B7323" s="8"/>
    </row>
    <row r="7324" spans="1:2" x14ac:dyDescent="0.3">
      <c r="A7324" s="11"/>
      <c r="B7324" s="8"/>
    </row>
    <row r="7325" spans="1:2" x14ac:dyDescent="0.3">
      <c r="A7325" s="11"/>
      <c r="B7325" s="8"/>
    </row>
    <row r="7326" spans="1:2" x14ac:dyDescent="0.3">
      <c r="A7326" s="11"/>
      <c r="B7326" s="8"/>
    </row>
    <row r="7327" spans="1:2" x14ac:dyDescent="0.3">
      <c r="A7327" s="11"/>
      <c r="B7327" s="8"/>
    </row>
    <row r="7328" spans="1:2" x14ac:dyDescent="0.3">
      <c r="A7328" s="11"/>
      <c r="B7328" s="8"/>
    </row>
    <row r="7329" spans="1:2" x14ac:dyDescent="0.3">
      <c r="A7329" s="11"/>
      <c r="B7329" s="8"/>
    </row>
    <row r="7330" spans="1:2" x14ac:dyDescent="0.3">
      <c r="A7330" s="11"/>
      <c r="B7330" s="8"/>
    </row>
    <row r="7331" spans="1:2" x14ac:dyDescent="0.3">
      <c r="A7331" s="11"/>
      <c r="B7331" s="8"/>
    </row>
    <row r="7332" spans="1:2" x14ac:dyDescent="0.3">
      <c r="A7332" s="11"/>
      <c r="B7332" s="8"/>
    </row>
    <row r="7333" spans="1:2" x14ac:dyDescent="0.3">
      <c r="A7333" s="11"/>
      <c r="B7333" s="8"/>
    </row>
    <row r="7334" spans="1:2" x14ac:dyDescent="0.3">
      <c r="A7334" s="11"/>
      <c r="B7334" s="8"/>
    </row>
    <row r="7335" spans="1:2" x14ac:dyDescent="0.3">
      <c r="A7335" s="11"/>
      <c r="B7335" s="8"/>
    </row>
    <row r="7336" spans="1:2" x14ac:dyDescent="0.3">
      <c r="A7336" s="11"/>
      <c r="B7336" s="8"/>
    </row>
    <row r="7337" spans="1:2" x14ac:dyDescent="0.3">
      <c r="A7337" s="11"/>
      <c r="B7337" s="8"/>
    </row>
    <row r="7338" spans="1:2" x14ac:dyDescent="0.3">
      <c r="A7338" s="11"/>
      <c r="B7338" s="8"/>
    </row>
    <row r="7339" spans="1:2" x14ac:dyDescent="0.3">
      <c r="A7339" s="11"/>
      <c r="B7339" s="8"/>
    </row>
    <row r="7340" spans="1:2" x14ac:dyDescent="0.3">
      <c r="A7340" s="11"/>
      <c r="B7340" s="8"/>
    </row>
    <row r="7341" spans="1:2" x14ac:dyDescent="0.3">
      <c r="A7341" s="11"/>
      <c r="B7341" s="8"/>
    </row>
    <row r="7342" spans="1:2" x14ac:dyDescent="0.3">
      <c r="A7342" s="11"/>
      <c r="B7342" s="8"/>
    </row>
    <row r="7343" spans="1:2" x14ac:dyDescent="0.3">
      <c r="A7343" s="11"/>
      <c r="B7343" s="8"/>
    </row>
    <row r="7344" spans="1:2" x14ac:dyDescent="0.3">
      <c r="A7344" s="11"/>
      <c r="B7344" s="8"/>
    </row>
    <row r="7345" spans="1:2" x14ac:dyDescent="0.3">
      <c r="A7345" s="11"/>
      <c r="B7345" s="8"/>
    </row>
    <row r="7346" spans="1:2" x14ac:dyDescent="0.3">
      <c r="A7346" s="11"/>
      <c r="B7346" s="8"/>
    </row>
    <row r="7347" spans="1:2" x14ac:dyDescent="0.3">
      <c r="A7347" s="11"/>
      <c r="B7347" s="8"/>
    </row>
    <row r="7348" spans="1:2" x14ac:dyDescent="0.3">
      <c r="A7348" s="11"/>
      <c r="B7348" s="8"/>
    </row>
    <row r="7349" spans="1:2" x14ac:dyDescent="0.3">
      <c r="A7349" s="11"/>
      <c r="B7349" s="8"/>
    </row>
    <row r="7350" spans="1:2" x14ac:dyDescent="0.3">
      <c r="A7350" s="11"/>
      <c r="B7350" s="8"/>
    </row>
    <row r="7351" spans="1:2" x14ac:dyDescent="0.3">
      <c r="A7351" s="11"/>
      <c r="B7351" s="8"/>
    </row>
    <row r="7352" spans="1:2" x14ac:dyDescent="0.3">
      <c r="A7352" s="11"/>
      <c r="B7352" s="8"/>
    </row>
    <row r="7353" spans="1:2" x14ac:dyDescent="0.3">
      <c r="A7353" s="11"/>
      <c r="B7353" s="8"/>
    </row>
    <row r="7354" spans="1:2" x14ac:dyDescent="0.3">
      <c r="A7354" s="11"/>
      <c r="B7354" s="8"/>
    </row>
    <row r="7355" spans="1:2" x14ac:dyDescent="0.3">
      <c r="A7355" s="11"/>
      <c r="B7355" s="8"/>
    </row>
    <row r="7356" spans="1:2" x14ac:dyDescent="0.3">
      <c r="A7356" s="11"/>
      <c r="B7356" s="8"/>
    </row>
    <row r="7357" spans="1:2" x14ac:dyDescent="0.3">
      <c r="A7357" s="11"/>
      <c r="B7357" s="8"/>
    </row>
    <row r="7358" spans="1:2" x14ac:dyDescent="0.3">
      <c r="A7358" s="11"/>
      <c r="B7358" s="8"/>
    </row>
    <row r="7359" spans="1:2" x14ac:dyDescent="0.3">
      <c r="A7359" s="11"/>
      <c r="B7359" s="8"/>
    </row>
    <row r="7360" spans="1:2" x14ac:dyDescent="0.3">
      <c r="A7360" s="11"/>
      <c r="B7360" s="8"/>
    </row>
    <row r="7361" spans="1:2" x14ac:dyDescent="0.3">
      <c r="A7361" s="11"/>
      <c r="B7361" s="8"/>
    </row>
    <row r="7362" spans="1:2" x14ac:dyDescent="0.3">
      <c r="A7362" s="11"/>
      <c r="B7362" s="8"/>
    </row>
    <row r="7363" spans="1:2" x14ac:dyDescent="0.3">
      <c r="A7363" s="11"/>
      <c r="B7363" s="8"/>
    </row>
    <row r="7364" spans="1:2" x14ac:dyDescent="0.3">
      <c r="A7364" s="11"/>
      <c r="B7364" s="8"/>
    </row>
    <row r="7365" spans="1:2" x14ac:dyDescent="0.3">
      <c r="A7365" s="11"/>
      <c r="B7365" s="8"/>
    </row>
    <row r="7366" spans="1:2" x14ac:dyDescent="0.3">
      <c r="A7366" s="11"/>
      <c r="B7366" s="8"/>
    </row>
    <row r="7367" spans="1:2" x14ac:dyDescent="0.3">
      <c r="A7367" s="11"/>
      <c r="B7367" s="8"/>
    </row>
    <row r="7368" spans="1:2" x14ac:dyDescent="0.3">
      <c r="A7368" s="11"/>
      <c r="B7368" s="8"/>
    </row>
    <row r="7369" spans="1:2" x14ac:dyDescent="0.3">
      <c r="A7369" s="11"/>
      <c r="B7369" s="8"/>
    </row>
    <row r="7370" spans="1:2" x14ac:dyDescent="0.3">
      <c r="A7370" s="11"/>
      <c r="B7370" s="8"/>
    </row>
    <row r="7371" spans="1:2" x14ac:dyDescent="0.3">
      <c r="A7371" s="11"/>
      <c r="B7371" s="8"/>
    </row>
    <row r="7372" spans="1:2" x14ac:dyDescent="0.3">
      <c r="A7372" s="11"/>
      <c r="B7372" s="8"/>
    </row>
    <row r="7373" spans="1:2" x14ac:dyDescent="0.3">
      <c r="A7373" s="11"/>
      <c r="B7373" s="8"/>
    </row>
    <row r="7374" spans="1:2" x14ac:dyDescent="0.3">
      <c r="A7374" s="11"/>
      <c r="B7374" s="8"/>
    </row>
    <row r="7375" spans="1:2" x14ac:dyDescent="0.3">
      <c r="A7375" s="11"/>
      <c r="B7375" s="8"/>
    </row>
    <row r="7376" spans="1:2" x14ac:dyDescent="0.3">
      <c r="A7376" s="11"/>
      <c r="B7376" s="8"/>
    </row>
    <row r="7377" spans="1:2" x14ac:dyDescent="0.3">
      <c r="A7377" s="11"/>
      <c r="B7377" s="8"/>
    </row>
    <row r="7378" spans="1:2" x14ac:dyDescent="0.3">
      <c r="A7378" s="11"/>
      <c r="B7378" s="8"/>
    </row>
    <row r="7379" spans="1:2" x14ac:dyDescent="0.3">
      <c r="A7379" s="11"/>
      <c r="B7379" s="8"/>
    </row>
    <row r="7380" spans="1:2" x14ac:dyDescent="0.3">
      <c r="A7380" s="11"/>
      <c r="B7380" s="8"/>
    </row>
    <row r="7381" spans="1:2" x14ac:dyDescent="0.3">
      <c r="A7381" s="11"/>
      <c r="B7381" s="8"/>
    </row>
    <row r="7382" spans="1:2" x14ac:dyDescent="0.3">
      <c r="A7382" s="11"/>
      <c r="B7382" s="8"/>
    </row>
    <row r="7383" spans="1:2" x14ac:dyDescent="0.3">
      <c r="A7383" s="11"/>
      <c r="B7383" s="8"/>
    </row>
    <row r="7384" spans="1:2" x14ac:dyDescent="0.3">
      <c r="A7384" s="11"/>
      <c r="B7384" s="8"/>
    </row>
    <row r="7385" spans="1:2" x14ac:dyDescent="0.3">
      <c r="A7385" s="11"/>
      <c r="B7385" s="8"/>
    </row>
    <row r="7386" spans="1:2" x14ac:dyDescent="0.3">
      <c r="A7386" s="11"/>
      <c r="B7386" s="8"/>
    </row>
    <row r="7387" spans="1:2" x14ac:dyDescent="0.3">
      <c r="A7387" s="11"/>
      <c r="B7387" s="8"/>
    </row>
    <row r="7388" spans="1:2" x14ac:dyDescent="0.3">
      <c r="A7388" s="11"/>
      <c r="B7388" s="8"/>
    </row>
    <row r="7389" spans="1:2" x14ac:dyDescent="0.3">
      <c r="A7389" s="11"/>
      <c r="B7389" s="8"/>
    </row>
    <row r="7390" spans="1:2" x14ac:dyDescent="0.3">
      <c r="A7390" s="11"/>
      <c r="B7390" s="8"/>
    </row>
    <row r="7391" spans="1:2" x14ac:dyDescent="0.3">
      <c r="A7391" s="11"/>
      <c r="B7391" s="8"/>
    </row>
    <row r="7392" spans="1:2" x14ac:dyDescent="0.3">
      <c r="A7392" s="11"/>
      <c r="B7392" s="8"/>
    </row>
    <row r="7393" spans="1:2" x14ac:dyDescent="0.3">
      <c r="A7393" s="11"/>
      <c r="B7393" s="8"/>
    </row>
    <row r="7394" spans="1:2" x14ac:dyDescent="0.3">
      <c r="A7394" s="11"/>
      <c r="B7394" s="8"/>
    </row>
    <row r="7395" spans="1:2" x14ac:dyDescent="0.3">
      <c r="A7395" s="11"/>
      <c r="B7395" s="8"/>
    </row>
    <row r="7396" spans="1:2" x14ac:dyDescent="0.3">
      <c r="A7396" s="11"/>
      <c r="B7396" s="8"/>
    </row>
    <row r="7397" spans="1:2" x14ac:dyDescent="0.3">
      <c r="A7397" s="11"/>
      <c r="B7397" s="8"/>
    </row>
    <row r="7398" spans="1:2" x14ac:dyDescent="0.3">
      <c r="A7398" s="11"/>
      <c r="B7398" s="8"/>
    </row>
    <row r="7399" spans="1:2" x14ac:dyDescent="0.3">
      <c r="A7399" s="11"/>
      <c r="B7399" s="8"/>
    </row>
    <row r="7400" spans="1:2" x14ac:dyDescent="0.3">
      <c r="A7400" s="11"/>
      <c r="B7400" s="8"/>
    </row>
    <row r="7401" spans="1:2" x14ac:dyDescent="0.3">
      <c r="A7401" s="11"/>
      <c r="B7401" s="8"/>
    </row>
    <row r="7402" spans="1:2" x14ac:dyDescent="0.3">
      <c r="A7402" s="11"/>
      <c r="B7402" s="8"/>
    </row>
    <row r="7403" spans="1:2" x14ac:dyDescent="0.3">
      <c r="A7403" s="11"/>
      <c r="B7403" s="8"/>
    </row>
    <row r="7404" spans="1:2" x14ac:dyDescent="0.3">
      <c r="A7404" s="11"/>
      <c r="B7404" s="8"/>
    </row>
    <row r="7405" spans="1:2" x14ac:dyDescent="0.3">
      <c r="A7405" s="11"/>
      <c r="B7405" s="8"/>
    </row>
    <row r="7406" spans="1:2" x14ac:dyDescent="0.3">
      <c r="A7406" s="11"/>
      <c r="B7406" s="8"/>
    </row>
    <row r="7407" spans="1:2" x14ac:dyDescent="0.3">
      <c r="A7407" s="11"/>
      <c r="B7407" s="8"/>
    </row>
    <row r="7408" spans="1:2" x14ac:dyDescent="0.3">
      <c r="A7408" s="11"/>
      <c r="B7408" s="8"/>
    </row>
    <row r="7409" spans="1:2" x14ac:dyDescent="0.3">
      <c r="A7409" s="11"/>
      <c r="B7409" s="8"/>
    </row>
    <row r="7410" spans="1:2" x14ac:dyDescent="0.3">
      <c r="A7410" s="11"/>
      <c r="B7410" s="8"/>
    </row>
    <row r="7411" spans="1:2" x14ac:dyDescent="0.3">
      <c r="A7411" s="11"/>
      <c r="B7411" s="8"/>
    </row>
    <row r="7412" spans="1:2" x14ac:dyDescent="0.3">
      <c r="A7412" s="11"/>
      <c r="B7412" s="8"/>
    </row>
    <row r="7413" spans="1:2" x14ac:dyDescent="0.3">
      <c r="A7413" s="11"/>
      <c r="B7413" s="8"/>
    </row>
    <row r="7414" spans="1:2" x14ac:dyDescent="0.3">
      <c r="A7414" s="11"/>
      <c r="B7414" s="8"/>
    </row>
    <row r="7415" spans="1:2" x14ac:dyDescent="0.3">
      <c r="A7415" s="11"/>
      <c r="B7415" s="8"/>
    </row>
    <row r="7416" spans="1:2" x14ac:dyDescent="0.3">
      <c r="A7416" s="11"/>
      <c r="B7416" s="8"/>
    </row>
    <row r="7417" spans="1:2" x14ac:dyDescent="0.3">
      <c r="A7417" s="11"/>
      <c r="B7417" s="8"/>
    </row>
    <row r="7418" spans="1:2" x14ac:dyDescent="0.3">
      <c r="A7418" s="11"/>
      <c r="B7418" s="8"/>
    </row>
    <row r="7419" spans="1:2" x14ac:dyDescent="0.3">
      <c r="A7419" s="11"/>
      <c r="B7419" s="8"/>
    </row>
    <row r="7420" spans="1:2" x14ac:dyDescent="0.3">
      <c r="A7420" s="11"/>
      <c r="B7420" s="8"/>
    </row>
    <row r="7421" spans="1:2" x14ac:dyDescent="0.3">
      <c r="A7421" s="11"/>
      <c r="B7421" s="8"/>
    </row>
    <row r="7422" spans="1:2" x14ac:dyDescent="0.3">
      <c r="A7422" s="11"/>
      <c r="B7422" s="8"/>
    </row>
    <row r="7423" spans="1:2" x14ac:dyDescent="0.3">
      <c r="A7423" s="11"/>
      <c r="B7423" s="8"/>
    </row>
    <row r="7424" spans="1:2" x14ac:dyDescent="0.3">
      <c r="A7424" s="11"/>
      <c r="B7424" s="8"/>
    </row>
    <row r="7425" spans="1:2" x14ac:dyDescent="0.3">
      <c r="A7425" s="11"/>
      <c r="B7425" s="8"/>
    </row>
    <row r="7426" spans="1:2" x14ac:dyDescent="0.3">
      <c r="A7426" s="11"/>
      <c r="B7426" s="8"/>
    </row>
    <row r="7427" spans="1:2" x14ac:dyDescent="0.3">
      <c r="A7427" s="11"/>
      <c r="B7427" s="8"/>
    </row>
    <row r="7428" spans="1:2" x14ac:dyDescent="0.3">
      <c r="A7428" s="11"/>
      <c r="B7428" s="8"/>
    </row>
    <row r="7429" spans="1:2" x14ac:dyDescent="0.3">
      <c r="A7429" s="11"/>
      <c r="B7429" s="8"/>
    </row>
    <row r="7430" spans="1:2" x14ac:dyDescent="0.3">
      <c r="A7430" s="11"/>
      <c r="B7430" s="8"/>
    </row>
    <row r="7431" spans="1:2" x14ac:dyDescent="0.3">
      <c r="A7431" s="11"/>
      <c r="B7431" s="8"/>
    </row>
    <row r="7432" spans="1:2" x14ac:dyDescent="0.3">
      <c r="A7432" s="11"/>
      <c r="B7432" s="8"/>
    </row>
    <row r="7433" spans="1:2" x14ac:dyDescent="0.3">
      <c r="A7433" s="11"/>
      <c r="B7433" s="8"/>
    </row>
    <row r="7434" spans="1:2" x14ac:dyDescent="0.3">
      <c r="A7434" s="11"/>
      <c r="B7434" s="8"/>
    </row>
    <row r="7435" spans="1:2" x14ac:dyDescent="0.3">
      <c r="A7435" s="11"/>
      <c r="B7435" s="8"/>
    </row>
    <row r="7436" spans="1:2" x14ac:dyDescent="0.3">
      <c r="A7436" s="11"/>
      <c r="B7436" s="8"/>
    </row>
    <row r="7437" spans="1:2" x14ac:dyDescent="0.3">
      <c r="A7437" s="11"/>
      <c r="B7437" s="8"/>
    </row>
    <row r="7438" spans="1:2" x14ac:dyDescent="0.3">
      <c r="A7438" s="11"/>
      <c r="B7438" s="8"/>
    </row>
    <row r="7439" spans="1:2" x14ac:dyDescent="0.3">
      <c r="A7439" s="11"/>
      <c r="B7439" s="8"/>
    </row>
    <row r="7440" spans="1:2" x14ac:dyDescent="0.3">
      <c r="A7440" s="11"/>
      <c r="B7440" s="8"/>
    </row>
    <row r="7441" spans="1:2" x14ac:dyDescent="0.3">
      <c r="A7441" s="11"/>
      <c r="B7441" s="8"/>
    </row>
    <row r="7442" spans="1:2" x14ac:dyDescent="0.3">
      <c r="A7442" s="11"/>
      <c r="B7442" s="8"/>
    </row>
    <row r="7443" spans="1:2" x14ac:dyDescent="0.3">
      <c r="A7443" s="11"/>
      <c r="B7443" s="8"/>
    </row>
    <row r="7444" spans="1:2" x14ac:dyDescent="0.3">
      <c r="A7444" s="11"/>
      <c r="B7444" s="8"/>
    </row>
    <row r="7445" spans="1:2" x14ac:dyDescent="0.3">
      <c r="A7445" s="11"/>
      <c r="B7445" s="8"/>
    </row>
    <row r="7446" spans="1:2" x14ac:dyDescent="0.3">
      <c r="A7446" s="11"/>
      <c r="B7446" s="8"/>
    </row>
    <row r="7447" spans="1:2" x14ac:dyDescent="0.3">
      <c r="A7447" s="11"/>
      <c r="B7447" s="8"/>
    </row>
    <row r="7448" spans="1:2" x14ac:dyDescent="0.3">
      <c r="A7448" s="11"/>
      <c r="B7448" s="8"/>
    </row>
    <row r="7449" spans="1:2" x14ac:dyDescent="0.3">
      <c r="A7449" s="11"/>
      <c r="B7449" s="8"/>
    </row>
    <row r="7450" spans="1:2" x14ac:dyDescent="0.3">
      <c r="A7450" s="11"/>
      <c r="B7450" s="8"/>
    </row>
    <row r="7451" spans="1:2" x14ac:dyDescent="0.3">
      <c r="A7451" s="11"/>
      <c r="B7451" s="8"/>
    </row>
    <row r="7452" spans="1:2" x14ac:dyDescent="0.3">
      <c r="A7452" s="11"/>
      <c r="B7452" s="8"/>
    </row>
    <row r="7453" spans="1:2" x14ac:dyDescent="0.3">
      <c r="A7453" s="11"/>
      <c r="B7453" s="8"/>
    </row>
    <row r="7454" spans="1:2" x14ac:dyDescent="0.3">
      <c r="A7454" s="11"/>
      <c r="B7454" s="8"/>
    </row>
    <row r="7455" spans="1:2" x14ac:dyDescent="0.3">
      <c r="A7455" s="11"/>
      <c r="B7455" s="8"/>
    </row>
    <row r="7456" spans="1:2" x14ac:dyDescent="0.3">
      <c r="A7456" s="11"/>
      <c r="B7456" s="8"/>
    </row>
    <row r="7457" spans="1:2" x14ac:dyDescent="0.3">
      <c r="A7457" s="11"/>
      <c r="B7457" s="8"/>
    </row>
    <row r="7458" spans="1:2" x14ac:dyDescent="0.3">
      <c r="A7458" s="11"/>
      <c r="B7458" s="8"/>
    </row>
    <row r="7459" spans="1:2" x14ac:dyDescent="0.3">
      <c r="A7459" s="11"/>
      <c r="B7459" s="8"/>
    </row>
    <row r="7460" spans="1:2" x14ac:dyDescent="0.3">
      <c r="A7460" s="11"/>
      <c r="B7460" s="8"/>
    </row>
    <row r="7461" spans="1:2" x14ac:dyDescent="0.3">
      <c r="A7461" s="11"/>
      <c r="B7461" s="8"/>
    </row>
    <row r="7462" spans="1:2" x14ac:dyDescent="0.3">
      <c r="A7462" s="11"/>
      <c r="B7462" s="8"/>
    </row>
    <row r="7463" spans="1:2" x14ac:dyDescent="0.3">
      <c r="A7463" s="11"/>
      <c r="B7463" s="8"/>
    </row>
    <row r="7464" spans="1:2" x14ac:dyDescent="0.3">
      <c r="A7464" s="11"/>
      <c r="B7464" s="8"/>
    </row>
    <row r="7465" spans="1:2" x14ac:dyDescent="0.3">
      <c r="A7465" s="11"/>
      <c r="B7465" s="8"/>
    </row>
    <row r="7466" spans="1:2" x14ac:dyDescent="0.3">
      <c r="A7466" s="11"/>
      <c r="B7466" s="8"/>
    </row>
    <row r="7467" spans="1:2" x14ac:dyDescent="0.3">
      <c r="A7467" s="11"/>
      <c r="B7467" s="8"/>
    </row>
    <row r="7468" spans="1:2" x14ac:dyDescent="0.3">
      <c r="A7468" s="11"/>
      <c r="B7468" s="8"/>
    </row>
    <row r="7469" spans="1:2" x14ac:dyDescent="0.3">
      <c r="A7469" s="11"/>
      <c r="B7469" s="8"/>
    </row>
    <row r="7470" spans="1:2" x14ac:dyDescent="0.3">
      <c r="A7470" s="11"/>
      <c r="B7470" s="8"/>
    </row>
    <row r="7471" spans="1:2" x14ac:dyDescent="0.3">
      <c r="A7471" s="11"/>
      <c r="B7471" s="8"/>
    </row>
    <row r="7472" spans="1:2" x14ac:dyDescent="0.3">
      <c r="A7472" s="11"/>
      <c r="B7472" s="8"/>
    </row>
    <row r="7473" spans="1:2" x14ac:dyDescent="0.3">
      <c r="A7473" s="11"/>
      <c r="B7473" s="8"/>
    </row>
    <row r="7474" spans="1:2" x14ac:dyDescent="0.3">
      <c r="A7474" s="11"/>
      <c r="B7474" s="8"/>
    </row>
    <row r="7475" spans="1:2" x14ac:dyDescent="0.3">
      <c r="A7475" s="11"/>
      <c r="B7475" s="8"/>
    </row>
    <row r="7476" spans="1:2" x14ac:dyDescent="0.3">
      <c r="A7476" s="11"/>
      <c r="B7476" s="8"/>
    </row>
    <row r="7477" spans="1:2" x14ac:dyDescent="0.3">
      <c r="A7477" s="11"/>
      <c r="B7477" s="8"/>
    </row>
    <row r="7478" spans="1:2" x14ac:dyDescent="0.3">
      <c r="A7478" s="11"/>
      <c r="B7478" s="8"/>
    </row>
    <row r="7479" spans="1:2" x14ac:dyDescent="0.3">
      <c r="A7479" s="11"/>
      <c r="B7479" s="8"/>
    </row>
    <row r="7480" spans="1:2" x14ac:dyDescent="0.3">
      <c r="A7480" s="11"/>
      <c r="B7480" s="8"/>
    </row>
    <row r="7481" spans="1:2" x14ac:dyDescent="0.3">
      <c r="A7481" s="11"/>
      <c r="B7481" s="8"/>
    </row>
    <row r="7482" spans="1:2" x14ac:dyDescent="0.3">
      <c r="A7482" s="11"/>
      <c r="B7482" s="8"/>
    </row>
    <row r="7483" spans="1:2" x14ac:dyDescent="0.3">
      <c r="A7483" s="11"/>
      <c r="B7483" s="8"/>
    </row>
    <row r="7484" spans="1:2" x14ac:dyDescent="0.3">
      <c r="A7484" s="11"/>
      <c r="B7484" s="8"/>
    </row>
    <row r="7485" spans="1:2" x14ac:dyDescent="0.3">
      <c r="A7485" s="11"/>
      <c r="B7485" s="8"/>
    </row>
    <row r="7486" spans="1:2" x14ac:dyDescent="0.3">
      <c r="A7486" s="11"/>
      <c r="B7486" s="8"/>
    </row>
    <row r="7487" spans="1:2" x14ac:dyDescent="0.3">
      <c r="A7487" s="11"/>
      <c r="B7487" s="8"/>
    </row>
    <row r="7488" spans="1:2" x14ac:dyDescent="0.3">
      <c r="A7488" s="11"/>
      <c r="B7488" s="8"/>
    </row>
    <row r="7489" spans="1:2" x14ac:dyDescent="0.3">
      <c r="A7489" s="11"/>
      <c r="B7489" s="8"/>
    </row>
    <row r="7490" spans="1:2" x14ac:dyDescent="0.3">
      <c r="A7490" s="11"/>
      <c r="B7490" s="8"/>
    </row>
    <row r="7491" spans="1:2" x14ac:dyDescent="0.3">
      <c r="A7491" s="11"/>
      <c r="B7491" s="8"/>
    </row>
    <row r="7492" spans="1:2" x14ac:dyDescent="0.3">
      <c r="A7492" s="11"/>
      <c r="B7492" s="8"/>
    </row>
    <row r="7493" spans="1:2" x14ac:dyDescent="0.3">
      <c r="A7493" s="11"/>
      <c r="B7493" s="8"/>
    </row>
    <row r="7494" spans="1:2" x14ac:dyDescent="0.3">
      <c r="A7494" s="11"/>
      <c r="B7494" s="8"/>
    </row>
    <row r="7495" spans="1:2" x14ac:dyDescent="0.3">
      <c r="A7495" s="11"/>
      <c r="B7495" s="8"/>
    </row>
    <row r="7496" spans="1:2" x14ac:dyDescent="0.3">
      <c r="A7496" s="11"/>
      <c r="B7496" s="8"/>
    </row>
    <row r="7497" spans="1:2" x14ac:dyDescent="0.3">
      <c r="A7497" s="11"/>
      <c r="B7497" s="8"/>
    </row>
    <row r="7498" spans="1:2" x14ac:dyDescent="0.3">
      <c r="A7498" s="11"/>
      <c r="B7498" s="8"/>
    </row>
    <row r="7499" spans="1:2" x14ac:dyDescent="0.3">
      <c r="A7499" s="11"/>
      <c r="B7499" s="8"/>
    </row>
    <row r="7500" spans="1:2" x14ac:dyDescent="0.3">
      <c r="A7500" s="11"/>
      <c r="B7500" s="8"/>
    </row>
    <row r="7501" spans="1:2" x14ac:dyDescent="0.3">
      <c r="A7501" s="11"/>
      <c r="B7501" s="8"/>
    </row>
    <row r="7502" spans="1:2" x14ac:dyDescent="0.3">
      <c r="A7502" s="11"/>
      <c r="B7502" s="8"/>
    </row>
    <row r="7503" spans="1:2" x14ac:dyDescent="0.3">
      <c r="A7503" s="11"/>
      <c r="B7503" s="8"/>
    </row>
    <row r="7504" spans="1:2" x14ac:dyDescent="0.3">
      <c r="A7504" s="11"/>
      <c r="B7504" s="8"/>
    </row>
    <row r="7505" spans="1:2" x14ac:dyDescent="0.3">
      <c r="A7505" s="11"/>
      <c r="B7505" s="8"/>
    </row>
    <row r="7506" spans="1:2" x14ac:dyDescent="0.3">
      <c r="A7506" s="11"/>
      <c r="B7506" s="8"/>
    </row>
    <row r="7507" spans="1:2" x14ac:dyDescent="0.3">
      <c r="A7507" s="11"/>
      <c r="B7507" s="8"/>
    </row>
    <row r="7508" spans="1:2" x14ac:dyDescent="0.3">
      <c r="A7508" s="11"/>
      <c r="B7508" s="8"/>
    </row>
    <row r="7509" spans="1:2" x14ac:dyDescent="0.3">
      <c r="A7509" s="11"/>
      <c r="B7509" s="8"/>
    </row>
    <row r="7510" spans="1:2" x14ac:dyDescent="0.3">
      <c r="A7510" s="11"/>
      <c r="B7510" s="8"/>
    </row>
    <row r="7511" spans="1:2" x14ac:dyDescent="0.3">
      <c r="A7511" s="11"/>
      <c r="B7511" s="8"/>
    </row>
    <row r="7512" spans="1:2" x14ac:dyDescent="0.3">
      <c r="A7512" s="11"/>
      <c r="B7512" s="8"/>
    </row>
    <row r="7513" spans="1:2" x14ac:dyDescent="0.3">
      <c r="A7513" s="11"/>
      <c r="B7513" s="8"/>
    </row>
    <row r="7514" spans="1:2" x14ac:dyDescent="0.3">
      <c r="A7514" s="11"/>
      <c r="B7514" s="8"/>
    </row>
    <row r="7515" spans="1:2" x14ac:dyDescent="0.3">
      <c r="A7515" s="11"/>
      <c r="B7515" s="8"/>
    </row>
    <row r="7516" spans="1:2" x14ac:dyDescent="0.3">
      <c r="A7516" s="11"/>
      <c r="B7516" s="8"/>
    </row>
    <row r="7517" spans="1:2" x14ac:dyDescent="0.3">
      <c r="A7517" s="11"/>
      <c r="B7517" s="8"/>
    </row>
    <row r="7518" spans="1:2" x14ac:dyDescent="0.3">
      <c r="A7518" s="11"/>
      <c r="B7518" s="8"/>
    </row>
    <row r="7519" spans="1:2" x14ac:dyDescent="0.3">
      <c r="A7519" s="11"/>
      <c r="B7519" s="8"/>
    </row>
    <row r="7520" spans="1:2" x14ac:dyDescent="0.3">
      <c r="A7520" s="11"/>
      <c r="B7520" s="8"/>
    </row>
    <row r="7521" spans="1:2" x14ac:dyDescent="0.3">
      <c r="A7521" s="11"/>
      <c r="B7521" s="8"/>
    </row>
    <row r="7522" spans="1:2" x14ac:dyDescent="0.3">
      <c r="A7522" s="11"/>
      <c r="B7522" s="8"/>
    </row>
    <row r="7523" spans="1:2" x14ac:dyDescent="0.3">
      <c r="A7523" s="11"/>
      <c r="B7523" s="8"/>
    </row>
    <row r="7524" spans="1:2" x14ac:dyDescent="0.3">
      <c r="A7524" s="11"/>
      <c r="B7524" s="8"/>
    </row>
    <row r="7525" spans="1:2" x14ac:dyDescent="0.3">
      <c r="A7525" s="11"/>
      <c r="B7525" s="8"/>
    </row>
    <row r="7526" spans="1:2" x14ac:dyDescent="0.3">
      <c r="A7526" s="11"/>
      <c r="B7526" s="8"/>
    </row>
    <row r="7527" spans="1:2" x14ac:dyDescent="0.3">
      <c r="A7527" s="11"/>
      <c r="B7527" s="8"/>
    </row>
    <row r="7528" spans="1:2" x14ac:dyDescent="0.3">
      <c r="A7528" s="11"/>
      <c r="B7528" s="8"/>
    </row>
    <row r="7529" spans="1:2" x14ac:dyDescent="0.3">
      <c r="A7529" s="11"/>
      <c r="B7529" s="8"/>
    </row>
    <row r="7530" spans="1:2" x14ac:dyDescent="0.3">
      <c r="A7530" s="11"/>
      <c r="B7530" s="8"/>
    </row>
    <row r="7531" spans="1:2" x14ac:dyDescent="0.3">
      <c r="A7531" s="11"/>
      <c r="B7531" s="8"/>
    </row>
    <row r="7532" spans="1:2" x14ac:dyDescent="0.3">
      <c r="A7532" s="11"/>
      <c r="B7532" s="8"/>
    </row>
    <row r="7533" spans="1:2" x14ac:dyDescent="0.3">
      <c r="A7533" s="11"/>
      <c r="B7533" s="8"/>
    </row>
    <row r="7534" spans="1:2" x14ac:dyDescent="0.3">
      <c r="A7534" s="11"/>
      <c r="B7534" s="8"/>
    </row>
    <row r="7535" spans="1:2" x14ac:dyDescent="0.3">
      <c r="A7535" s="11"/>
      <c r="B7535" s="8"/>
    </row>
    <row r="7536" spans="1:2" x14ac:dyDescent="0.3">
      <c r="A7536" s="11"/>
      <c r="B7536" s="8"/>
    </row>
    <row r="7537" spans="1:2" x14ac:dyDescent="0.3">
      <c r="A7537" s="11"/>
      <c r="B7537" s="8"/>
    </row>
    <row r="7538" spans="1:2" x14ac:dyDescent="0.3">
      <c r="A7538" s="11"/>
      <c r="B7538" s="8"/>
    </row>
    <row r="7539" spans="1:2" x14ac:dyDescent="0.3">
      <c r="A7539" s="11"/>
      <c r="B7539" s="8"/>
    </row>
    <row r="7540" spans="1:2" x14ac:dyDescent="0.3">
      <c r="A7540" s="11"/>
      <c r="B7540" s="8"/>
    </row>
    <row r="7541" spans="1:2" x14ac:dyDescent="0.3">
      <c r="A7541" s="11"/>
      <c r="B7541" s="8"/>
    </row>
    <row r="7542" spans="1:2" x14ac:dyDescent="0.3">
      <c r="A7542" s="11"/>
      <c r="B7542" s="8"/>
    </row>
    <row r="7543" spans="1:2" x14ac:dyDescent="0.3">
      <c r="A7543" s="11"/>
      <c r="B7543" s="8"/>
    </row>
    <row r="7544" spans="1:2" x14ac:dyDescent="0.3">
      <c r="A7544" s="11"/>
      <c r="B7544" s="8"/>
    </row>
    <row r="7545" spans="1:2" x14ac:dyDescent="0.3">
      <c r="A7545" s="11"/>
      <c r="B7545" s="8"/>
    </row>
    <row r="7546" spans="1:2" x14ac:dyDescent="0.3">
      <c r="A7546" s="11"/>
      <c r="B7546" s="8"/>
    </row>
    <row r="7547" spans="1:2" x14ac:dyDescent="0.3">
      <c r="A7547" s="11"/>
      <c r="B7547" s="8"/>
    </row>
    <row r="7548" spans="1:2" x14ac:dyDescent="0.3">
      <c r="A7548" s="11"/>
      <c r="B7548" s="8"/>
    </row>
    <row r="7549" spans="1:2" x14ac:dyDescent="0.3">
      <c r="A7549" s="11"/>
      <c r="B7549" s="8"/>
    </row>
    <row r="7550" spans="1:2" x14ac:dyDescent="0.3">
      <c r="A7550" s="11"/>
      <c r="B7550" s="8"/>
    </row>
    <row r="7551" spans="1:2" x14ac:dyDescent="0.3">
      <c r="A7551" s="11"/>
      <c r="B7551" s="8"/>
    </row>
    <row r="7552" spans="1:2" x14ac:dyDescent="0.3">
      <c r="A7552" s="11"/>
      <c r="B7552" s="8"/>
    </row>
    <row r="7553" spans="1:2" x14ac:dyDescent="0.3">
      <c r="A7553" s="11"/>
      <c r="B7553" s="8"/>
    </row>
    <row r="7554" spans="1:2" x14ac:dyDescent="0.3">
      <c r="A7554" s="11"/>
      <c r="B7554" s="8"/>
    </row>
    <row r="7555" spans="1:2" x14ac:dyDescent="0.3">
      <c r="A7555" s="11"/>
      <c r="B7555" s="8"/>
    </row>
    <row r="7556" spans="1:2" x14ac:dyDescent="0.3">
      <c r="A7556" s="11"/>
      <c r="B7556" s="8"/>
    </row>
    <row r="7557" spans="1:2" x14ac:dyDescent="0.3">
      <c r="A7557" s="11"/>
      <c r="B7557" s="8"/>
    </row>
    <row r="7558" spans="1:2" x14ac:dyDescent="0.3">
      <c r="A7558" s="11"/>
      <c r="B7558" s="8"/>
    </row>
    <row r="7559" spans="1:2" x14ac:dyDescent="0.3">
      <c r="A7559" s="11"/>
      <c r="B7559" s="8"/>
    </row>
    <row r="7560" spans="1:2" x14ac:dyDescent="0.3">
      <c r="A7560" s="11"/>
      <c r="B7560" s="8"/>
    </row>
    <row r="7561" spans="1:2" x14ac:dyDescent="0.3">
      <c r="A7561" s="11"/>
      <c r="B7561" s="8"/>
    </row>
    <row r="7562" spans="1:2" x14ac:dyDescent="0.3">
      <c r="A7562" s="11"/>
      <c r="B7562" s="8"/>
    </row>
    <row r="7563" spans="1:2" x14ac:dyDescent="0.3">
      <c r="A7563" s="11"/>
      <c r="B7563" s="8"/>
    </row>
    <row r="7564" spans="1:2" x14ac:dyDescent="0.3">
      <c r="A7564" s="11"/>
      <c r="B7564" s="8"/>
    </row>
    <row r="7565" spans="1:2" x14ac:dyDescent="0.3">
      <c r="A7565" s="11"/>
      <c r="B7565" s="8"/>
    </row>
    <row r="7566" spans="1:2" x14ac:dyDescent="0.3">
      <c r="A7566" s="11"/>
      <c r="B7566" s="8"/>
    </row>
    <row r="7567" spans="1:2" x14ac:dyDescent="0.3">
      <c r="A7567" s="11"/>
      <c r="B7567" s="8"/>
    </row>
    <row r="7568" spans="1:2" x14ac:dyDescent="0.3">
      <c r="A7568" s="11"/>
      <c r="B7568" s="8"/>
    </row>
    <row r="7569" spans="1:2" x14ac:dyDescent="0.3">
      <c r="A7569" s="11"/>
      <c r="B7569" s="8"/>
    </row>
    <row r="7570" spans="1:2" x14ac:dyDescent="0.3">
      <c r="A7570" s="11"/>
      <c r="B7570" s="8"/>
    </row>
    <row r="7571" spans="1:2" x14ac:dyDescent="0.3">
      <c r="A7571" s="11"/>
      <c r="B7571" s="8"/>
    </row>
    <row r="7572" spans="1:2" x14ac:dyDescent="0.3">
      <c r="A7572" s="11"/>
      <c r="B7572" s="8"/>
    </row>
    <row r="7573" spans="1:2" x14ac:dyDescent="0.3">
      <c r="A7573" s="11"/>
      <c r="B7573" s="8"/>
    </row>
    <row r="7574" spans="1:2" x14ac:dyDescent="0.3">
      <c r="A7574" s="11"/>
      <c r="B7574" s="8"/>
    </row>
    <row r="7575" spans="1:2" x14ac:dyDescent="0.3">
      <c r="A7575" s="11"/>
      <c r="B7575" s="8"/>
    </row>
    <row r="7576" spans="1:2" x14ac:dyDescent="0.3">
      <c r="A7576" s="11"/>
      <c r="B7576" s="8"/>
    </row>
    <row r="7577" spans="1:2" x14ac:dyDescent="0.3">
      <c r="A7577" s="11"/>
      <c r="B7577" s="8"/>
    </row>
    <row r="7578" spans="1:2" x14ac:dyDescent="0.3">
      <c r="A7578" s="11"/>
      <c r="B7578" s="8"/>
    </row>
    <row r="7579" spans="1:2" x14ac:dyDescent="0.3">
      <c r="A7579" s="11"/>
      <c r="B7579" s="8"/>
    </row>
    <row r="7580" spans="1:2" x14ac:dyDescent="0.3">
      <c r="A7580" s="11"/>
      <c r="B7580" s="8"/>
    </row>
    <row r="7581" spans="1:2" x14ac:dyDescent="0.3">
      <c r="A7581" s="11"/>
      <c r="B7581" s="8"/>
    </row>
    <row r="7582" spans="1:2" x14ac:dyDescent="0.3">
      <c r="A7582" s="11"/>
      <c r="B7582" s="8"/>
    </row>
    <row r="7583" spans="1:2" x14ac:dyDescent="0.3">
      <c r="A7583" s="11"/>
      <c r="B7583" s="8"/>
    </row>
    <row r="7584" spans="1:2" x14ac:dyDescent="0.3">
      <c r="A7584" s="11"/>
      <c r="B7584" s="8"/>
    </row>
    <row r="7585" spans="1:2" x14ac:dyDescent="0.3">
      <c r="A7585" s="11"/>
      <c r="B7585" s="8"/>
    </row>
    <row r="7586" spans="1:2" x14ac:dyDescent="0.3">
      <c r="A7586" s="11"/>
      <c r="B7586" s="8"/>
    </row>
    <row r="7587" spans="1:2" x14ac:dyDescent="0.3">
      <c r="A7587" s="11"/>
      <c r="B7587" s="8"/>
    </row>
    <row r="7588" spans="1:2" x14ac:dyDescent="0.3">
      <c r="A7588" s="11"/>
      <c r="B7588" s="8"/>
    </row>
    <row r="7589" spans="1:2" x14ac:dyDescent="0.3">
      <c r="A7589" s="11"/>
      <c r="B7589" s="8"/>
    </row>
    <row r="7590" spans="1:2" x14ac:dyDescent="0.3">
      <c r="A7590" s="11"/>
      <c r="B7590" s="8"/>
    </row>
    <row r="7591" spans="1:2" x14ac:dyDescent="0.3">
      <c r="A7591" s="11"/>
      <c r="B7591" s="8"/>
    </row>
    <row r="7592" spans="1:2" x14ac:dyDescent="0.3">
      <c r="A7592" s="11"/>
      <c r="B7592" s="8"/>
    </row>
    <row r="7593" spans="1:2" x14ac:dyDescent="0.3">
      <c r="A7593" s="11"/>
      <c r="B7593" s="8"/>
    </row>
    <row r="7594" spans="1:2" x14ac:dyDescent="0.3">
      <c r="A7594" s="11"/>
      <c r="B7594" s="8"/>
    </row>
    <row r="7595" spans="1:2" x14ac:dyDescent="0.3">
      <c r="A7595" s="11"/>
      <c r="B7595" s="8"/>
    </row>
    <row r="7596" spans="1:2" x14ac:dyDescent="0.3">
      <c r="A7596" s="11"/>
      <c r="B7596" s="8"/>
    </row>
    <row r="7597" spans="1:2" x14ac:dyDescent="0.3">
      <c r="A7597" s="11"/>
      <c r="B7597" s="8"/>
    </row>
    <row r="7598" spans="1:2" x14ac:dyDescent="0.3">
      <c r="A7598" s="11"/>
      <c r="B7598" s="8"/>
    </row>
    <row r="7599" spans="1:2" x14ac:dyDescent="0.3">
      <c r="A7599" s="11"/>
      <c r="B7599" s="8"/>
    </row>
    <row r="7600" spans="1:2" x14ac:dyDescent="0.3">
      <c r="A7600" s="11"/>
      <c r="B7600" s="8"/>
    </row>
    <row r="7601" spans="1:2" x14ac:dyDescent="0.3">
      <c r="A7601" s="11"/>
      <c r="B7601" s="8"/>
    </row>
    <row r="7602" spans="1:2" x14ac:dyDescent="0.3">
      <c r="A7602" s="11"/>
      <c r="B7602" s="8"/>
    </row>
    <row r="7603" spans="1:2" x14ac:dyDescent="0.3">
      <c r="A7603" s="11"/>
      <c r="B7603" s="8"/>
    </row>
    <row r="7604" spans="1:2" x14ac:dyDescent="0.3">
      <c r="A7604" s="11"/>
      <c r="B7604" s="8"/>
    </row>
    <row r="7605" spans="1:2" x14ac:dyDescent="0.3">
      <c r="A7605" s="11"/>
      <c r="B7605" s="8"/>
    </row>
    <row r="7606" spans="1:2" x14ac:dyDescent="0.3">
      <c r="A7606" s="11"/>
      <c r="B7606" s="8"/>
    </row>
    <row r="7607" spans="1:2" x14ac:dyDescent="0.3">
      <c r="A7607" s="11"/>
      <c r="B7607" s="8"/>
    </row>
    <row r="7608" spans="1:2" x14ac:dyDescent="0.3">
      <c r="A7608" s="11"/>
      <c r="B7608" s="8"/>
    </row>
    <row r="7609" spans="1:2" x14ac:dyDescent="0.3">
      <c r="A7609" s="11"/>
      <c r="B7609" s="8"/>
    </row>
    <row r="7610" spans="1:2" x14ac:dyDescent="0.3">
      <c r="A7610" s="11"/>
      <c r="B7610" s="8"/>
    </row>
    <row r="7611" spans="1:2" x14ac:dyDescent="0.3">
      <c r="A7611" s="11"/>
      <c r="B7611" s="8"/>
    </row>
    <row r="7612" spans="1:2" x14ac:dyDescent="0.3">
      <c r="A7612" s="11"/>
      <c r="B7612" s="8"/>
    </row>
    <row r="7613" spans="1:2" x14ac:dyDescent="0.3">
      <c r="A7613" s="11"/>
      <c r="B7613" s="8"/>
    </row>
    <row r="7614" spans="1:2" x14ac:dyDescent="0.3">
      <c r="A7614" s="11"/>
      <c r="B7614" s="8"/>
    </row>
    <row r="7615" spans="1:2" x14ac:dyDescent="0.3">
      <c r="A7615" s="11"/>
      <c r="B7615" s="8"/>
    </row>
    <row r="7616" spans="1:2" x14ac:dyDescent="0.3">
      <c r="A7616" s="11"/>
      <c r="B7616" s="8"/>
    </row>
    <row r="7617" spans="1:2" x14ac:dyDescent="0.3">
      <c r="A7617" s="11"/>
      <c r="B7617" s="8"/>
    </row>
    <row r="7618" spans="1:2" x14ac:dyDescent="0.3">
      <c r="A7618" s="11"/>
      <c r="B7618" s="8"/>
    </row>
    <row r="7619" spans="1:2" x14ac:dyDescent="0.3">
      <c r="A7619" s="11"/>
      <c r="B7619" s="8"/>
    </row>
    <row r="7620" spans="1:2" x14ac:dyDescent="0.3">
      <c r="A7620" s="11"/>
      <c r="B7620" s="8"/>
    </row>
    <row r="7621" spans="1:2" x14ac:dyDescent="0.3">
      <c r="A7621" s="11"/>
      <c r="B7621" s="8"/>
    </row>
    <row r="7622" spans="1:2" x14ac:dyDescent="0.3">
      <c r="A7622" s="11"/>
      <c r="B7622" s="8"/>
    </row>
    <row r="7623" spans="1:2" x14ac:dyDescent="0.3">
      <c r="A7623" s="11"/>
      <c r="B7623" s="8"/>
    </row>
    <row r="7624" spans="1:2" x14ac:dyDescent="0.3">
      <c r="A7624" s="11"/>
      <c r="B7624" s="8"/>
    </row>
    <row r="7625" spans="1:2" x14ac:dyDescent="0.3">
      <c r="A7625" s="11"/>
      <c r="B7625" s="8"/>
    </row>
    <row r="7626" spans="1:2" x14ac:dyDescent="0.3">
      <c r="A7626" s="11"/>
      <c r="B7626" s="8"/>
    </row>
    <row r="7627" spans="1:2" x14ac:dyDescent="0.3">
      <c r="A7627" s="11"/>
      <c r="B7627" s="8"/>
    </row>
    <row r="7628" spans="1:2" x14ac:dyDescent="0.3">
      <c r="A7628" s="11"/>
      <c r="B7628" s="8"/>
    </row>
    <row r="7629" spans="1:2" x14ac:dyDescent="0.3">
      <c r="A7629" s="11"/>
      <c r="B7629" s="8"/>
    </row>
    <row r="7630" spans="1:2" x14ac:dyDescent="0.3">
      <c r="A7630" s="11"/>
      <c r="B7630" s="8"/>
    </row>
    <row r="7631" spans="1:2" x14ac:dyDescent="0.3">
      <c r="A7631" s="11"/>
      <c r="B7631" s="8"/>
    </row>
    <row r="7632" spans="1:2" x14ac:dyDescent="0.3">
      <c r="A7632" s="11"/>
      <c r="B7632" s="8"/>
    </row>
    <row r="7633" spans="1:2" x14ac:dyDescent="0.3">
      <c r="A7633" s="11"/>
      <c r="B7633" s="8"/>
    </row>
    <row r="7634" spans="1:2" x14ac:dyDescent="0.3">
      <c r="A7634" s="11"/>
      <c r="B7634" s="8"/>
    </row>
    <row r="7635" spans="1:2" x14ac:dyDescent="0.3">
      <c r="A7635" s="11"/>
      <c r="B7635" s="8"/>
    </row>
    <row r="7636" spans="1:2" x14ac:dyDescent="0.3">
      <c r="A7636" s="11"/>
      <c r="B7636" s="8"/>
    </row>
    <row r="7637" spans="1:2" x14ac:dyDescent="0.3">
      <c r="A7637" s="11"/>
      <c r="B7637" s="8"/>
    </row>
    <row r="7638" spans="1:2" x14ac:dyDescent="0.3">
      <c r="A7638" s="11"/>
      <c r="B7638" s="8"/>
    </row>
    <row r="7639" spans="1:2" x14ac:dyDescent="0.3">
      <c r="A7639" s="11"/>
      <c r="B7639" s="8"/>
    </row>
    <row r="7640" spans="1:2" x14ac:dyDescent="0.3">
      <c r="A7640" s="11"/>
      <c r="B7640" s="8"/>
    </row>
    <row r="7641" spans="1:2" x14ac:dyDescent="0.3">
      <c r="A7641" s="11"/>
      <c r="B7641" s="8"/>
    </row>
    <row r="7642" spans="1:2" x14ac:dyDescent="0.3">
      <c r="A7642" s="11"/>
      <c r="B7642" s="8"/>
    </row>
    <row r="7643" spans="1:2" x14ac:dyDescent="0.3">
      <c r="A7643" s="11"/>
      <c r="B7643" s="8"/>
    </row>
    <row r="7644" spans="1:2" x14ac:dyDescent="0.3">
      <c r="A7644" s="11"/>
      <c r="B7644" s="8"/>
    </row>
    <row r="7645" spans="1:2" x14ac:dyDescent="0.3">
      <c r="A7645" s="11"/>
      <c r="B7645" s="8"/>
    </row>
    <row r="7646" spans="1:2" x14ac:dyDescent="0.3">
      <c r="A7646" s="11"/>
      <c r="B7646" s="8"/>
    </row>
    <row r="7647" spans="1:2" x14ac:dyDescent="0.3">
      <c r="A7647" s="11"/>
      <c r="B7647" s="8"/>
    </row>
    <row r="7648" spans="1:2" x14ac:dyDescent="0.3">
      <c r="A7648" s="11"/>
      <c r="B7648" s="8"/>
    </row>
    <row r="7649" spans="1:2" x14ac:dyDescent="0.3">
      <c r="A7649" s="11"/>
      <c r="B7649" s="8"/>
    </row>
    <row r="7650" spans="1:2" x14ac:dyDescent="0.3">
      <c r="A7650" s="11"/>
      <c r="B7650" s="8"/>
    </row>
    <row r="7651" spans="1:2" x14ac:dyDescent="0.3">
      <c r="A7651" s="11"/>
      <c r="B7651" s="8"/>
    </row>
    <row r="7652" spans="1:2" x14ac:dyDescent="0.3">
      <c r="A7652" s="11"/>
      <c r="B7652" s="8"/>
    </row>
    <row r="7653" spans="1:2" x14ac:dyDescent="0.3">
      <c r="A7653" s="11"/>
      <c r="B7653" s="8"/>
    </row>
    <row r="7654" spans="1:2" x14ac:dyDescent="0.3">
      <c r="A7654" s="11"/>
      <c r="B7654" s="8"/>
    </row>
    <row r="7655" spans="1:2" x14ac:dyDescent="0.3">
      <c r="A7655" s="11"/>
      <c r="B7655" s="8"/>
    </row>
    <row r="7656" spans="1:2" x14ac:dyDescent="0.3">
      <c r="A7656" s="11"/>
      <c r="B7656" s="8"/>
    </row>
    <row r="7657" spans="1:2" x14ac:dyDescent="0.3">
      <c r="A7657" s="11"/>
      <c r="B7657" s="8"/>
    </row>
    <row r="7658" spans="1:2" x14ac:dyDescent="0.3">
      <c r="A7658" s="11"/>
      <c r="B7658" s="8"/>
    </row>
    <row r="7659" spans="1:2" x14ac:dyDescent="0.3">
      <c r="A7659" s="11"/>
      <c r="B7659" s="8"/>
    </row>
    <row r="7660" spans="1:2" x14ac:dyDescent="0.3">
      <c r="A7660" s="11"/>
      <c r="B7660" s="8"/>
    </row>
    <row r="7661" spans="1:2" x14ac:dyDescent="0.3">
      <c r="A7661" s="11"/>
      <c r="B7661" s="8"/>
    </row>
    <row r="7662" spans="1:2" x14ac:dyDescent="0.3">
      <c r="A7662" s="11"/>
      <c r="B7662" s="8"/>
    </row>
    <row r="7663" spans="1:2" x14ac:dyDescent="0.3">
      <c r="A7663" s="11"/>
      <c r="B7663" s="8"/>
    </row>
    <row r="7664" spans="1:2" x14ac:dyDescent="0.3">
      <c r="A7664" s="11"/>
      <c r="B7664" s="8"/>
    </row>
    <row r="7665" spans="1:2" x14ac:dyDescent="0.3">
      <c r="A7665" s="11"/>
      <c r="B7665" s="8"/>
    </row>
    <row r="7666" spans="1:2" x14ac:dyDescent="0.3">
      <c r="A7666" s="11"/>
      <c r="B7666" s="8"/>
    </row>
    <row r="7667" spans="1:2" x14ac:dyDescent="0.3">
      <c r="A7667" s="11"/>
      <c r="B7667" s="8"/>
    </row>
    <row r="7668" spans="1:2" x14ac:dyDescent="0.3">
      <c r="A7668" s="11"/>
      <c r="B7668" s="8"/>
    </row>
    <row r="7669" spans="1:2" x14ac:dyDescent="0.3">
      <c r="A7669" s="11"/>
      <c r="B7669" s="8"/>
    </row>
    <row r="7670" spans="1:2" x14ac:dyDescent="0.3">
      <c r="A7670" s="11"/>
      <c r="B7670" s="8"/>
    </row>
    <row r="7671" spans="1:2" x14ac:dyDescent="0.3">
      <c r="A7671" s="11"/>
      <c r="B7671" s="8"/>
    </row>
    <row r="7672" spans="1:2" x14ac:dyDescent="0.3">
      <c r="A7672" s="11"/>
      <c r="B7672" s="8"/>
    </row>
    <row r="7673" spans="1:2" x14ac:dyDescent="0.3">
      <c r="A7673" s="11"/>
      <c r="B7673" s="8"/>
    </row>
    <row r="7674" spans="1:2" x14ac:dyDescent="0.3">
      <c r="A7674" s="11"/>
      <c r="B7674" s="8"/>
    </row>
    <row r="7675" spans="1:2" x14ac:dyDescent="0.3">
      <c r="A7675" s="11"/>
      <c r="B7675" s="8"/>
    </row>
    <row r="7676" spans="1:2" x14ac:dyDescent="0.3">
      <c r="A7676" s="11"/>
      <c r="B7676" s="8"/>
    </row>
    <row r="7677" spans="1:2" x14ac:dyDescent="0.3">
      <c r="A7677" s="11"/>
      <c r="B7677" s="8"/>
    </row>
    <row r="7678" spans="1:2" x14ac:dyDescent="0.3">
      <c r="A7678" s="11"/>
      <c r="B7678" s="8"/>
    </row>
    <row r="7679" spans="1:2" x14ac:dyDescent="0.3">
      <c r="A7679" s="11"/>
      <c r="B7679" s="8"/>
    </row>
    <row r="7680" spans="1:2" x14ac:dyDescent="0.3">
      <c r="A7680" s="11"/>
      <c r="B7680" s="8"/>
    </row>
    <row r="7681" spans="1:2" x14ac:dyDescent="0.3">
      <c r="A7681" s="11"/>
      <c r="B7681" s="8"/>
    </row>
    <row r="7682" spans="1:2" x14ac:dyDescent="0.3">
      <c r="A7682" s="11"/>
      <c r="B7682" s="8"/>
    </row>
    <row r="7683" spans="1:2" x14ac:dyDescent="0.3">
      <c r="A7683" s="11"/>
      <c r="B7683" s="8"/>
    </row>
    <row r="7684" spans="1:2" x14ac:dyDescent="0.3">
      <c r="A7684" s="11"/>
      <c r="B7684" s="8"/>
    </row>
    <row r="7685" spans="1:2" x14ac:dyDescent="0.3">
      <c r="A7685" s="11"/>
      <c r="B7685" s="8"/>
    </row>
    <row r="7686" spans="1:2" x14ac:dyDescent="0.3">
      <c r="A7686" s="11"/>
      <c r="B7686" s="8"/>
    </row>
    <row r="7687" spans="1:2" x14ac:dyDescent="0.3">
      <c r="A7687" s="11"/>
      <c r="B7687" s="8"/>
    </row>
    <row r="7688" spans="1:2" x14ac:dyDescent="0.3">
      <c r="A7688" s="11"/>
      <c r="B7688" s="8"/>
    </row>
    <row r="7689" spans="1:2" x14ac:dyDescent="0.3">
      <c r="A7689" s="11"/>
      <c r="B7689" s="8"/>
    </row>
    <row r="7690" spans="1:2" x14ac:dyDescent="0.3">
      <c r="A7690" s="11"/>
      <c r="B7690" s="8"/>
    </row>
    <row r="7691" spans="1:2" x14ac:dyDescent="0.3">
      <c r="A7691" s="11"/>
      <c r="B7691" s="8"/>
    </row>
    <row r="7692" spans="1:2" x14ac:dyDescent="0.3">
      <c r="A7692" s="11"/>
      <c r="B7692" s="8"/>
    </row>
    <row r="7693" spans="1:2" x14ac:dyDescent="0.3">
      <c r="A7693" s="11"/>
      <c r="B7693" s="8"/>
    </row>
    <row r="7694" spans="1:2" x14ac:dyDescent="0.3">
      <c r="A7694" s="11"/>
      <c r="B7694" s="8"/>
    </row>
    <row r="7695" spans="1:2" x14ac:dyDescent="0.3">
      <c r="A7695" s="11"/>
      <c r="B7695" s="8"/>
    </row>
    <row r="7696" spans="1:2" x14ac:dyDescent="0.3">
      <c r="A7696" s="11"/>
      <c r="B7696" s="8"/>
    </row>
    <row r="7697" spans="1:2" x14ac:dyDescent="0.3">
      <c r="A7697" s="11"/>
      <c r="B7697" s="8"/>
    </row>
    <row r="7698" spans="1:2" x14ac:dyDescent="0.3">
      <c r="A7698" s="11"/>
      <c r="B7698" s="8"/>
    </row>
    <row r="7699" spans="1:2" x14ac:dyDescent="0.3">
      <c r="A7699" s="11"/>
      <c r="B7699" s="8"/>
    </row>
    <row r="7700" spans="1:2" x14ac:dyDescent="0.3">
      <c r="A7700" s="11"/>
      <c r="B7700" s="8"/>
    </row>
    <row r="7701" spans="1:2" x14ac:dyDescent="0.3">
      <c r="A7701" s="11"/>
      <c r="B7701" s="8"/>
    </row>
    <row r="7702" spans="1:2" x14ac:dyDescent="0.3">
      <c r="A7702" s="11"/>
      <c r="B7702" s="8"/>
    </row>
    <row r="7703" spans="1:2" x14ac:dyDescent="0.3">
      <c r="A7703" s="11"/>
      <c r="B7703" s="8"/>
    </row>
    <row r="7704" spans="1:2" x14ac:dyDescent="0.3">
      <c r="A7704" s="11"/>
      <c r="B7704" s="8"/>
    </row>
    <row r="7705" spans="1:2" x14ac:dyDescent="0.3">
      <c r="A7705" s="11"/>
      <c r="B7705" s="8"/>
    </row>
    <row r="7706" spans="1:2" x14ac:dyDescent="0.3">
      <c r="A7706" s="11"/>
      <c r="B7706" s="8"/>
    </row>
    <row r="7707" spans="1:2" x14ac:dyDescent="0.3">
      <c r="A7707" s="11"/>
      <c r="B7707" s="8"/>
    </row>
    <row r="7708" spans="1:2" x14ac:dyDescent="0.3">
      <c r="A7708" s="11"/>
      <c r="B7708" s="8"/>
    </row>
    <row r="7709" spans="1:2" x14ac:dyDescent="0.3">
      <c r="A7709" s="11"/>
      <c r="B7709" s="8"/>
    </row>
    <row r="7710" spans="1:2" x14ac:dyDescent="0.3">
      <c r="A7710" s="11"/>
      <c r="B7710" s="8"/>
    </row>
    <row r="7711" spans="1:2" x14ac:dyDescent="0.3">
      <c r="A7711" s="11"/>
      <c r="B7711" s="8"/>
    </row>
    <row r="7712" spans="1:2" x14ac:dyDescent="0.3">
      <c r="A7712" s="11"/>
      <c r="B7712" s="8"/>
    </row>
    <row r="7713" spans="1:2" x14ac:dyDescent="0.3">
      <c r="A7713" s="11"/>
      <c r="B7713" s="8"/>
    </row>
    <row r="7714" spans="1:2" x14ac:dyDescent="0.3">
      <c r="A7714" s="11"/>
      <c r="B7714" s="8"/>
    </row>
    <row r="7715" spans="1:2" x14ac:dyDescent="0.3">
      <c r="A7715" s="11"/>
      <c r="B7715" s="8"/>
    </row>
    <row r="7716" spans="1:2" x14ac:dyDescent="0.3">
      <c r="A7716" s="11"/>
      <c r="B7716" s="8"/>
    </row>
    <row r="7717" spans="1:2" x14ac:dyDescent="0.3">
      <c r="A7717" s="11"/>
      <c r="B7717" s="8"/>
    </row>
    <row r="7718" spans="1:2" x14ac:dyDescent="0.3">
      <c r="A7718" s="11"/>
      <c r="B7718" s="8"/>
    </row>
    <row r="7719" spans="1:2" x14ac:dyDescent="0.3">
      <c r="A7719" s="11"/>
      <c r="B7719" s="8"/>
    </row>
    <row r="7720" spans="1:2" x14ac:dyDescent="0.3">
      <c r="A7720" s="11"/>
      <c r="B7720" s="8"/>
    </row>
    <row r="7721" spans="1:2" x14ac:dyDescent="0.3">
      <c r="A7721" s="11"/>
      <c r="B7721" s="8"/>
    </row>
    <row r="7722" spans="1:2" x14ac:dyDescent="0.3">
      <c r="A7722" s="11"/>
      <c r="B7722" s="8"/>
    </row>
    <row r="7723" spans="1:2" x14ac:dyDescent="0.3">
      <c r="A7723" s="11"/>
      <c r="B7723" s="8"/>
    </row>
    <row r="7724" spans="1:2" x14ac:dyDescent="0.3">
      <c r="A7724" s="11"/>
      <c r="B7724" s="8"/>
    </row>
    <row r="7725" spans="1:2" x14ac:dyDescent="0.3">
      <c r="A7725" s="11"/>
      <c r="B7725" s="8"/>
    </row>
    <row r="7726" spans="1:2" x14ac:dyDescent="0.3">
      <c r="A7726" s="11"/>
      <c r="B7726" s="8"/>
    </row>
    <row r="7727" spans="1:2" x14ac:dyDescent="0.3">
      <c r="A7727" s="11"/>
      <c r="B7727" s="8"/>
    </row>
    <row r="7728" spans="1:2" x14ac:dyDescent="0.3">
      <c r="A7728" s="11"/>
      <c r="B7728" s="8"/>
    </row>
    <row r="7729" spans="1:2" x14ac:dyDescent="0.3">
      <c r="A7729" s="11"/>
      <c r="B7729" s="8"/>
    </row>
    <row r="7730" spans="1:2" x14ac:dyDescent="0.3">
      <c r="A7730" s="11"/>
      <c r="B7730" s="8"/>
    </row>
    <row r="7731" spans="1:2" x14ac:dyDescent="0.3">
      <c r="A7731" s="11"/>
      <c r="B7731" s="8"/>
    </row>
    <row r="7732" spans="1:2" x14ac:dyDescent="0.3">
      <c r="A7732" s="11"/>
      <c r="B7732" s="8"/>
    </row>
    <row r="7733" spans="1:2" x14ac:dyDescent="0.3">
      <c r="A7733" s="11"/>
      <c r="B7733" s="8"/>
    </row>
    <row r="7734" spans="1:2" x14ac:dyDescent="0.3">
      <c r="A7734" s="11"/>
      <c r="B7734" s="8"/>
    </row>
    <row r="7735" spans="1:2" x14ac:dyDescent="0.3">
      <c r="A7735" s="11"/>
      <c r="B7735" s="8"/>
    </row>
    <row r="7736" spans="1:2" x14ac:dyDescent="0.3">
      <c r="A7736" s="11"/>
      <c r="B7736" s="8"/>
    </row>
    <row r="7737" spans="1:2" x14ac:dyDescent="0.3">
      <c r="A7737" s="11"/>
      <c r="B7737" s="8"/>
    </row>
    <row r="7738" spans="1:2" x14ac:dyDescent="0.3">
      <c r="A7738" s="11"/>
      <c r="B7738" s="8"/>
    </row>
    <row r="7739" spans="1:2" x14ac:dyDescent="0.3">
      <c r="A7739" s="11"/>
      <c r="B7739" s="8"/>
    </row>
    <row r="7740" spans="1:2" x14ac:dyDescent="0.3">
      <c r="A7740" s="11"/>
      <c r="B7740" s="8"/>
    </row>
    <row r="7741" spans="1:2" x14ac:dyDescent="0.3">
      <c r="A7741" s="11"/>
      <c r="B7741" s="8"/>
    </row>
    <row r="7742" spans="1:2" x14ac:dyDescent="0.3">
      <c r="A7742" s="11"/>
      <c r="B7742" s="8"/>
    </row>
    <row r="7743" spans="1:2" x14ac:dyDescent="0.3">
      <c r="A7743" s="11"/>
      <c r="B7743" s="8"/>
    </row>
    <row r="7744" spans="1:2" x14ac:dyDescent="0.3">
      <c r="A7744" s="11"/>
      <c r="B7744" s="8"/>
    </row>
    <row r="7745" spans="1:2" x14ac:dyDescent="0.3">
      <c r="A7745" s="11"/>
      <c r="B7745" s="8"/>
    </row>
    <row r="7746" spans="1:2" x14ac:dyDescent="0.3">
      <c r="A7746" s="11"/>
      <c r="B7746" s="8"/>
    </row>
    <row r="7747" spans="1:2" x14ac:dyDescent="0.3">
      <c r="A7747" s="11"/>
      <c r="B7747" s="8"/>
    </row>
    <row r="7748" spans="1:2" x14ac:dyDescent="0.3">
      <c r="A7748" s="11"/>
      <c r="B7748" s="8"/>
    </row>
    <row r="7749" spans="1:2" x14ac:dyDescent="0.3">
      <c r="A7749" s="11"/>
      <c r="B7749" s="8"/>
    </row>
    <row r="7750" spans="1:2" x14ac:dyDescent="0.3">
      <c r="A7750" s="11"/>
      <c r="B7750" s="8"/>
    </row>
    <row r="7751" spans="1:2" x14ac:dyDescent="0.3">
      <c r="A7751" s="11"/>
      <c r="B7751" s="8"/>
    </row>
    <row r="7752" spans="1:2" x14ac:dyDescent="0.3">
      <c r="A7752" s="11"/>
      <c r="B7752" s="8"/>
    </row>
    <row r="7753" spans="1:2" x14ac:dyDescent="0.3">
      <c r="A7753" s="11"/>
      <c r="B7753" s="8"/>
    </row>
    <row r="7754" spans="1:2" x14ac:dyDescent="0.3">
      <c r="A7754" s="11"/>
      <c r="B7754" s="8"/>
    </row>
    <row r="7755" spans="1:2" x14ac:dyDescent="0.3">
      <c r="A7755" s="11"/>
      <c r="B7755" s="8"/>
    </row>
    <row r="7756" spans="1:2" x14ac:dyDescent="0.3">
      <c r="A7756" s="11"/>
      <c r="B7756" s="8"/>
    </row>
    <row r="7757" spans="1:2" x14ac:dyDescent="0.3">
      <c r="A7757" s="11"/>
      <c r="B7757" s="8"/>
    </row>
    <row r="7758" spans="1:2" x14ac:dyDescent="0.3">
      <c r="A7758" s="11"/>
      <c r="B7758" s="8"/>
    </row>
    <row r="7759" spans="1:2" x14ac:dyDescent="0.3">
      <c r="A7759" s="11"/>
      <c r="B7759" s="8"/>
    </row>
    <row r="7760" spans="1:2" x14ac:dyDescent="0.3">
      <c r="A7760" s="11"/>
      <c r="B7760" s="8"/>
    </row>
    <row r="7761" spans="1:2" x14ac:dyDescent="0.3">
      <c r="A7761" s="11"/>
      <c r="B7761" s="8"/>
    </row>
    <row r="7762" spans="1:2" x14ac:dyDescent="0.3">
      <c r="A7762" s="11"/>
      <c r="B7762" s="8"/>
    </row>
    <row r="7763" spans="1:2" x14ac:dyDescent="0.3">
      <c r="A7763" s="11"/>
      <c r="B7763" s="8"/>
    </row>
    <row r="7764" spans="1:2" x14ac:dyDescent="0.3">
      <c r="A7764" s="11"/>
      <c r="B7764" s="8"/>
    </row>
    <row r="7765" spans="1:2" x14ac:dyDescent="0.3">
      <c r="A7765" s="11"/>
      <c r="B7765" s="8"/>
    </row>
    <row r="7766" spans="1:2" x14ac:dyDescent="0.3">
      <c r="A7766" s="11"/>
      <c r="B7766" s="8"/>
    </row>
    <row r="7767" spans="1:2" x14ac:dyDescent="0.3">
      <c r="A7767" s="11"/>
      <c r="B7767" s="8"/>
    </row>
    <row r="7768" spans="1:2" x14ac:dyDescent="0.3">
      <c r="A7768" s="11"/>
      <c r="B7768" s="8"/>
    </row>
    <row r="7769" spans="1:2" x14ac:dyDescent="0.3">
      <c r="A7769" s="11"/>
      <c r="B7769" s="8"/>
    </row>
    <row r="7770" spans="1:2" x14ac:dyDescent="0.3">
      <c r="A7770" s="11"/>
      <c r="B7770" s="8"/>
    </row>
    <row r="7771" spans="1:2" x14ac:dyDescent="0.3">
      <c r="A7771" s="11"/>
      <c r="B7771" s="8"/>
    </row>
    <row r="7772" spans="1:2" x14ac:dyDescent="0.3">
      <c r="A7772" s="11"/>
      <c r="B7772" s="8"/>
    </row>
    <row r="7773" spans="1:2" x14ac:dyDescent="0.3">
      <c r="A7773" s="11"/>
      <c r="B7773" s="8"/>
    </row>
    <row r="7774" spans="1:2" x14ac:dyDescent="0.3">
      <c r="A7774" s="11"/>
      <c r="B7774" s="8"/>
    </row>
    <row r="7775" spans="1:2" x14ac:dyDescent="0.3">
      <c r="A7775" s="11"/>
      <c r="B7775" s="8"/>
    </row>
    <row r="7776" spans="1:2" x14ac:dyDescent="0.3">
      <c r="A7776" s="11"/>
      <c r="B7776" s="8"/>
    </row>
    <row r="7777" spans="1:2" x14ac:dyDescent="0.3">
      <c r="A7777" s="11"/>
      <c r="B7777" s="8"/>
    </row>
    <row r="7778" spans="1:2" x14ac:dyDescent="0.3">
      <c r="A7778" s="11"/>
      <c r="B7778" s="8"/>
    </row>
    <row r="7779" spans="1:2" x14ac:dyDescent="0.3">
      <c r="A7779" s="11"/>
      <c r="B7779" s="8"/>
    </row>
    <row r="7780" spans="1:2" x14ac:dyDescent="0.3">
      <c r="A7780" s="11"/>
      <c r="B7780" s="8"/>
    </row>
    <row r="7781" spans="1:2" x14ac:dyDescent="0.3">
      <c r="A7781" s="11"/>
      <c r="B7781" s="8"/>
    </row>
    <row r="7782" spans="1:2" x14ac:dyDescent="0.3">
      <c r="A7782" s="11"/>
      <c r="B7782" s="8"/>
    </row>
    <row r="7783" spans="1:2" x14ac:dyDescent="0.3">
      <c r="A7783" s="11"/>
      <c r="B7783" s="8"/>
    </row>
    <row r="7784" spans="1:2" x14ac:dyDescent="0.3">
      <c r="A7784" s="11"/>
      <c r="B7784" s="8"/>
    </row>
    <row r="7785" spans="1:2" x14ac:dyDescent="0.3">
      <c r="A7785" s="11"/>
      <c r="B7785" s="8"/>
    </row>
    <row r="7786" spans="1:2" x14ac:dyDescent="0.3">
      <c r="A7786" s="11"/>
      <c r="B7786" s="8"/>
    </row>
    <row r="7787" spans="1:2" x14ac:dyDescent="0.3">
      <c r="A7787" s="11"/>
      <c r="B7787" s="8"/>
    </row>
    <row r="7788" spans="1:2" x14ac:dyDescent="0.3">
      <c r="A7788" s="11"/>
      <c r="B7788" s="8"/>
    </row>
    <row r="7789" spans="1:2" x14ac:dyDescent="0.3">
      <c r="A7789" s="11"/>
      <c r="B7789" s="8"/>
    </row>
    <row r="7790" spans="1:2" x14ac:dyDescent="0.3">
      <c r="A7790" s="11"/>
      <c r="B7790" s="8"/>
    </row>
    <row r="7791" spans="1:2" x14ac:dyDescent="0.3">
      <c r="A7791" s="11"/>
      <c r="B7791" s="8"/>
    </row>
    <row r="7792" spans="1:2" x14ac:dyDescent="0.3">
      <c r="A7792" s="11"/>
      <c r="B7792" s="8"/>
    </row>
    <row r="7793" spans="1:2" x14ac:dyDescent="0.3">
      <c r="A7793" s="11"/>
      <c r="B7793" s="8"/>
    </row>
    <row r="7794" spans="1:2" x14ac:dyDescent="0.3">
      <c r="A7794" s="11"/>
      <c r="B7794" s="8"/>
    </row>
    <row r="7795" spans="1:2" x14ac:dyDescent="0.3">
      <c r="A7795" s="11"/>
      <c r="B7795" s="8"/>
    </row>
    <row r="7796" spans="1:2" x14ac:dyDescent="0.3">
      <c r="A7796" s="11"/>
      <c r="B7796" s="8"/>
    </row>
    <row r="7797" spans="1:2" x14ac:dyDescent="0.3">
      <c r="A7797" s="11"/>
      <c r="B7797" s="8"/>
    </row>
    <row r="7798" spans="1:2" x14ac:dyDescent="0.3">
      <c r="A7798" s="11"/>
      <c r="B7798" s="8"/>
    </row>
    <row r="7799" spans="1:2" x14ac:dyDescent="0.3">
      <c r="A7799" s="11"/>
      <c r="B7799" s="8"/>
    </row>
    <row r="7800" spans="1:2" x14ac:dyDescent="0.3">
      <c r="A7800" s="11"/>
      <c r="B7800" s="8"/>
    </row>
    <row r="7801" spans="1:2" x14ac:dyDescent="0.3">
      <c r="A7801" s="11"/>
      <c r="B7801" s="8"/>
    </row>
    <row r="7802" spans="1:2" x14ac:dyDescent="0.3">
      <c r="A7802" s="11"/>
      <c r="B7802" s="8"/>
    </row>
    <row r="7803" spans="1:2" x14ac:dyDescent="0.3">
      <c r="A7803" s="11"/>
      <c r="B7803" s="8"/>
    </row>
    <row r="7804" spans="1:2" x14ac:dyDescent="0.3">
      <c r="A7804" s="11"/>
      <c r="B7804" s="8"/>
    </row>
    <row r="7805" spans="1:2" x14ac:dyDescent="0.3">
      <c r="A7805" s="11"/>
      <c r="B7805" s="8"/>
    </row>
    <row r="7806" spans="1:2" x14ac:dyDescent="0.3">
      <c r="A7806" s="11"/>
      <c r="B7806" s="8"/>
    </row>
    <row r="7807" spans="1:2" x14ac:dyDescent="0.3">
      <c r="A7807" s="11"/>
      <c r="B7807" s="8"/>
    </row>
    <row r="7808" spans="1:2" x14ac:dyDescent="0.3">
      <c r="A7808" s="11"/>
      <c r="B7808" s="8"/>
    </row>
    <row r="7809" spans="1:2" x14ac:dyDescent="0.3">
      <c r="A7809" s="11"/>
      <c r="B7809" s="8"/>
    </row>
    <row r="7810" spans="1:2" x14ac:dyDescent="0.3">
      <c r="A7810" s="11"/>
      <c r="B7810" s="8"/>
    </row>
    <row r="7811" spans="1:2" x14ac:dyDescent="0.3">
      <c r="A7811" s="11"/>
      <c r="B7811" s="8"/>
    </row>
    <row r="7812" spans="1:2" x14ac:dyDescent="0.3">
      <c r="A7812" s="11"/>
      <c r="B7812" s="8"/>
    </row>
    <row r="7813" spans="1:2" x14ac:dyDescent="0.3">
      <c r="A7813" s="11"/>
      <c r="B7813" s="8"/>
    </row>
    <row r="7814" spans="1:2" x14ac:dyDescent="0.3">
      <c r="A7814" s="11"/>
      <c r="B7814" s="8"/>
    </row>
    <row r="7815" spans="1:2" x14ac:dyDescent="0.3">
      <c r="A7815" s="11"/>
      <c r="B7815" s="8"/>
    </row>
    <row r="7816" spans="1:2" x14ac:dyDescent="0.3">
      <c r="A7816" s="11"/>
      <c r="B7816" s="8"/>
    </row>
    <row r="7817" spans="1:2" x14ac:dyDescent="0.3">
      <c r="A7817" s="11"/>
      <c r="B7817" s="8"/>
    </row>
    <row r="7818" spans="1:2" x14ac:dyDescent="0.3">
      <c r="A7818" s="11"/>
      <c r="B7818" s="8"/>
    </row>
    <row r="7819" spans="1:2" x14ac:dyDescent="0.3">
      <c r="A7819" s="11"/>
      <c r="B7819" s="8"/>
    </row>
    <row r="7820" spans="1:2" x14ac:dyDescent="0.3">
      <c r="A7820" s="11"/>
      <c r="B7820" s="8"/>
    </row>
    <row r="7821" spans="1:2" x14ac:dyDescent="0.3">
      <c r="A7821" s="11"/>
      <c r="B7821" s="8"/>
    </row>
    <row r="7822" spans="1:2" x14ac:dyDescent="0.3">
      <c r="A7822" s="11"/>
      <c r="B7822" s="8"/>
    </row>
    <row r="7823" spans="1:2" x14ac:dyDescent="0.3">
      <c r="A7823" s="11"/>
      <c r="B7823" s="8"/>
    </row>
    <row r="7824" spans="1:2" x14ac:dyDescent="0.3">
      <c r="A7824" s="11"/>
      <c r="B7824" s="8"/>
    </row>
    <row r="7825" spans="1:2" x14ac:dyDescent="0.3">
      <c r="A7825" s="11"/>
      <c r="B7825" s="8"/>
    </row>
    <row r="7826" spans="1:2" x14ac:dyDescent="0.3">
      <c r="A7826" s="11"/>
      <c r="B7826" s="8"/>
    </row>
    <row r="7827" spans="1:2" x14ac:dyDescent="0.3">
      <c r="A7827" s="11"/>
      <c r="B7827" s="8"/>
    </row>
    <row r="7828" spans="1:2" x14ac:dyDescent="0.3">
      <c r="A7828" s="11"/>
      <c r="B7828" s="8"/>
    </row>
    <row r="7829" spans="1:2" x14ac:dyDescent="0.3">
      <c r="A7829" s="11"/>
      <c r="B7829" s="8"/>
    </row>
    <row r="7830" spans="1:2" x14ac:dyDescent="0.3">
      <c r="A7830" s="11"/>
      <c r="B7830" s="8"/>
    </row>
    <row r="7831" spans="1:2" x14ac:dyDescent="0.3">
      <c r="A7831" s="11"/>
      <c r="B7831" s="8"/>
    </row>
    <row r="7832" spans="1:2" x14ac:dyDescent="0.3">
      <c r="A7832" s="11"/>
      <c r="B7832" s="8"/>
    </row>
    <row r="7833" spans="1:2" x14ac:dyDescent="0.3">
      <c r="A7833" s="11"/>
      <c r="B7833" s="8"/>
    </row>
    <row r="7834" spans="1:2" x14ac:dyDescent="0.3">
      <c r="A7834" s="11"/>
      <c r="B7834" s="8"/>
    </row>
    <row r="7835" spans="1:2" x14ac:dyDescent="0.3">
      <c r="A7835" s="11"/>
      <c r="B7835" s="8"/>
    </row>
    <row r="7836" spans="1:2" x14ac:dyDescent="0.3">
      <c r="A7836" s="11"/>
      <c r="B7836" s="8"/>
    </row>
    <row r="7837" spans="1:2" x14ac:dyDescent="0.3">
      <c r="A7837" s="11"/>
      <c r="B7837" s="8"/>
    </row>
    <row r="7838" spans="1:2" x14ac:dyDescent="0.3">
      <c r="A7838" s="11"/>
      <c r="B7838" s="8"/>
    </row>
    <row r="7839" spans="1:2" x14ac:dyDescent="0.3">
      <c r="A7839" s="11"/>
      <c r="B7839" s="8"/>
    </row>
    <row r="7840" spans="1:2" x14ac:dyDescent="0.3">
      <c r="A7840" s="11"/>
      <c r="B7840" s="8"/>
    </row>
    <row r="7841" spans="1:2" x14ac:dyDescent="0.3">
      <c r="A7841" s="11"/>
      <c r="B7841" s="8"/>
    </row>
    <row r="7842" spans="1:2" x14ac:dyDescent="0.3">
      <c r="A7842" s="11"/>
      <c r="B7842" s="8"/>
    </row>
    <row r="7843" spans="1:2" x14ac:dyDescent="0.3">
      <c r="A7843" s="11"/>
      <c r="B7843" s="8"/>
    </row>
    <row r="7844" spans="1:2" x14ac:dyDescent="0.3">
      <c r="A7844" s="11"/>
      <c r="B7844" s="8"/>
    </row>
    <row r="7845" spans="1:2" x14ac:dyDescent="0.3">
      <c r="A7845" s="11"/>
      <c r="B7845" s="8"/>
    </row>
    <row r="7846" spans="1:2" x14ac:dyDescent="0.3">
      <c r="A7846" s="11"/>
      <c r="B7846" s="8"/>
    </row>
    <row r="7847" spans="1:2" x14ac:dyDescent="0.3">
      <c r="A7847" s="11"/>
      <c r="B7847" s="8"/>
    </row>
    <row r="7848" spans="1:2" x14ac:dyDescent="0.3">
      <c r="A7848" s="11"/>
      <c r="B7848" s="8"/>
    </row>
    <row r="7849" spans="1:2" x14ac:dyDescent="0.3">
      <c r="A7849" s="11"/>
      <c r="B7849" s="8"/>
    </row>
    <row r="7850" spans="1:2" x14ac:dyDescent="0.3">
      <c r="A7850" s="11"/>
      <c r="B7850" s="8"/>
    </row>
    <row r="7851" spans="1:2" x14ac:dyDescent="0.3">
      <c r="A7851" s="11"/>
      <c r="B7851" s="8"/>
    </row>
    <row r="7852" spans="1:2" x14ac:dyDescent="0.3">
      <c r="A7852" s="11"/>
      <c r="B7852" s="8"/>
    </row>
    <row r="7853" spans="1:2" x14ac:dyDescent="0.3">
      <c r="A7853" s="11"/>
      <c r="B7853" s="8"/>
    </row>
    <row r="7854" spans="1:2" x14ac:dyDescent="0.3">
      <c r="A7854" s="11"/>
      <c r="B7854" s="8"/>
    </row>
    <row r="7855" spans="1:2" x14ac:dyDescent="0.3">
      <c r="A7855" s="11"/>
      <c r="B7855" s="8"/>
    </row>
    <row r="7856" spans="1:2" x14ac:dyDescent="0.3">
      <c r="A7856" s="11"/>
      <c r="B7856" s="8"/>
    </row>
    <row r="7857" spans="1:2" x14ac:dyDescent="0.3">
      <c r="A7857" s="11"/>
      <c r="B7857" s="8"/>
    </row>
    <row r="7858" spans="1:2" x14ac:dyDescent="0.3">
      <c r="A7858" s="11"/>
      <c r="B7858" s="8"/>
    </row>
    <row r="7859" spans="1:2" x14ac:dyDescent="0.3">
      <c r="A7859" s="11"/>
      <c r="B7859" s="8"/>
    </row>
    <row r="7860" spans="1:2" x14ac:dyDescent="0.3">
      <c r="A7860" s="11"/>
      <c r="B7860" s="8"/>
    </row>
    <row r="7861" spans="1:2" x14ac:dyDescent="0.3">
      <c r="A7861" s="11"/>
      <c r="B7861" s="8"/>
    </row>
    <row r="7862" spans="1:2" x14ac:dyDescent="0.3">
      <c r="A7862" s="11"/>
      <c r="B7862" s="8"/>
    </row>
    <row r="7863" spans="1:2" x14ac:dyDescent="0.3">
      <c r="A7863" s="11"/>
      <c r="B7863" s="8"/>
    </row>
    <row r="7864" spans="1:2" x14ac:dyDescent="0.3">
      <c r="A7864" s="11"/>
      <c r="B7864" s="8"/>
    </row>
    <row r="7865" spans="1:2" x14ac:dyDescent="0.3">
      <c r="A7865" s="11"/>
      <c r="B7865" s="8"/>
    </row>
    <row r="7866" spans="1:2" x14ac:dyDescent="0.3">
      <c r="A7866" s="11"/>
      <c r="B7866" s="8"/>
    </row>
    <row r="7867" spans="1:2" x14ac:dyDescent="0.3">
      <c r="A7867" s="11"/>
      <c r="B7867" s="8"/>
    </row>
    <row r="7868" spans="1:2" x14ac:dyDescent="0.3">
      <c r="A7868" s="11"/>
      <c r="B7868" s="8"/>
    </row>
    <row r="7869" spans="1:2" x14ac:dyDescent="0.3">
      <c r="A7869" s="11"/>
      <c r="B7869" s="8"/>
    </row>
    <row r="7870" spans="1:2" x14ac:dyDescent="0.3">
      <c r="A7870" s="11"/>
      <c r="B7870" s="8"/>
    </row>
    <row r="7871" spans="1:2" x14ac:dyDescent="0.3">
      <c r="A7871" s="11"/>
      <c r="B7871" s="8"/>
    </row>
    <row r="7872" spans="1:2" x14ac:dyDescent="0.3">
      <c r="A7872" s="11"/>
      <c r="B7872" s="8"/>
    </row>
    <row r="7873" spans="1:2" x14ac:dyDescent="0.3">
      <c r="A7873" s="11"/>
      <c r="B7873" s="8"/>
    </row>
    <row r="7874" spans="1:2" x14ac:dyDescent="0.3">
      <c r="A7874" s="11"/>
      <c r="B7874" s="8"/>
    </row>
    <row r="7875" spans="1:2" x14ac:dyDescent="0.3">
      <c r="A7875" s="11"/>
      <c r="B7875" s="8"/>
    </row>
    <row r="7876" spans="1:2" x14ac:dyDescent="0.3">
      <c r="A7876" s="11"/>
      <c r="B7876" s="8"/>
    </row>
    <row r="7877" spans="1:2" x14ac:dyDescent="0.3">
      <c r="A7877" s="11"/>
      <c r="B7877" s="8"/>
    </row>
    <row r="7878" spans="1:2" x14ac:dyDescent="0.3">
      <c r="A7878" s="11"/>
      <c r="B7878" s="8"/>
    </row>
    <row r="7879" spans="1:2" x14ac:dyDescent="0.3">
      <c r="A7879" s="11"/>
      <c r="B7879" s="8"/>
    </row>
    <row r="7880" spans="1:2" x14ac:dyDescent="0.3">
      <c r="A7880" s="11"/>
      <c r="B7880" s="8"/>
    </row>
    <row r="7881" spans="1:2" x14ac:dyDescent="0.3">
      <c r="A7881" s="11"/>
      <c r="B7881" s="8"/>
    </row>
    <row r="7882" spans="1:2" x14ac:dyDescent="0.3">
      <c r="A7882" s="11"/>
      <c r="B7882" s="8"/>
    </row>
    <row r="7883" spans="1:2" x14ac:dyDescent="0.3">
      <c r="A7883" s="11"/>
      <c r="B7883" s="8"/>
    </row>
    <row r="7884" spans="1:2" x14ac:dyDescent="0.3">
      <c r="A7884" s="11"/>
      <c r="B7884" s="8"/>
    </row>
    <row r="7885" spans="1:2" x14ac:dyDescent="0.3">
      <c r="A7885" s="11"/>
      <c r="B7885" s="8"/>
    </row>
    <row r="7886" spans="1:2" x14ac:dyDescent="0.3">
      <c r="A7886" s="11"/>
      <c r="B7886" s="8"/>
    </row>
    <row r="7887" spans="1:2" x14ac:dyDescent="0.3">
      <c r="A7887" s="11"/>
      <c r="B7887" s="8"/>
    </row>
    <row r="7888" spans="1:2" x14ac:dyDescent="0.3">
      <c r="A7888" s="11"/>
      <c r="B7888" s="8"/>
    </row>
    <row r="7889" spans="1:2" x14ac:dyDescent="0.3">
      <c r="A7889" s="11"/>
      <c r="B7889" s="8"/>
    </row>
    <row r="7890" spans="1:2" x14ac:dyDescent="0.3">
      <c r="A7890" s="11"/>
      <c r="B7890" s="8"/>
    </row>
    <row r="7891" spans="1:2" x14ac:dyDescent="0.3">
      <c r="A7891" s="11"/>
      <c r="B7891" s="8"/>
    </row>
    <row r="7892" spans="1:2" x14ac:dyDescent="0.3">
      <c r="A7892" s="11"/>
      <c r="B7892" s="8"/>
    </row>
    <row r="7893" spans="1:2" x14ac:dyDescent="0.3">
      <c r="A7893" s="11"/>
      <c r="B7893" s="8"/>
    </row>
    <row r="7894" spans="1:2" x14ac:dyDescent="0.3">
      <c r="A7894" s="11"/>
      <c r="B7894" s="8"/>
    </row>
    <row r="7895" spans="1:2" x14ac:dyDescent="0.3">
      <c r="A7895" s="11"/>
      <c r="B7895" s="8"/>
    </row>
    <row r="7896" spans="1:2" x14ac:dyDescent="0.3">
      <c r="A7896" s="11"/>
      <c r="B7896" s="8"/>
    </row>
    <row r="7897" spans="1:2" x14ac:dyDescent="0.3">
      <c r="A7897" s="11"/>
      <c r="B7897" s="8"/>
    </row>
    <row r="7898" spans="1:2" x14ac:dyDescent="0.3">
      <c r="A7898" s="11"/>
      <c r="B7898" s="8"/>
    </row>
    <row r="7899" spans="1:2" x14ac:dyDescent="0.3">
      <c r="A7899" s="11"/>
      <c r="B7899" s="8"/>
    </row>
    <row r="7900" spans="1:2" x14ac:dyDescent="0.3">
      <c r="A7900" s="11"/>
      <c r="B7900" s="8"/>
    </row>
    <row r="7901" spans="1:2" x14ac:dyDescent="0.3">
      <c r="A7901" s="11"/>
      <c r="B7901" s="8"/>
    </row>
    <row r="7902" spans="1:2" x14ac:dyDescent="0.3">
      <c r="A7902" s="11"/>
      <c r="B7902" s="8"/>
    </row>
    <row r="7903" spans="1:2" x14ac:dyDescent="0.3">
      <c r="A7903" s="11"/>
      <c r="B7903" s="8"/>
    </row>
    <row r="7904" spans="1:2" x14ac:dyDescent="0.3">
      <c r="A7904" s="11"/>
      <c r="B7904" s="8"/>
    </row>
    <row r="7905" spans="1:2" x14ac:dyDescent="0.3">
      <c r="A7905" s="11"/>
      <c r="B7905" s="8"/>
    </row>
    <row r="7906" spans="1:2" x14ac:dyDescent="0.3">
      <c r="A7906" s="11"/>
      <c r="B7906" s="8"/>
    </row>
    <row r="7907" spans="1:2" x14ac:dyDescent="0.3">
      <c r="A7907" s="11"/>
      <c r="B7907" s="8"/>
    </row>
    <row r="7908" spans="1:2" x14ac:dyDescent="0.3">
      <c r="A7908" s="11"/>
      <c r="B7908" s="8"/>
    </row>
    <row r="7909" spans="1:2" x14ac:dyDescent="0.3">
      <c r="A7909" s="11"/>
      <c r="B7909" s="8"/>
    </row>
    <row r="7910" spans="1:2" x14ac:dyDescent="0.3">
      <c r="A7910" s="11"/>
      <c r="B7910" s="8"/>
    </row>
    <row r="7911" spans="1:2" x14ac:dyDescent="0.3">
      <c r="A7911" s="11"/>
      <c r="B7911" s="8"/>
    </row>
    <row r="7912" spans="1:2" x14ac:dyDescent="0.3">
      <c r="A7912" s="11"/>
      <c r="B7912" s="8"/>
    </row>
    <row r="7913" spans="1:2" x14ac:dyDescent="0.3">
      <c r="A7913" s="11"/>
      <c r="B7913" s="8"/>
    </row>
    <row r="7914" spans="1:2" x14ac:dyDescent="0.3">
      <c r="A7914" s="11"/>
      <c r="B7914" s="8"/>
    </row>
    <row r="7915" spans="1:2" x14ac:dyDescent="0.3">
      <c r="A7915" s="11"/>
      <c r="B7915" s="8"/>
    </row>
    <row r="7916" spans="1:2" x14ac:dyDescent="0.3">
      <c r="A7916" s="11"/>
      <c r="B7916" s="8"/>
    </row>
    <row r="7917" spans="1:2" x14ac:dyDescent="0.3">
      <c r="A7917" s="11"/>
      <c r="B7917" s="8"/>
    </row>
    <row r="7918" spans="1:2" x14ac:dyDescent="0.3">
      <c r="A7918" s="11"/>
      <c r="B7918" s="8"/>
    </row>
    <row r="7919" spans="1:2" x14ac:dyDescent="0.3">
      <c r="A7919" s="11"/>
      <c r="B7919" s="8"/>
    </row>
    <row r="7920" spans="1:2" x14ac:dyDescent="0.3">
      <c r="A7920" s="11"/>
      <c r="B7920" s="8"/>
    </row>
    <row r="7921" spans="1:2" x14ac:dyDescent="0.3">
      <c r="A7921" s="11"/>
      <c r="B7921" s="8"/>
    </row>
    <row r="7922" spans="1:2" x14ac:dyDescent="0.3">
      <c r="A7922" s="11"/>
      <c r="B7922" s="8"/>
    </row>
    <row r="7923" spans="1:2" x14ac:dyDescent="0.3">
      <c r="A7923" s="11"/>
      <c r="B7923" s="8"/>
    </row>
    <row r="7924" spans="1:2" x14ac:dyDescent="0.3">
      <c r="A7924" s="11"/>
      <c r="B7924" s="8"/>
    </row>
    <row r="7925" spans="1:2" x14ac:dyDescent="0.3">
      <c r="A7925" s="11"/>
      <c r="B7925" s="8"/>
    </row>
    <row r="7926" spans="1:2" x14ac:dyDescent="0.3">
      <c r="A7926" s="11"/>
      <c r="B7926" s="8"/>
    </row>
    <row r="7927" spans="1:2" x14ac:dyDescent="0.3">
      <c r="A7927" s="11"/>
      <c r="B7927" s="8"/>
    </row>
    <row r="7928" spans="1:2" x14ac:dyDescent="0.3">
      <c r="A7928" s="11"/>
      <c r="B7928" s="8"/>
    </row>
    <row r="7929" spans="1:2" x14ac:dyDescent="0.3">
      <c r="A7929" s="11"/>
      <c r="B7929" s="8"/>
    </row>
    <row r="7930" spans="1:2" x14ac:dyDescent="0.3">
      <c r="A7930" s="11"/>
      <c r="B7930" s="8"/>
    </row>
    <row r="7931" spans="1:2" x14ac:dyDescent="0.3">
      <c r="A7931" s="11"/>
      <c r="B7931" s="8"/>
    </row>
    <row r="7932" spans="1:2" x14ac:dyDescent="0.3">
      <c r="A7932" s="11"/>
      <c r="B7932" s="8"/>
    </row>
    <row r="7933" spans="1:2" x14ac:dyDescent="0.3">
      <c r="A7933" s="11"/>
      <c r="B7933" s="8"/>
    </row>
    <row r="7934" spans="1:2" x14ac:dyDescent="0.3">
      <c r="A7934" s="11"/>
      <c r="B7934" s="8"/>
    </row>
    <row r="7935" spans="1:2" x14ac:dyDescent="0.3">
      <c r="A7935" s="11"/>
      <c r="B7935" s="8"/>
    </row>
    <row r="7936" spans="1:2" x14ac:dyDescent="0.3">
      <c r="A7936" s="11"/>
      <c r="B7936" s="8"/>
    </row>
    <row r="7937" spans="1:2" x14ac:dyDescent="0.3">
      <c r="A7937" s="11"/>
      <c r="B7937" s="8"/>
    </row>
    <row r="7938" spans="1:2" x14ac:dyDescent="0.3">
      <c r="A7938" s="11"/>
      <c r="B7938" s="8"/>
    </row>
    <row r="7939" spans="1:2" x14ac:dyDescent="0.3">
      <c r="A7939" s="11"/>
      <c r="B7939" s="8"/>
    </row>
    <row r="7940" spans="1:2" x14ac:dyDescent="0.3">
      <c r="A7940" s="11"/>
      <c r="B7940" s="8"/>
    </row>
    <row r="7941" spans="1:2" x14ac:dyDescent="0.3">
      <c r="A7941" s="11"/>
      <c r="B7941" s="8"/>
    </row>
    <row r="7942" spans="1:2" x14ac:dyDescent="0.3">
      <c r="A7942" s="11"/>
      <c r="B7942" s="8"/>
    </row>
    <row r="7943" spans="1:2" x14ac:dyDescent="0.3">
      <c r="A7943" s="11"/>
      <c r="B7943" s="8"/>
    </row>
    <row r="7944" spans="1:2" x14ac:dyDescent="0.3">
      <c r="A7944" s="11"/>
      <c r="B7944" s="8"/>
    </row>
    <row r="7945" spans="1:2" x14ac:dyDescent="0.3">
      <c r="A7945" s="11"/>
      <c r="B7945" s="8"/>
    </row>
    <row r="7946" spans="1:2" x14ac:dyDescent="0.3">
      <c r="A7946" s="11"/>
      <c r="B7946" s="8"/>
    </row>
    <row r="7947" spans="1:2" x14ac:dyDescent="0.3">
      <c r="A7947" s="11"/>
      <c r="B7947" s="8"/>
    </row>
    <row r="7948" spans="1:2" x14ac:dyDescent="0.3">
      <c r="A7948" s="11"/>
      <c r="B7948" s="8"/>
    </row>
    <row r="7949" spans="1:2" x14ac:dyDescent="0.3">
      <c r="A7949" s="11"/>
      <c r="B7949" s="8"/>
    </row>
    <row r="7950" spans="1:2" x14ac:dyDescent="0.3">
      <c r="A7950" s="11"/>
      <c r="B7950" s="8"/>
    </row>
    <row r="7951" spans="1:2" x14ac:dyDescent="0.3">
      <c r="A7951" s="11"/>
      <c r="B7951" s="8"/>
    </row>
    <row r="7952" spans="1:2" x14ac:dyDescent="0.3">
      <c r="A7952" s="11"/>
      <c r="B7952" s="8"/>
    </row>
    <row r="7953" spans="1:2" x14ac:dyDescent="0.3">
      <c r="A7953" s="11"/>
      <c r="B7953" s="8"/>
    </row>
    <row r="7954" spans="1:2" x14ac:dyDescent="0.3">
      <c r="A7954" s="11"/>
      <c r="B7954" s="8"/>
    </row>
    <row r="7955" spans="1:2" x14ac:dyDescent="0.3">
      <c r="A7955" s="11"/>
      <c r="B7955" s="8"/>
    </row>
    <row r="7956" spans="1:2" x14ac:dyDescent="0.3">
      <c r="A7956" s="11"/>
      <c r="B7956" s="8"/>
    </row>
    <row r="7957" spans="1:2" x14ac:dyDescent="0.3">
      <c r="A7957" s="11"/>
      <c r="B7957" s="8"/>
    </row>
    <row r="7958" spans="1:2" x14ac:dyDescent="0.3">
      <c r="A7958" s="11"/>
      <c r="B7958" s="8"/>
    </row>
    <row r="7959" spans="1:2" x14ac:dyDescent="0.3">
      <c r="A7959" s="11"/>
      <c r="B7959" s="8"/>
    </row>
    <row r="7960" spans="1:2" x14ac:dyDescent="0.3">
      <c r="A7960" s="11"/>
      <c r="B7960" s="8"/>
    </row>
    <row r="7961" spans="1:2" x14ac:dyDescent="0.3">
      <c r="A7961" s="11"/>
      <c r="B7961" s="8"/>
    </row>
    <row r="7962" spans="1:2" x14ac:dyDescent="0.3">
      <c r="A7962" s="11"/>
      <c r="B7962" s="8"/>
    </row>
    <row r="7963" spans="1:2" x14ac:dyDescent="0.3">
      <c r="A7963" s="11"/>
      <c r="B7963" s="8"/>
    </row>
    <row r="7964" spans="1:2" x14ac:dyDescent="0.3">
      <c r="A7964" s="11"/>
      <c r="B7964" s="8"/>
    </row>
    <row r="7965" spans="1:2" x14ac:dyDescent="0.3">
      <c r="A7965" s="11"/>
      <c r="B7965" s="8"/>
    </row>
    <row r="7966" spans="1:2" x14ac:dyDescent="0.3">
      <c r="A7966" s="11"/>
      <c r="B7966" s="8"/>
    </row>
    <row r="7967" spans="1:2" x14ac:dyDescent="0.3">
      <c r="A7967" s="11"/>
      <c r="B7967" s="8"/>
    </row>
    <row r="7968" spans="1:2" x14ac:dyDescent="0.3">
      <c r="A7968" s="11"/>
      <c r="B7968" s="8"/>
    </row>
    <row r="7969" spans="1:2" x14ac:dyDescent="0.3">
      <c r="A7969" s="11"/>
      <c r="B7969" s="8"/>
    </row>
    <row r="7970" spans="1:2" x14ac:dyDescent="0.3">
      <c r="A7970" s="11"/>
      <c r="B7970" s="8"/>
    </row>
    <row r="7971" spans="1:2" x14ac:dyDescent="0.3">
      <c r="A7971" s="11"/>
      <c r="B7971" s="8"/>
    </row>
    <row r="7972" spans="1:2" x14ac:dyDescent="0.3">
      <c r="A7972" s="11"/>
      <c r="B7972" s="8"/>
    </row>
    <row r="7973" spans="1:2" x14ac:dyDescent="0.3">
      <c r="A7973" s="11"/>
      <c r="B7973" s="8"/>
    </row>
    <row r="7974" spans="1:2" x14ac:dyDescent="0.3">
      <c r="A7974" s="11"/>
      <c r="B7974" s="8"/>
    </row>
    <row r="7975" spans="1:2" x14ac:dyDescent="0.3">
      <c r="A7975" s="11"/>
      <c r="B7975" s="8"/>
    </row>
    <row r="7976" spans="1:2" x14ac:dyDescent="0.3">
      <c r="A7976" s="11"/>
      <c r="B7976" s="8"/>
    </row>
    <row r="7977" spans="1:2" x14ac:dyDescent="0.3">
      <c r="A7977" s="11"/>
      <c r="B7977" s="8"/>
    </row>
    <row r="7978" spans="1:2" x14ac:dyDescent="0.3">
      <c r="A7978" s="11"/>
      <c r="B7978" s="8"/>
    </row>
    <row r="7979" spans="1:2" x14ac:dyDescent="0.3">
      <c r="A7979" s="11"/>
      <c r="B7979" s="8"/>
    </row>
    <row r="7980" spans="1:2" x14ac:dyDescent="0.3">
      <c r="A7980" s="11"/>
      <c r="B7980" s="8"/>
    </row>
    <row r="7981" spans="1:2" x14ac:dyDescent="0.3">
      <c r="A7981" s="11"/>
      <c r="B7981" s="8"/>
    </row>
    <row r="7982" spans="1:2" x14ac:dyDescent="0.3">
      <c r="A7982" s="11"/>
      <c r="B7982" s="8"/>
    </row>
    <row r="7983" spans="1:2" x14ac:dyDescent="0.3">
      <c r="A7983" s="11"/>
      <c r="B7983" s="8"/>
    </row>
    <row r="7984" spans="1:2" x14ac:dyDescent="0.3">
      <c r="A7984" s="11"/>
      <c r="B7984" s="8"/>
    </row>
    <row r="7985" spans="1:2" x14ac:dyDescent="0.3">
      <c r="A7985" s="11"/>
      <c r="B7985" s="8"/>
    </row>
    <row r="7986" spans="1:2" x14ac:dyDescent="0.3">
      <c r="A7986" s="11"/>
      <c r="B7986" s="8"/>
    </row>
    <row r="7987" spans="1:2" x14ac:dyDescent="0.3">
      <c r="A7987" s="11"/>
      <c r="B7987" s="8"/>
    </row>
    <row r="7988" spans="1:2" x14ac:dyDescent="0.3">
      <c r="A7988" s="11"/>
      <c r="B7988" s="8"/>
    </row>
    <row r="7989" spans="1:2" x14ac:dyDescent="0.3">
      <c r="A7989" s="11"/>
      <c r="B7989" s="8"/>
    </row>
    <row r="7990" spans="1:2" x14ac:dyDescent="0.3">
      <c r="A7990" s="11"/>
      <c r="B7990" s="8"/>
    </row>
    <row r="7991" spans="1:2" x14ac:dyDescent="0.3">
      <c r="A7991" s="11"/>
      <c r="B7991" s="8"/>
    </row>
    <row r="7992" spans="1:2" x14ac:dyDescent="0.3">
      <c r="A7992" s="11"/>
      <c r="B7992" s="8"/>
    </row>
    <row r="7993" spans="1:2" x14ac:dyDescent="0.3">
      <c r="A7993" s="11"/>
      <c r="B7993" s="8"/>
    </row>
    <row r="7994" spans="1:2" x14ac:dyDescent="0.3">
      <c r="A7994" s="11"/>
      <c r="B7994" s="8"/>
    </row>
    <row r="7995" spans="1:2" x14ac:dyDescent="0.3">
      <c r="A7995" s="11"/>
      <c r="B7995" s="8"/>
    </row>
    <row r="7996" spans="1:2" x14ac:dyDescent="0.3">
      <c r="A7996" s="11"/>
      <c r="B7996" s="8"/>
    </row>
    <row r="7997" spans="1:2" x14ac:dyDescent="0.3">
      <c r="A7997" s="11"/>
      <c r="B7997" s="8"/>
    </row>
    <row r="7998" spans="1:2" x14ac:dyDescent="0.3">
      <c r="A7998" s="11"/>
      <c r="B7998" s="8"/>
    </row>
    <row r="7999" spans="1:2" x14ac:dyDescent="0.3">
      <c r="A7999" s="11"/>
      <c r="B7999" s="8"/>
    </row>
    <row r="8000" spans="1:2" x14ac:dyDescent="0.3">
      <c r="A8000" s="11"/>
      <c r="B8000" s="8"/>
    </row>
    <row r="8001" spans="1:2" x14ac:dyDescent="0.3">
      <c r="A8001" s="11"/>
      <c r="B8001" s="8"/>
    </row>
    <row r="8002" spans="1:2" x14ac:dyDescent="0.3">
      <c r="A8002" s="11"/>
      <c r="B8002" s="8"/>
    </row>
    <row r="8003" spans="1:2" x14ac:dyDescent="0.3">
      <c r="A8003" s="11"/>
      <c r="B8003" s="8"/>
    </row>
    <row r="8004" spans="1:2" x14ac:dyDescent="0.3">
      <c r="A8004" s="11"/>
      <c r="B8004" s="8"/>
    </row>
    <row r="8005" spans="1:2" x14ac:dyDescent="0.3">
      <c r="A8005" s="11"/>
      <c r="B8005" s="8"/>
    </row>
    <row r="8006" spans="1:2" x14ac:dyDescent="0.3">
      <c r="A8006" s="11"/>
      <c r="B8006" s="8"/>
    </row>
    <row r="8007" spans="1:2" x14ac:dyDescent="0.3">
      <c r="A8007" s="11"/>
      <c r="B8007" s="8"/>
    </row>
    <row r="8008" spans="1:2" x14ac:dyDescent="0.3">
      <c r="A8008" s="11"/>
      <c r="B8008" s="8"/>
    </row>
    <row r="8009" spans="1:2" x14ac:dyDescent="0.3">
      <c r="A8009" s="11"/>
      <c r="B8009" s="8"/>
    </row>
    <row r="8010" spans="1:2" x14ac:dyDescent="0.3">
      <c r="A8010" s="11"/>
      <c r="B8010" s="8"/>
    </row>
    <row r="8011" spans="1:2" x14ac:dyDescent="0.3">
      <c r="A8011" s="11"/>
      <c r="B8011" s="8"/>
    </row>
    <row r="8012" spans="1:2" x14ac:dyDescent="0.3">
      <c r="A8012" s="11"/>
      <c r="B8012" s="8"/>
    </row>
    <row r="8013" spans="1:2" x14ac:dyDescent="0.3">
      <c r="A8013" s="11"/>
      <c r="B8013" s="8"/>
    </row>
    <row r="8014" spans="1:2" x14ac:dyDescent="0.3">
      <c r="A8014" s="11"/>
      <c r="B8014" s="8"/>
    </row>
    <row r="8015" spans="1:2" x14ac:dyDescent="0.3">
      <c r="A8015" s="11"/>
      <c r="B8015" s="8"/>
    </row>
    <row r="8016" spans="1:2" x14ac:dyDescent="0.3">
      <c r="A8016" s="11"/>
      <c r="B8016" s="8"/>
    </row>
    <row r="8017" spans="1:2" x14ac:dyDescent="0.3">
      <c r="A8017" s="11"/>
      <c r="B8017" s="8"/>
    </row>
    <row r="8018" spans="1:2" x14ac:dyDescent="0.3">
      <c r="A8018" s="11"/>
      <c r="B8018" s="8"/>
    </row>
    <row r="8019" spans="1:2" x14ac:dyDescent="0.3">
      <c r="A8019" s="11"/>
      <c r="B8019" s="8"/>
    </row>
    <row r="8020" spans="1:2" x14ac:dyDescent="0.3">
      <c r="A8020" s="11"/>
      <c r="B8020" s="8"/>
    </row>
    <row r="8021" spans="1:2" x14ac:dyDescent="0.3">
      <c r="A8021" s="11"/>
      <c r="B8021" s="8"/>
    </row>
    <row r="8022" spans="1:2" x14ac:dyDescent="0.3">
      <c r="A8022" s="11"/>
      <c r="B8022" s="8"/>
    </row>
    <row r="8023" spans="1:2" x14ac:dyDescent="0.3">
      <c r="A8023" s="11"/>
      <c r="B8023" s="8"/>
    </row>
    <row r="8024" spans="1:2" x14ac:dyDescent="0.3">
      <c r="A8024" s="11"/>
      <c r="B8024" s="8"/>
    </row>
    <row r="8025" spans="1:2" x14ac:dyDescent="0.3">
      <c r="A8025" s="11"/>
      <c r="B8025" s="8"/>
    </row>
    <row r="8026" spans="1:2" x14ac:dyDescent="0.3">
      <c r="A8026" s="11"/>
      <c r="B8026" s="8"/>
    </row>
    <row r="8027" spans="1:2" x14ac:dyDescent="0.3">
      <c r="A8027" s="11"/>
      <c r="B8027" s="8"/>
    </row>
    <row r="8028" spans="1:2" x14ac:dyDescent="0.3">
      <c r="A8028" s="11"/>
      <c r="B8028" s="8"/>
    </row>
    <row r="8029" spans="1:2" x14ac:dyDescent="0.3">
      <c r="A8029" s="11"/>
      <c r="B8029" s="8"/>
    </row>
    <row r="8030" spans="1:2" x14ac:dyDescent="0.3">
      <c r="A8030" s="11"/>
      <c r="B8030" s="8"/>
    </row>
    <row r="8031" spans="1:2" x14ac:dyDescent="0.3">
      <c r="A8031" s="11"/>
      <c r="B8031" s="8"/>
    </row>
    <row r="8032" spans="1:2" x14ac:dyDescent="0.3">
      <c r="A8032" s="11"/>
      <c r="B8032" s="8"/>
    </row>
    <row r="8033" spans="1:2" x14ac:dyDescent="0.3">
      <c r="A8033" s="11"/>
      <c r="B8033" s="8"/>
    </row>
    <row r="8034" spans="1:2" x14ac:dyDescent="0.3">
      <c r="A8034" s="11"/>
      <c r="B8034" s="8"/>
    </row>
    <row r="8035" spans="1:2" x14ac:dyDescent="0.3">
      <c r="A8035" s="11"/>
      <c r="B8035" s="8"/>
    </row>
    <row r="8036" spans="1:2" x14ac:dyDescent="0.3">
      <c r="A8036" s="11"/>
      <c r="B8036" s="8"/>
    </row>
    <row r="8037" spans="1:2" x14ac:dyDescent="0.3">
      <c r="A8037" s="11"/>
      <c r="B8037" s="8"/>
    </row>
    <row r="8038" spans="1:2" x14ac:dyDescent="0.3">
      <c r="A8038" s="11"/>
      <c r="B8038" s="8"/>
    </row>
    <row r="8039" spans="1:2" x14ac:dyDescent="0.3">
      <c r="A8039" s="11"/>
      <c r="B8039" s="8"/>
    </row>
    <row r="8040" spans="1:2" x14ac:dyDescent="0.3">
      <c r="A8040" s="11"/>
      <c r="B8040" s="8"/>
    </row>
    <row r="8041" spans="1:2" x14ac:dyDescent="0.3">
      <c r="A8041" s="11"/>
      <c r="B8041" s="8"/>
    </row>
    <row r="8042" spans="1:2" x14ac:dyDescent="0.3">
      <c r="A8042" s="11"/>
      <c r="B8042" s="8"/>
    </row>
    <row r="8043" spans="1:2" x14ac:dyDescent="0.3">
      <c r="A8043" s="11"/>
      <c r="B8043" s="8"/>
    </row>
    <row r="8044" spans="1:2" x14ac:dyDescent="0.3">
      <c r="A8044" s="11"/>
      <c r="B8044" s="8"/>
    </row>
    <row r="8045" spans="1:2" x14ac:dyDescent="0.3">
      <c r="A8045" s="11"/>
      <c r="B8045" s="8"/>
    </row>
    <row r="8046" spans="1:2" x14ac:dyDescent="0.3">
      <c r="A8046" s="11"/>
      <c r="B8046" s="8"/>
    </row>
    <row r="8047" spans="1:2" x14ac:dyDescent="0.3">
      <c r="A8047" s="11"/>
      <c r="B8047" s="8"/>
    </row>
    <row r="8048" spans="1:2" x14ac:dyDescent="0.3">
      <c r="A8048" s="11"/>
      <c r="B8048" s="8"/>
    </row>
    <row r="8049" spans="1:2" x14ac:dyDescent="0.3">
      <c r="A8049" s="11"/>
      <c r="B8049" s="8"/>
    </row>
    <row r="8050" spans="1:2" x14ac:dyDescent="0.3">
      <c r="A8050" s="11"/>
      <c r="B8050" s="8"/>
    </row>
    <row r="8051" spans="1:2" x14ac:dyDescent="0.3">
      <c r="A8051" s="11"/>
      <c r="B8051" s="8"/>
    </row>
    <row r="8052" spans="1:2" x14ac:dyDescent="0.3">
      <c r="A8052" s="11"/>
      <c r="B8052" s="8"/>
    </row>
    <row r="8053" spans="1:2" x14ac:dyDescent="0.3">
      <c r="A8053" s="11"/>
      <c r="B8053" s="8"/>
    </row>
    <row r="8054" spans="1:2" x14ac:dyDescent="0.3">
      <c r="A8054" s="11"/>
      <c r="B8054" s="8"/>
    </row>
    <row r="8055" spans="1:2" x14ac:dyDescent="0.3">
      <c r="A8055" s="11"/>
      <c r="B8055" s="8"/>
    </row>
    <row r="8056" spans="1:2" x14ac:dyDescent="0.3">
      <c r="A8056" s="11"/>
      <c r="B8056" s="8"/>
    </row>
    <row r="8057" spans="1:2" x14ac:dyDescent="0.3">
      <c r="A8057" s="11"/>
      <c r="B8057" s="8"/>
    </row>
    <row r="8058" spans="1:2" x14ac:dyDescent="0.3">
      <c r="A8058" s="11"/>
      <c r="B8058" s="8"/>
    </row>
    <row r="8059" spans="1:2" x14ac:dyDescent="0.3">
      <c r="A8059" s="11"/>
      <c r="B8059" s="8"/>
    </row>
    <row r="8060" spans="1:2" x14ac:dyDescent="0.3">
      <c r="A8060" s="11"/>
      <c r="B8060" s="8"/>
    </row>
    <row r="8061" spans="1:2" x14ac:dyDescent="0.3">
      <c r="A8061" s="11"/>
      <c r="B8061" s="8"/>
    </row>
    <row r="8062" spans="1:2" x14ac:dyDescent="0.3">
      <c r="A8062" s="11"/>
      <c r="B8062" s="8"/>
    </row>
    <row r="8063" spans="1:2" x14ac:dyDescent="0.3">
      <c r="A8063" s="11"/>
      <c r="B8063" s="8"/>
    </row>
    <row r="8064" spans="1:2" x14ac:dyDescent="0.3">
      <c r="A8064" s="11"/>
      <c r="B8064" s="8"/>
    </row>
    <row r="8065" spans="1:2" x14ac:dyDescent="0.3">
      <c r="A8065" s="11"/>
      <c r="B8065" s="8"/>
    </row>
    <row r="8066" spans="1:2" x14ac:dyDescent="0.3">
      <c r="A8066" s="11"/>
      <c r="B8066" s="8"/>
    </row>
    <row r="8067" spans="1:2" x14ac:dyDescent="0.3">
      <c r="A8067" s="11"/>
      <c r="B8067" s="8"/>
    </row>
    <row r="8068" spans="1:2" x14ac:dyDescent="0.3">
      <c r="A8068" s="11"/>
      <c r="B8068" s="8"/>
    </row>
    <row r="8069" spans="1:2" x14ac:dyDescent="0.3">
      <c r="A8069" s="11"/>
      <c r="B8069" s="8"/>
    </row>
    <row r="8070" spans="1:2" x14ac:dyDescent="0.3">
      <c r="A8070" s="11"/>
      <c r="B8070" s="8"/>
    </row>
    <row r="8071" spans="1:2" x14ac:dyDescent="0.3">
      <c r="A8071" s="11"/>
      <c r="B8071" s="8"/>
    </row>
    <row r="8072" spans="1:2" x14ac:dyDescent="0.3">
      <c r="A8072" s="11"/>
      <c r="B8072" s="8"/>
    </row>
    <row r="8073" spans="1:2" x14ac:dyDescent="0.3">
      <c r="A8073" s="11"/>
      <c r="B8073" s="8"/>
    </row>
    <row r="8074" spans="1:2" x14ac:dyDescent="0.3">
      <c r="A8074" s="11"/>
      <c r="B8074" s="8"/>
    </row>
    <row r="8075" spans="1:2" x14ac:dyDescent="0.3">
      <c r="A8075" s="11"/>
      <c r="B8075" s="8"/>
    </row>
    <row r="8076" spans="1:2" x14ac:dyDescent="0.3">
      <c r="A8076" s="11"/>
      <c r="B8076" s="8"/>
    </row>
    <row r="8077" spans="1:2" x14ac:dyDescent="0.3">
      <c r="A8077" s="11"/>
      <c r="B8077" s="8"/>
    </row>
    <row r="8078" spans="1:2" x14ac:dyDescent="0.3">
      <c r="A8078" s="11"/>
      <c r="B8078" s="8"/>
    </row>
    <row r="8079" spans="1:2" x14ac:dyDescent="0.3">
      <c r="A8079" s="11"/>
      <c r="B8079" s="8"/>
    </row>
    <row r="8080" spans="1:2" x14ac:dyDescent="0.3">
      <c r="A8080" s="11"/>
      <c r="B8080" s="8"/>
    </row>
    <row r="8081" spans="1:2" x14ac:dyDescent="0.3">
      <c r="A8081" s="11"/>
      <c r="B8081" s="8"/>
    </row>
    <row r="8082" spans="1:2" x14ac:dyDescent="0.3">
      <c r="A8082" s="11"/>
      <c r="B8082" s="8"/>
    </row>
    <row r="8083" spans="1:2" x14ac:dyDescent="0.3">
      <c r="A8083" s="11"/>
      <c r="B8083" s="8"/>
    </row>
    <row r="8084" spans="1:2" x14ac:dyDescent="0.3">
      <c r="A8084" s="11"/>
      <c r="B8084" s="8"/>
    </row>
    <row r="8085" spans="1:2" x14ac:dyDescent="0.3">
      <c r="A8085" s="11"/>
      <c r="B8085" s="8"/>
    </row>
    <row r="8086" spans="1:2" x14ac:dyDescent="0.3">
      <c r="A8086" s="11"/>
      <c r="B8086" s="8"/>
    </row>
    <row r="8087" spans="1:2" x14ac:dyDescent="0.3">
      <c r="A8087" s="11"/>
      <c r="B8087" s="8"/>
    </row>
    <row r="8088" spans="1:2" x14ac:dyDescent="0.3">
      <c r="A8088" s="11"/>
      <c r="B8088" s="8"/>
    </row>
    <row r="8089" spans="1:2" x14ac:dyDescent="0.3">
      <c r="A8089" s="11"/>
      <c r="B8089" s="8"/>
    </row>
    <row r="8090" spans="1:2" x14ac:dyDescent="0.3">
      <c r="A8090" s="11"/>
      <c r="B8090" s="8"/>
    </row>
    <row r="8091" spans="1:2" x14ac:dyDescent="0.3">
      <c r="A8091" s="11"/>
      <c r="B8091" s="8"/>
    </row>
    <row r="8092" spans="1:2" x14ac:dyDescent="0.3">
      <c r="A8092" s="11"/>
      <c r="B8092" s="8"/>
    </row>
    <row r="8093" spans="1:2" x14ac:dyDescent="0.3">
      <c r="A8093" s="11"/>
      <c r="B8093" s="8"/>
    </row>
    <row r="8094" spans="1:2" x14ac:dyDescent="0.3">
      <c r="A8094" s="11"/>
      <c r="B8094" s="8"/>
    </row>
    <row r="8095" spans="1:2" x14ac:dyDescent="0.3">
      <c r="A8095" s="11"/>
      <c r="B8095" s="8"/>
    </row>
    <row r="8096" spans="1:2" x14ac:dyDescent="0.3">
      <c r="A8096" s="11"/>
      <c r="B8096" s="8"/>
    </row>
    <row r="8097" spans="1:2" x14ac:dyDescent="0.3">
      <c r="A8097" s="11"/>
      <c r="B8097" s="8"/>
    </row>
    <row r="8098" spans="1:2" x14ac:dyDescent="0.3">
      <c r="A8098" s="11"/>
      <c r="B8098" s="8"/>
    </row>
    <row r="8099" spans="1:2" x14ac:dyDescent="0.3">
      <c r="A8099" s="11"/>
      <c r="B8099" s="8"/>
    </row>
    <row r="8100" spans="1:2" x14ac:dyDescent="0.3">
      <c r="A8100" s="11"/>
      <c r="B8100" s="8"/>
    </row>
    <row r="8101" spans="1:2" x14ac:dyDescent="0.3">
      <c r="A8101" s="11"/>
      <c r="B8101" s="8"/>
    </row>
    <row r="8102" spans="1:2" x14ac:dyDescent="0.3">
      <c r="A8102" s="11"/>
      <c r="B8102" s="8"/>
    </row>
    <row r="8103" spans="1:2" x14ac:dyDescent="0.3">
      <c r="A8103" s="11"/>
      <c r="B8103" s="8"/>
    </row>
    <row r="8104" spans="1:2" x14ac:dyDescent="0.3">
      <c r="A8104" s="11"/>
      <c r="B8104" s="8"/>
    </row>
    <row r="8105" spans="1:2" x14ac:dyDescent="0.3">
      <c r="A8105" s="11"/>
      <c r="B8105" s="8"/>
    </row>
    <row r="8106" spans="1:2" x14ac:dyDescent="0.3">
      <c r="A8106" s="11"/>
      <c r="B8106" s="8"/>
    </row>
    <row r="8107" spans="1:2" x14ac:dyDescent="0.3">
      <c r="A8107" s="11"/>
      <c r="B8107" s="8"/>
    </row>
    <row r="8108" spans="1:2" x14ac:dyDescent="0.3">
      <c r="A8108" s="11"/>
      <c r="B8108" s="8"/>
    </row>
    <row r="8109" spans="1:2" x14ac:dyDescent="0.3">
      <c r="A8109" s="11"/>
      <c r="B8109" s="8"/>
    </row>
    <row r="8110" spans="1:2" x14ac:dyDescent="0.3">
      <c r="A8110" s="11"/>
      <c r="B8110" s="8"/>
    </row>
    <row r="8111" spans="1:2" x14ac:dyDescent="0.3">
      <c r="A8111" s="11"/>
      <c r="B8111" s="8"/>
    </row>
    <row r="8112" spans="1:2" x14ac:dyDescent="0.3">
      <c r="A8112" s="11"/>
      <c r="B8112" s="8"/>
    </row>
    <row r="8113" spans="1:2" x14ac:dyDescent="0.3">
      <c r="A8113" s="11"/>
      <c r="B8113" s="8"/>
    </row>
    <row r="8114" spans="1:2" x14ac:dyDescent="0.3">
      <c r="A8114" s="11"/>
      <c r="B8114" s="8"/>
    </row>
    <row r="8115" spans="1:2" x14ac:dyDescent="0.3">
      <c r="A8115" s="11"/>
      <c r="B8115" s="8"/>
    </row>
    <row r="8116" spans="1:2" x14ac:dyDescent="0.3">
      <c r="A8116" s="11"/>
      <c r="B8116" s="8"/>
    </row>
    <row r="8117" spans="1:2" x14ac:dyDescent="0.3">
      <c r="A8117" s="11"/>
      <c r="B8117" s="8"/>
    </row>
    <row r="8118" spans="1:2" x14ac:dyDescent="0.3">
      <c r="A8118" s="11"/>
      <c r="B8118" s="8"/>
    </row>
    <row r="8119" spans="1:2" x14ac:dyDescent="0.3">
      <c r="A8119" s="11"/>
      <c r="B8119" s="8"/>
    </row>
    <row r="8120" spans="1:2" x14ac:dyDescent="0.3">
      <c r="A8120" s="11"/>
      <c r="B8120" s="8"/>
    </row>
    <row r="8121" spans="1:2" x14ac:dyDescent="0.3">
      <c r="A8121" s="11"/>
      <c r="B8121" s="8"/>
    </row>
    <row r="8122" spans="1:2" x14ac:dyDescent="0.3">
      <c r="A8122" s="11"/>
      <c r="B8122" s="8"/>
    </row>
    <row r="8123" spans="1:2" x14ac:dyDescent="0.3">
      <c r="A8123" s="11"/>
      <c r="B8123" s="8"/>
    </row>
    <row r="8124" spans="1:2" x14ac:dyDescent="0.3">
      <c r="A8124" s="11"/>
      <c r="B8124" s="8"/>
    </row>
    <row r="8125" spans="1:2" x14ac:dyDescent="0.3">
      <c r="A8125" s="11"/>
      <c r="B8125" s="8"/>
    </row>
    <row r="8126" spans="1:2" x14ac:dyDescent="0.3">
      <c r="A8126" s="11"/>
      <c r="B8126" s="8"/>
    </row>
    <row r="8127" spans="1:2" x14ac:dyDescent="0.3">
      <c r="A8127" s="11"/>
      <c r="B8127" s="8"/>
    </row>
    <row r="8128" spans="1:2" x14ac:dyDescent="0.3">
      <c r="A8128" s="11"/>
      <c r="B8128" s="8"/>
    </row>
    <row r="8129" spans="1:2" x14ac:dyDescent="0.3">
      <c r="A8129" s="11"/>
      <c r="B8129" s="8"/>
    </row>
    <row r="8130" spans="1:2" x14ac:dyDescent="0.3">
      <c r="A8130" s="11"/>
      <c r="B8130" s="8"/>
    </row>
    <row r="8131" spans="1:2" x14ac:dyDescent="0.3">
      <c r="A8131" s="11"/>
      <c r="B8131" s="8"/>
    </row>
    <row r="8132" spans="1:2" x14ac:dyDescent="0.3">
      <c r="A8132" s="11"/>
      <c r="B8132" s="8"/>
    </row>
    <row r="8133" spans="1:2" x14ac:dyDescent="0.3">
      <c r="A8133" s="11"/>
      <c r="B8133" s="8"/>
    </row>
    <row r="8134" spans="1:2" x14ac:dyDescent="0.3">
      <c r="A8134" s="11"/>
      <c r="B8134" s="8"/>
    </row>
    <row r="8135" spans="1:2" x14ac:dyDescent="0.3">
      <c r="A8135" s="11"/>
      <c r="B8135" s="8"/>
    </row>
    <row r="8136" spans="1:2" x14ac:dyDescent="0.3">
      <c r="A8136" s="11"/>
      <c r="B8136" s="8"/>
    </row>
    <row r="8137" spans="1:2" x14ac:dyDescent="0.3">
      <c r="A8137" s="11"/>
      <c r="B8137" s="8"/>
    </row>
    <row r="8138" spans="1:2" x14ac:dyDescent="0.3">
      <c r="A8138" s="11"/>
      <c r="B8138" s="8"/>
    </row>
    <row r="8139" spans="1:2" x14ac:dyDescent="0.3">
      <c r="A8139" s="11"/>
      <c r="B8139" s="8"/>
    </row>
    <row r="8140" spans="1:2" x14ac:dyDescent="0.3">
      <c r="A8140" s="11"/>
      <c r="B8140" s="8"/>
    </row>
    <row r="8141" spans="1:2" x14ac:dyDescent="0.3">
      <c r="A8141" s="11"/>
      <c r="B8141" s="8"/>
    </row>
    <row r="8142" spans="1:2" x14ac:dyDescent="0.3">
      <c r="A8142" s="11"/>
      <c r="B8142" s="8"/>
    </row>
    <row r="8143" spans="1:2" x14ac:dyDescent="0.3">
      <c r="A8143" s="11"/>
      <c r="B8143" s="8"/>
    </row>
    <row r="8144" spans="1:2" x14ac:dyDescent="0.3">
      <c r="A8144" s="11"/>
      <c r="B8144" s="8"/>
    </row>
    <row r="8145" spans="1:2" x14ac:dyDescent="0.3">
      <c r="A8145" s="11"/>
      <c r="B8145" s="8"/>
    </row>
    <row r="8146" spans="1:2" x14ac:dyDescent="0.3">
      <c r="A8146" s="11"/>
      <c r="B8146" s="8"/>
    </row>
    <row r="8147" spans="1:2" x14ac:dyDescent="0.3">
      <c r="A8147" s="11"/>
      <c r="B8147" s="8"/>
    </row>
    <row r="8148" spans="1:2" x14ac:dyDescent="0.3">
      <c r="A8148" s="11"/>
      <c r="B8148" s="8"/>
    </row>
    <row r="8149" spans="1:2" x14ac:dyDescent="0.3">
      <c r="A8149" s="11"/>
      <c r="B8149" s="8"/>
    </row>
    <row r="8150" spans="1:2" x14ac:dyDescent="0.3">
      <c r="A8150" s="11"/>
      <c r="B8150" s="8"/>
    </row>
    <row r="8151" spans="1:2" x14ac:dyDescent="0.3">
      <c r="A8151" s="11"/>
      <c r="B8151" s="8"/>
    </row>
    <row r="8152" spans="1:2" x14ac:dyDescent="0.3">
      <c r="A8152" s="11"/>
      <c r="B8152" s="8"/>
    </row>
    <row r="8153" spans="1:2" x14ac:dyDescent="0.3">
      <c r="A8153" s="11"/>
      <c r="B8153" s="8"/>
    </row>
    <row r="8154" spans="1:2" x14ac:dyDescent="0.3">
      <c r="A8154" s="11"/>
      <c r="B8154" s="8"/>
    </row>
    <row r="8155" spans="1:2" x14ac:dyDescent="0.3">
      <c r="A8155" s="11"/>
      <c r="B8155" s="8"/>
    </row>
    <row r="8156" spans="1:2" x14ac:dyDescent="0.3">
      <c r="A8156" s="11"/>
      <c r="B8156" s="8"/>
    </row>
    <row r="8157" spans="1:2" x14ac:dyDescent="0.3">
      <c r="A8157" s="11"/>
      <c r="B8157" s="8"/>
    </row>
    <row r="8158" spans="1:2" x14ac:dyDescent="0.3">
      <c r="A8158" s="11"/>
      <c r="B8158" s="8"/>
    </row>
    <row r="8159" spans="1:2" x14ac:dyDescent="0.3">
      <c r="A8159" s="11"/>
      <c r="B8159" s="8"/>
    </row>
    <row r="8160" spans="1:2" x14ac:dyDescent="0.3">
      <c r="A8160" s="11"/>
      <c r="B8160" s="8"/>
    </row>
    <row r="8161" spans="1:2" x14ac:dyDescent="0.3">
      <c r="A8161" s="11"/>
      <c r="B8161" s="8"/>
    </row>
    <row r="8162" spans="1:2" x14ac:dyDescent="0.3">
      <c r="A8162" s="11"/>
      <c r="B8162" s="8"/>
    </row>
    <row r="8163" spans="1:2" x14ac:dyDescent="0.3">
      <c r="A8163" s="11"/>
      <c r="B8163" s="8"/>
    </row>
    <row r="8164" spans="1:2" x14ac:dyDescent="0.3">
      <c r="A8164" s="11"/>
      <c r="B8164" s="8"/>
    </row>
    <row r="8165" spans="1:2" x14ac:dyDescent="0.3">
      <c r="A8165" s="11"/>
      <c r="B8165" s="8"/>
    </row>
    <row r="8166" spans="1:2" x14ac:dyDescent="0.3">
      <c r="A8166" s="11"/>
      <c r="B8166" s="8"/>
    </row>
    <row r="8167" spans="1:2" x14ac:dyDescent="0.3">
      <c r="A8167" s="11"/>
      <c r="B8167" s="8"/>
    </row>
    <row r="8168" spans="1:2" x14ac:dyDescent="0.3">
      <c r="A8168" s="11"/>
      <c r="B8168" s="8"/>
    </row>
    <row r="8169" spans="1:2" x14ac:dyDescent="0.3">
      <c r="A8169" s="11"/>
      <c r="B8169" s="8"/>
    </row>
    <row r="8170" spans="1:2" x14ac:dyDescent="0.3">
      <c r="A8170" s="11"/>
      <c r="B8170" s="8"/>
    </row>
    <row r="8171" spans="1:2" x14ac:dyDescent="0.3">
      <c r="A8171" s="11"/>
      <c r="B8171" s="8"/>
    </row>
    <row r="8172" spans="1:2" x14ac:dyDescent="0.3">
      <c r="A8172" s="11"/>
      <c r="B8172" s="8"/>
    </row>
    <row r="8173" spans="1:2" x14ac:dyDescent="0.3">
      <c r="A8173" s="11"/>
      <c r="B8173" s="8"/>
    </row>
    <row r="8174" spans="1:2" x14ac:dyDescent="0.3">
      <c r="A8174" s="11"/>
      <c r="B8174" s="8"/>
    </row>
    <row r="8175" spans="1:2" x14ac:dyDescent="0.3">
      <c r="A8175" s="11"/>
      <c r="B8175" s="8"/>
    </row>
    <row r="8176" spans="1:2" x14ac:dyDescent="0.3">
      <c r="A8176" s="11"/>
      <c r="B8176" s="8"/>
    </row>
    <row r="8177" spans="1:2" x14ac:dyDescent="0.3">
      <c r="A8177" s="11"/>
      <c r="B8177" s="8"/>
    </row>
    <row r="8178" spans="1:2" x14ac:dyDescent="0.3">
      <c r="A8178" s="11"/>
      <c r="B8178" s="8"/>
    </row>
    <row r="8179" spans="1:2" x14ac:dyDescent="0.3">
      <c r="A8179" s="11"/>
      <c r="B8179" s="8"/>
    </row>
    <row r="8180" spans="1:2" x14ac:dyDescent="0.3">
      <c r="A8180" s="11"/>
      <c r="B8180" s="8"/>
    </row>
    <row r="8181" spans="1:2" x14ac:dyDescent="0.3">
      <c r="A8181" s="11"/>
      <c r="B8181" s="8"/>
    </row>
    <row r="8182" spans="1:2" x14ac:dyDescent="0.3">
      <c r="A8182" s="11"/>
      <c r="B8182" s="8"/>
    </row>
    <row r="8183" spans="1:2" x14ac:dyDescent="0.3">
      <c r="A8183" s="11"/>
      <c r="B8183" s="8"/>
    </row>
    <row r="8184" spans="1:2" x14ac:dyDescent="0.3">
      <c r="A8184" s="11"/>
      <c r="B8184" s="8"/>
    </row>
    <row r="8185" spans="1:2" x14ac:dyDescent="0.3">
      <c r="A8185" s="11"/>
      <c r="B8185" s="8"/>
    </row>
    <row r="8186" spans="1:2" x14ac:dyDescent="0.3">
      <c r="A8186" s="11"/>
      <c r="B8186" s="8"/>
    </row>
    <row r="8187" spans="1:2" x14ac:dyDescent="0.3">
      <c r="A8187" s="11"/>
      <c r="B8187" s="8"/>
    </row>
    <row r="8188" spans="1:2" x14ac:dyDescent="0.3">
      <c r="A8188" s="11"/>
      <c r="B8188" s="8"/>
    </row>
    <row r="8189" spans="1:2" x14ac:dyDescent="0.3">
      <c r="A8189" s="11"/>
      <c r="B8189" s="8"/>
    </row>
    <row r="8190" spans="1:2" x14ac:dyDescent="0.3">
      <c r="A8190" s="11"/>
      <c r="B8190" s="8"/>
    </row>
    <row r="8191" spans="1:2" x14ac:dyDescent="0.3">
      <c r="A8191" s="11"/>
      <c r="B8191" s="8"/>
    </row>
    <row r="8192" spans="1:2" x14ac:dyDescent="0.3">
      <c r="A8192" s="11"/>
      <c r="B8192" s="8"/>
    </row>
    <row r="8193" spans="1:2" x14ac:dyDescent="0.3">
      <c r="A8193" s="11"/>
      <c r="B8193" s="8"/>
    </row>
    <row r="8194" spans="1:2" x14ac:dyDescent="0.3">
      <c r="A8194" s="11"/>
      <c r="B8194" s="8"/>
    </row>
    <row r="8195" spans="1:2" x14ac:dyDescent="0.3">
      <c r="A8195" s="11"/>
      <c r="B8195" s="8"/>
    </row>
    <row r="8196" spans="1:2" x14ac:dyDescent="0.3">
      <c r="A8196" s="11"/>
      <c r="B8196" s="8"/>
    </row>
    <row r="8197" spans="1:2" x14ac:dyDescent="0.3">
      <c r="A8197" s="11"/>
      <c r="B8197" s="8"/>
    </row>
    <row r="8198" spans="1:2" x14ac:dyDescent="0.3">
      <c r="A8198" s="11"/>
      <c r="B8198" s="8"/>
    </row>
    <row r="8199" spans="1:2" x14ac:dyDescent="0.3">
      <c r="A8199" s="11"/>
      <c r="B8199" s="8"/>
    </row>
    <row r="8200" spans="1:2" x14ac:dyDescent="0.3">
      <c r="A8200" s="11"/>
      <c r="B8200" s="8"/>
    </row>
    <row r="8201" spans="1:2" x14ac:dyDescent="0.3">
      <c r="A8201" s="11"/>
      <c r="B8201" s="8"/>
    </row>
    <row r="8202" spans="1:2" x14ac:dyDescent="0.3">
      <c r="A8202" s="11"/>
      <c r="B8202" s="8"/>
    </row>
    <row r="8203" spans="1:2" x14ac:dyDescent="0.3">
      <c r="A8203" s="11"/>
      <c r="B8203" s="8"/>
    </row>
    <row r="8204" spans="1:2" x14ac:dyDescent="0.3">
      <c r="A8204" s="11"/>
      <c r="B8204" s="8"/>
    </row>
    <row r="8205" spans="1:2" x14ac:dyDescent="0.3">
      <c r="A8205" s="11"/>
      <c r="B8205" s="8"/>
    </row>
    <row r="8206" spans="1:2" x14ac:dyDescent="0.3">
      <c r="A8206" s="11"/>
      <c r="B8206" s="8"/>
    </row>
    <row r="8207" spans="1:2" x14ac:dyDescent="0.3">
      <c r="A8207" s="11"/>
      <c r="B8207" s="8"/>
    </row>
    <row r="8208" spans="1:2" x14ac:dyDescent="0.3">
      <c r="A8208" s="11"/>
      <c r="B8208" s="8"/>
    </row>
    <row r="8209" spans="1:2" x14ac:dyDescent="0.3">
      <c r="A8209" s="11"/>
      <c r="B8209" s="8"/>
    </row>
    <row r="8210" spans="1:2" x14ac:dyDescent="0.3">
      <c r="A8210" s="11"/>
      <c r="B8210" s="8"/>
    </row>
    <row r="8211" spans="1:2" x14ac:dyDescent="0.3">
      <c r="A8211" s="11"/>
      <c r="B8211" s="8"/>
    </row>
    <row r="8212" spans="1:2" x14ac:dyDescent="0.3">
      <c r="A8212" s="11"/>
      <c r="B8212" s="8"/>
    </row>
    <row r="8213" spans="1:2" x14ac:dyDescent="0.3">
      <c r="A8213" s="11"/>
      <c r="B8213" s="8"/>
    </row>
    <row r="8214" spans="1:2" x14ac:dyDescent="0.3">
      <c r="A8214" s="11"/>
      <c r="B8214" s="8"/>
    </row>
    <row r="8215" spans="1:2" x14ac:dyDescent="0.3">
      <c r="A8215" s="11"/>
      <c r="B8215" s="8"/>
    </row>
    <row r="8216" spans="1:2" x14ac:dyDescent="0.3">
      <c r="A8216" s="11"/>
      <c r="B8216" s="8"/>
    </row>
    <row r="8217" spans="1:2" x14ac:dyDescent="0.3">
      <c r="A8217" s="11"/>
      <c r="B8217" s="8"/>
    </row>
    <row r="8218" spans="1:2" x14ac:dyDescent="0.3">
      <c r="A8218" s="11"/>
      <c r="B8218" s="8"/>
    </row>
    <row r="8219" spans="1:2" x14ac:dyDescent="0.3">
      <c r="A8219" s="11"/>
      <c r="B8219" s="8"/>
    </row>
    <row r="8220" spans="1:2" x14ac:dyDescent="0.3">
      <c r="A8220" s="11"/>
      <c r="B8220" s="8"/>
    </row>
    <row r="8221" spans="1:2" x14ac:dyDescent="0.3">
      <c r="A8221" s="11"/>
      <c r="B8221" s="8"/>
    </row>
    <row r="8222" spans="1:2" x14ac:dyDescent="0.3">
      <c r="A8222" s="11"/>
      <c r="B8222" s="8"/>
    </row>
    <row r="8223" spans="1:2" x14ac:dyDescent="0.3">
      <c r="A8223" s="11"/>
      <c r="B8223" s="8"/>
    </row>
    <row r="8224" spans="1:2" x14ac:dyDescent="0.3">
      <c r="A8224" s="11"/>
      <c r="B8224" s="8"/>
    </row>
    <row r="8225" spans="1:2" x14ac:dyDescent="0.3">
      <c r="A8225" s="11"/>
      <c r="B8225" s="8"/>
    </row>
    <row r="8226" spans="1:2" x14ac:dyDescent="0.3">
      <c r="A8226" s="11"/>
      <c r="B8226" s="8"/>
    </row>
    <row r="8227" spans="1:2" x14ac:dyDescent="0.3">
      <c r="A8227" s="11"/>
      <c r="B8227" s="8"/>
    </row>
    <row r="8228" spans="1:2" x14ac:dyDescent="0.3">
      <c r="A8228" s="11"/>
      <c r="B8228" s="8"/>
    </row>
    <row r="8229" spans="1:2" x14ac:dyDescent="0.3">
      <c r="A8229" s="11"/>
      <c r="B8229" s="8"/>
    </row>
    <row r="8230" spans="1:2" x14ac:dyDescent="0.3">
      <c r="A8230" s="11"/>
      <c r="B8230" s="8"/>
    </row>
    <row r="8231" spans="1:2" x14ac:dyDescent="0.3">
      <c r="A8231" s="11"/>
      <c r="B8231" s="8"/>
    </row>
    <row r="8232" spans="1:2" x14ac:dyDescent="0.3">
      <c r="A8232" s="11"/>
      <c r="B8232" s="8"/>
    </row>
    <row r="8233" spans="1:2" x14ac:dyDescent="0.3">
      <c r="A8233" s="11"/>
      <c r="B8233" s="8"/>
    </row>
    <row r="8234" spans="1:2" x14ac:dyDescent="0.3">
      <c r="A8234" s="11"/>
      <c r="B8234" s="8"/>
    </row>
    <row r="8235" spans="1:2" x14ac:dyDescent="0.3">
      <c r="A8235" s="11"/>
      <c r="B8235" s="8"/>
    </row>
    <row r="8236" spans="1:2" x14ac:dyDescent="0.3">
      <c r="A8236" s="11"/>
      <c r="B8236" s="8"/>
    </row>
    <row r="8237" spans="1:2" x14ac:dyDescent="0.3">
      <c r="A8237" s="11"/>
      <c r="B8237" s="8"/>
    </row>
    <row r="8238" spans="1:2" x14ac:dyDescent="0.3">
      <c r="A8238" s="11"/>
      <c r="B8238" s="8"/>
    </row>
    <row r="8239" spans="1:2" x14ac:dyDescent="0.3">
      <c r="A8239" s="11"/>
      <c r="B8239" s="8"/>
    </row>
    <row r="8240" spans="1:2" x14ac:dyDescent="0.3">
      <c r="A8240" s="11"/>
      <c r="B8240" s="8"/>
    </row>
    <row r="8241" spans="1:2" x14ac:dyDescent="0.3">
      <c r="A8241" s="11"/>
      <c r="B8241" s="8"/>
    </row>
    <row r="8242" spans="1:2" x14ac:dyDescent="0.3">
      <c r="A8242" s="11"/>
      <c r="B8242" s="8"/>
    </row>
    <row r="8243" spans="1:2" x14ac:dyDescent="0.3">
      <c r="A8243" s="11"/>
      <c r="B8243" s="8"/>
    </row>
    <row r="8244" spans="1:2" x14ac:dyDescent="0.3">
      <c r="A8244" s="11"/>
      <c r="B8244" s="8"/>
    </row>
    <row r="8245" spans="1:2" x14ac:dyDescent="0.3">
      <c r="A8245" s="11"/>
      <c r="B8245" s="8"/>
    </row>
    <row r="8246" spans="1:2" x14ac:dyDescent="0.3">
      <c r="A8246" s="11"/>
      <c r="B8246" s="8"/>
    </row>
    <row r="8247" spans="1:2" x14ac:dyDescent="0.3">
      <c r="A8247" s="11"/>
      <c r="B8247" s="8"/>
    </row>
    <row r="8248" spans="1:2" x14ac:dyDescent="0.3">
      <c r="A8248" s="11"/>
      <c r="B8248" s="8"/>
    </row>
    <row r="8249" spans="1:2" x14ac:dyDescent="0.3">
      <c r="A8249" s="11"/>
      <c r="B8249" s="8"/>
    </row>
    <row r="8250" spans="1:2" x14ac:dyDescent="0.3">
      <c r="A8250" s="11"/>
      <c r="B8250" s="8"/>
    </row>
    <row r="8251" spans="1:2" x14ac:dyDescent="0.3">
      <c r="A8251" s="11"/>
      <c r="B8251" s="8"/>
    </row>
    <row r="8252" spans="1:2" x14ac:dyDescent="0.3">
      <c r="A8252" s="11"/>
      <c r="B8252" s="8"/>
    </row>
    <row r="8253" spans="1:2" x14ac:dyDescent="0.3">
      <c r="A8253" s="11"/>
      <c r="B8253" s="8"/>
    </row>
    <row r="8254" spans="1:2" x14ac:dyDescent="0.3">
      <c r="A8254" s="11"/>
      <c r="B8254" s="8"/>
    </row>
    <row r="8255" spans="1:2" x14ac:dyDescent="0.3">
      <c r="A8255" s="11"/>
      <c r="B8255" s="8"/>
    </row>
    <row r="8256" spans="1:2" x14ac:dyDescent="0.3">
      <c r="A8256" s="11"/>
      <c r="B8256" s="8"/>
    </row>
    <row r="8257" spans="1:2" x14ac:dyDescent="0.3">
      <c r="A8257" s="11"/>
      <c r="B8257" s="8"/>
    </row>
    <row r="8258" spans="1:2" x14ac:dyDescent="0.3">
      <c r="A8258" s="11"/>
      <c r="B8258" s="8"/>
    </row>
    <row r="8259" spans="1:2" x14ac:dyDescent="0.3">
      <c r="A8259" s="11"/>
      <c r="B8259" s="8"/>
    </row>
    <row r="8260" spans="1:2" x14ac:dyDescent="0.3">
      <c r="A8260" s="11"/>
      <c r="B8260" s="8"/>
    </row>
    <row r="8261" spans="1:2" x14ac:dyDescent="0.3">
      <c r="A8261" s="11"/>
      <c r="B8261" s="8"/>
    </row>
    <row r="8262" spans="1:2" x14ac:dyDescent="0.3">
      <c r="A8262" s="11"/>
      <c r="B8262" s="8"/>
    </row>
    <row r="8263" spans="1:2" x14ac:dyDescent="0.3">
      <c r="A8263" s="11"/>
      <c r="B8263" s="8"/>
    </row>
    <row r="8264" spans="1:2" x14ac:dyDescent="0.3">
      <c r="A8264" s="11"/>
      <c r="B8264" s="8"/>
    </row>
    <row r="8265" spans="1:2" x14ac:dyDescent="0.3">
      <c r="A8265" s="11"/>
      <c r="B8265" s="8"/>
    </row>
    <row r="8266" spans="1:2" x14ac:dyDescent="0.3">
      <c r="A8266" s="11"/>
      <c r="B8266" s="8"/>
    </row>
    <row r="8267" spans="1:2" x14ac:dyDescent="0.3">
      <c r="A8267" s="11"/>
      <c r="B8267" s="8"/>
    </row>
    <row r="8268" spans="1:2" x14ac:dyDescent="0.3">
      <c r="A8268" s="11"/>
      <c r="B8268" s="8"/>
    </row>
    <row r="8269" spans="1:2" x14ac:dyDescent="0.3">
      <c r="A8269" s="11"/>
      <c r="B8269" s="8"/>
    </row>
    <row r="8270" spans="1:2" x14ac:dyDescent="0.3">
      <c r="A8270" s="11"/>
      <c r="B8270" s="8"/>
    </row>
    <row r="8271" spans="1:2" x14ac:dyDescent="0.3">
      <c r="A8271" s="11"/>
      <c r="B8271" s="8"/>
    </row>
    <row r="8272" spans="1:2" x14ac:dyDescent="0.3">
      <c r="A8272" s="11"/>
      <c r="B8272" s="8"/>
    </row>
    <row r="8273" spans="1:2" x14ac:dyDescent="0.3">
      <c r="A8273" s="11"/>
      <c r="B8273" s="8"/>
    </row>
    <row r="8274" spans="1:2" x14ac:dyDescent="0.3">
      <c r="A8274" s="11"/>
      <c r="B8274" s="8"/>
    </row>
    <row r="8275" spans="1:2" x14ac:dyDescent="0.3">
      <c r="A8275" s="11"/>
      <c r="B8275" s="8"/>
    </row>
    <row r="8276" spans="1:2" x14ac:dyDescent="0.3">
      <c r="A8276" s="11"/>
      <c r="B8276" s="8"/>
    </row>
    <row r="8277" spans="1:2" x14ac:dyDescent="0.3">
      <c r="A8277" s="11"/>
      <c r="B8277" s="8"/>
    </row>
    <row r="8278" spans="1:2" x14ac:dyDescent="0.3">
      <c r="A8278" s="11"/>
      <c r="B8278" s="8"/>
    </row>
    <row r="8279" spans="1:2" x14ac:dyDescent="0.3">
      <c r="A8279" s="11"/>
      <c r="B8279" s="8"/>
    </row>
    <row r="8280" spans="1:2" x14ac:dyDescent="0.3">
      <c r="A8280" s="11"/>
      <c r="B8280" s="8"/>
    </row>
    <row r="8281" spans="1:2" x14ac:dyDescent="0.3">
      <c r="A8281" s="11"/>
      <c r="B8281" s="8"/>
    </row>
    <row r="8282" spans="1:2" x14ac:dyDescent="0.3">
      <c r="A8282" s="11"/>
      <c r="B8282" s="8"/>
    </row>
    <row r="8283" spans="1:2" x14ac:dyDescent="0.3">
      <c r="A8283" s="11"/>
      <c r="B8283" s="8"/>
    </row>
    <row r="8284" spans="1:2" x14ac:dyDescent="0.3">
      <c r="A8284" s="11"/>
      <c r="B8284" s="8"/>
    </row>
    <row r="8285" spans="1:2" x14ac:dyDescent="0.3">
      <c r="A8285" s="11"/>
      <c r="B8285" s="8"/>
    </row>
    <row r="8286" spans="1:2" x14ac:dyDescent="0.3">
      <c r="A8286" s="11"/>
      <c r="B8286" s="8"/>
    </row>
    <row r="8287" spans="1:2" x14ac:dyDescent="0.3">
      <c r="A8287" s="11"/>
      <c r="B8287" s="8"/>
    </row>
    <row r="8288" spans="1:2" x14ac:dyDescent="0.3">
      <c r="A8288" s="11"/>
      <c r="B8288" s="8"/>
    </row>
    <row r="8289" spans="1:2" x14ac:dyDescent="0.3">
      <c r="A8289" s="11"/>
      <c r="B8289" s="8"/>
    </row>
    <row r="8290" spans="1:2" x14ac:dyDescent="0.3">
      <c r="A8290" s="11"/>
      <c r="B8290" s="8"/>
    </row>
    <row r="8291" spans="1:2" x14ac:dyDescent="0.3">
      <c r="A8291" s="11"/>
      <c r="B8291" s="8"/>
    </row>
    <row r="8292" spans="1:2" x14ac:dyDescent="0.3">
      <c r="A8292" s="11"/>
      <c r="B8292" s="8"/>
    </row>
    <row r="8293" spans="1:2" x14ac:dyDescent="0.3">
      <c r="A8293" s="11"/>
      <c r="B8293" s="8"/>
    </row>
    <row r="8294" spans="1:2" x14ac:dyDescent="0.3">
      <c r="A8294" s="11"/>
      <c r="B8294" s="8"/>
    </row>
    <row r="8295" spans="1:2" x14ac:dyDescent="0.3">
      <c r="A8295" s="11"/>
      <c r="B8295" s="8"/>
    </row>
    <row r="8296" spans="1:2" x14ac:dyDescent="0.3">
      <c r="A8296" s="11"/>
      <c r="B8296" s="8"/>
    </row>
    <row r="8297" spans="1:2" x14ac:dyDescent="0.3">
      <c r="A8297" s="11"/>
      <c r="B8297" s="8"/>
    </row>
    <row r="8298" spans="1:2" x14ac:dyDescent="0.3">
      <c r="A8298" s="11"/>
      <c r="B8298" s="8"/>
    </row>
    <row r="8299" spans="1:2" x14ac:dyDescent="0.3">
      <c r="A8299" s="11"/>
      <c r="B8299" s="8"/>
    </row>
    <row r="8300" spans="1:2" x14ac:dyDescent="0.3">
      <c r="A8300" s="11"/>
      <c r="B8300" s="8"/>
    </row>
    <row r="8301" spans="1:2" x14ac:dyDescent="0.3">
      <c r="A8301" s="11"/>
      <c r="B8301" s="8"/>
    </row>
    <row r="8302" spans="1:2" x14ac:dyDescent="0.3">
      <c r="A8302" s="11"/>
      <c r="B8302" s="8"/>
    </row>
    <row r="8303" spans="1:2" x14ac:dyDescent="0.3">
      <c r="A8303" s="11"/>
      <c r="B8303" s="8"/>
    </row>
    <row r="8304" spans="1:2" x14ac:dyDescent="0.3">
      <c r="A8304" s="11"/>
      <c r="B8304" s="8"/>
    </row>
    <row r="8305" spans="1:2" x14ac:dyDescent="0.3">
      <c r="A8305" s="11"/>
      <c r="B8305" s="8"/>
    </row>
    <row r="8306" spans="1:2" x14ac:dyDescent="0.3">
      <c r="A8306" s="11"/>
      <c r="B8306" s="8"/>
    </row>
    <row r="8307" spans="1:2" x14ac:dyDescent="0.3">
      <c r="A8307" s="11"/>
      <c r="B8307" s="8"/>
    </row>
    <row r="8308" spans="1:2" x14ac:dyDescent="0.3">
      <c r="A8308" s="11"/>
      <c r="B8308" s="8"/>
    </row>
    <row r="8309" spans="1:2" x14ac:dyDescent="0.3">
      <c r="A8309" s="11"/>
      <c r="B8309" s="8"/>
    </row>
    <row r="8310" spans="1:2" x14ac:dyDescent="0.3">
      <c r="A8310" s="11"/>
      <c r="B8310" s="8"/>
    </row>
    <row r="8311" spans="1:2" x14ac:dyDescent="0.3">
      <c r="A8311" s="11"/>
      <c r="B8311" s="8"/>
    </row>
    <row r="8312" spans="1:2" x14ac:dyDescent="0.3">
      <c r="A8312" s="11"/>
      <c r="B8312" s="8"/>
    </row>
    <row r="8313" spans="1:2" x14ac:dyDescent="0.3">
      <c r="A8313" s="11"/>
      <c r="B8313" s="8"/>
    </row>
    <row r="8314" spans="1:2" x14ac:dyDescent="0.3">
      <c r="A8314" s="11"/>
      <c r="B8314" s="8"/>
    </row>
    <row r="8315" spans="1:2" x14ac:dyDescent="0.3">
      <c r="A8315" s="11"/>
      <c r="B8315" s="8"/>
    </row>
    <row r="8316" spans="1:2" x14ac:dyDescent="0.3">
      <c r="A8316" s="11"/>
      <c r="B8316" s="8"/>
    </row>
    <row r="8317" spans="1:2" x14ac:dyDescent="0.3">
      <c r="A8317" s="11"/>
      <c r="B8317" s="8"/>
    </row>
    <row r="8318" spans="1:2" x14ac:dyDescent="0.3">
      <c r="A8318" s="11"/>
      <c r="B8318" s="8"/>
    </row>
    <row r="8319" spans="1:2" x14ac:dyDescent="0.3">
      <c r="A8319" s="11"/>
      <c r="B8319" s="8"/>
    </row>
    <row r="8320" spans="1:2" x14ac:dyDescent="0.3">
      <c r="A8320" s="11"/>
      <c r="B8320" s="8"/>
    </row>
    <row r="8321" spans="1:2" x14ac:dyDescent="0.3">
      <c r="A8321" s="11"/>
      <c r="B8321" s="8"/>
    </row>
    <row r="8322" spans="1:2" x14ac:dyDescent="0.3">
      <c r="A8322" s="11"/>
      <c r="B8322" s="8"/>
    </row>
    <row r="8323" spans="1:2" x14ac:dyDescent="0.3">
      <c r="A8323" s="11"/>
      <c r="B8323" s="8"/>
    </row>
    <row r="8324" spans="1:2" x14ac:dyDescent="0.3">
      <c r="A8324" s="11"/>
      <c r="B8324" s="8"/>
    </row>
    <row r="8325" spans="1:2" x14ac:dyDescent="0.3">
      <c r="A8325" s="11"/>
      <c r="B8325" s="8"/>
    </row>
    <row r="8326" spans="1:2" x14ac:dyDescent="0.3">
      <c r="A8326" s="11"/>
      <c r="B8326" s="8"/>
    </row>
    <row r="8327" spans="1:2" x14ac:dyDescent="0.3">
      <c r="A8327" s="11"/>
      <c r="B8327" s="8"/>
    </row>
    <row r="8328" spans="1:2" x14ac:dyDescent="0.3">
      <c r="A8328" s="11"/>
      <c r="B8328" s="8"/>
    </row>
    <row r="8329" spans="1:2" x14ac:dyDescent="0.3">
      <c r="A8329" s="11"/>
      <c r="B8329" s="8"/>
    </row>
    <row r="8330" spans="1:2" x14ac:dyDescent="0.3">
      <c r="A8330" s="11"/>
      <c r="B8330" s="8"/>
    </row>
    <row r="8331" spans="1:2" x14ac:dyDescent="0.3">
      <c r="A8331" s="11"/>
      <c r="B8331" s="8"/>
    </row>
    <row r="8332" spans="1:2" x14ac:dyDescent="0.3">
      <c r="A8332" s="11"/>
      <c r="B8332" s="8"/>
    </row>
    <row r="8333" spans="1:2" x14ac:dyDescent="0.3">
      <c r="A8333" s="11"/>
      <c r="B8333" s="8"/>
    </row>
    <row r="8334" spans="1:2" x14ac:dyDescent="0.3">
      <c r="A8334" s="11"/>
      <c r="B8334" s="8"/>
    </row>
    <row r="8335" spans="1:2" x14ac:dyDescent="0.3">
      <c r="A8335" s="11"/>
      <c r="B8335" s="8"/>
    </row>
    <row r="8336" spans="1:2" x14ac:dyDescent="0.3">
      <c r="A8336" s="11"/>
      <c r="B8336" s="8"/>
    </row>
    <row r="8337" spans="1:2" x14ac:dyDescent="0.3">
      <c r="A8337" s="11"/>
      <c r="B8337" s="8"/>
    </row>
    <row r="8338" spans="1:2" x14ac:dyDescent="0.3">
      <c r="A8338" s="11"/>
      <c r="B8338" s="8"/>
    </row>
    <row r="8339" spans="1:2" x14ac:dyDescent="0.3">
      <c r="A8339" s="11"/>
      <c r="B8339" s="8"/>
    </row>
    <row r="8340" spans="1:2" x14ac:dyDescent="0.3">
      <c r="A8340" s="11"/>
      <c r="B8340" s="8"/>
    </row>
    <row r="8341" spans="1:2" x14ac:dyDescent="0.3">
      <c r="A8341" s="11"/>
      <c r="B8341" s="8"/>
    </row>
    <row r="8342" spans="1:2" x14ac:dyDescent="0.3">
      <c r="A8342" s="11"/>
      <c r="B8342" s="8"/>
    </row>
    <row r="8343" spans="1:2" x14ac:dyDescent="0.3">
      <c r="A8343" s="11"/>
      <c r="B8343" s="8"/>
    </row>
    <row r="8344" spans="1:2" x14ac:dyDescent="0.3">
      <c r="A8344" s="11"/>
      <c r="B8344" s="8"/>
    </row>
    <row r="8345" spans="1:2" x14ac:dyDescent="0.3">
      <c r="A8345" s="11"/>
      <c r="B8345" s="8"/>
    </row>
    <row r="8346" spans="1:2" x14ac:dyDescent="0.3">
      <c r="A8346" s="11"/>
      <c r="B8346" s="8"/>
    </row>
    <row r="8347" spans="1:2" x14ac:dyDescent="0.3">
      <c r="A8347" s="11"/>
      <c r="B8347" s="8"/>
    </row>
    <row r="8348" spans="1:2" x14ac:dyDescent="0.3">
      <c r="A8348" s="11"/>
      <c r="B8348" s="8"/>
    </row>
    <row r="8349" spans="1:2" x14ac:dyDescent="0.3">
      <c r="A8349" s="11"/>
      <c r="B8349" s="8"/>
    </row>
    <row r="8350" spans="1:2" x14ac:dyDescent="0.3">
      <c r="A8350" s="11"/>
      <c r="B8350" s="8"/>
    </row>
    <row r="8351" spans="1:2" x14ac:dyDescent="0.3">
      <c r="A8351" s="11"/>
      <c r="B8351" s="8"/>
    </row>
    <row r="8352" spans="1:2" x14ac:dyDescent="0.3">
      <c r="A8352" s="11"/>
      <c r="B8352" s="8"/>
    </row>
    <row r="8353" spans="1:2" x14ac:dyDescent="0.3">
      <c r="A8353" s="11"/>
      <c r="B8353" s="8"/>
    </row>
    <row r="8354" spans="1:2" x14ac:dyDescent="0.3">
      <c r="A8354" s="11"/>
      <c r="B8354" s="8"/>
    </row>
    <row r="8355" spans="1:2" x14ac:dyDescent="0.3">
      <c r="A8355" s="11"/>
      <c r="B8355" s="8"/>
    </row>
    <row r="8356" spans="1:2" x14ac:dyDescent="0.3">
      <c r="A8356" s="11"/>
      <c r="B8356" s="8"/>
    </row>
    <row r="8357" spans="1:2" x14ac:dyDescent="0.3">
      <c r="A8357" s="11"/>
      <c r="B8357" s="8"/>
    </row>
    <row r="8358" spans="1:2" x14ac:dyDescent="0.3">
      <c r="A8358" s="11"/>
      <c r="B8358" s="8"/>
    </row>
    <row r="8359" spans="1:2" x14ac:dyDescent="0.3">
      <c r="A8359" s="11"/>
      <c r="B8359" s="8"/>
    </row>
    <row r="8360" spans="1:2" x14ac:dyDescent="0.3">
      <c r="A8360" s="11"/>
      <c r="B8360" s="8"/>
    </row>
    <row r="8361" spans="1:2" x14ac:dyDescent="0.3">
      <c r="A8361" s="11"/>
      <c r="B8361" s="8"/>
    </row>
    <row r="8362" spans="1:2" x14ac:dyDescent="0.3">
      <c r="A8362" s="11"/>
      <c r="B8362" s="8"/>
    </row>
    <row r="8363" spans="1:2" x14ac:dyDescent="0.3">
      <c r="A8363" s="11"/>
      <c r="B8363" s="8"/>
    </row>
    <row r="8364" spans="1:2" x14ac:dyDescent="0.3">
      <c r="A8364" s="11"/>
      <c r="B8364" s="8"/>
    </row>
    <row r="8365" spans="1:2" x14ac:dyDescent="0.3">
      <c r="A8365" s="11"/>
      <c r="B8365" s="8"/>
    </row>
    <row r="8366" spans="1:2" x14ac:dyDescent="0.3">
      <c r="A8366" s="11"/>
      <c r="B8366" s="8"/>
    </row>
    <row r="8367" spans="1:2" x14ac:dyDescent="0.3">
      <c r="A8367" s="11"/>
      <c r="B8367" s="8"/>
    </row>
    <row r="8368" spans="1:2" x14ac:dyDescent="0.3">
      <c r="A8368" s="11"/>
      <c r="B8368" s="8"/>
    </row>
    <row r="8369" spans="1:2" x14ac:dyDescent="0.3">
      <c r="A8369" s="11"/>
      <c r="B8369" s="8"/>
    </row>
    <row r="8370" spans="1:2" x14ac:dyDescent="0.3">
      <c r="A8370" s="11"/>
      <c r="B8370" s="8"/>
    </row>
    <row r="8371" spans="1:2" x14ac:dyDescent="0.3">
      <c r="A8371" s="11"/>
      <c r="B8371" s="8"/>
    </row>
    <row r="8372" spans="1:2" x14ac:dyDescent="0.3">
      <c r="A8372" s="11"/>
      <c r="B8372" s="8"/>
    </row>
    <row r="8373" spans="1:2" x14ac:dyDescent="0.3">
      <c r="A8373" s="11"/>
      <c r="B8373" s="8"/>
    </row>
    <row r="8374" spans="1:2" x14ac:dyDescent="0.3">
      <c r="A8374" s="11"/>
      <c r="B8374" s="8"/>
    </row>
    <row r="8375" spans="1:2" x14ac:dyDescent="0.3">
      <c r="A8375" s="11"/>
      <c r="B8375" s="8"/>
    </row>
    <row r="8376" spans="1:2" x14ac:dyDescent="0.3">
      <c r="A8376" s="11"/>
      <c r="B8376" s="8"/>
    </row>
    <row r="8377" spans="1:2" x14ac:dyDescent="0.3">
      <c r="A8377" s="11"/>
      <c r="B8377" s="8"/>
    </row>
    <row r="8378" spans="1:2" x14ac:dyDescent="0.3">
      <c r="A8378" s="11"/>
      <c r="B8378" s="8"/>
    </row>
    <row r="8379" spans="1:2" x14ac:dyDescent="0.3">
      <c r="A8379" s="11"/>
      <c r="B8379" s="8"/>
    </row>
    <row r="8380" spans="1:2" x14ac:dyDescent="0.3">
      <c r="A8380" s="11"/>
      <c r="B8380" s="8"/>
    </row>
    <row r="8381" spans="1:2" x14ac:dyDescent="0.3">
      <c r="A8381" s="11"/>
      <c r="B8381" s="8"/>
    </row>
    <row r="8382" spans="1:2" x14ac:dyDescent="0.3">
      <c r="A8382" s="11"/>
      <c r="B8382" s="8"/>
    </row>
    <row r="8383" spans="1:2" x14ac:dyDescent="0.3">
      <c r="A8383" s="11"/>
      <c r="B8383" s="8"/>
    </row>
    <row r="8384" spans="1:2" x14ac:dyDescent="0.3">
      <c r="A8384" s="11"/>
      <c r="B8384" s="8"/>
    </row>
    <row r="8385" spans="1:2" x14ac:dyDescent="0.3">
      <c r="A8385" s="11"/>
      <c r="B8385" s="8"/>
    </row>
    <row r="8386" spans="1:2" x14ac:dyDescent="0.3">
      <c r="A8386" s="11"/>
      <c r="B8386" s="8"/>
    </row>
    <row r="8387" spans="1:2" x14ac:dyDescent="0.3">
      <c r="A8387" s="11"/>
      <c r="B8387" s="8"/>
    </row>
    <row r="8388" spans="1:2" x14ac:dyDescent="0.3">
      <c r="A8388" s="11"/>
      <c r="B8388" s="8"/>
    </row>
    <row r="8389" spans="1:2" x14ac:dyDescent="0.3">
      <c r="A8389" s="11"/>
      <c r="B8389" s="8"/>
    </row>
    <row r="8390" spans="1:2" x14ac:dyDescent="0.3">
      <c r="A8390" s="11"/>
      <c r="B8390" s="8"/>
    </row>
    <row r="8391" spans="1:2" x14ac:dyDescent="0.3">
      <c r="A8391" s="11"/>
      <c r="B8391" s="8"/>
    </row>
    <row r="8392" spans="1:2" x14ac:dyDescent="0.3">
      <c r="A8392" s="11"/>
      <c r="B8392" s="8"/>
    </row>
    <row r="8393" spans="1:2" x14ac:dyDescent="0.3">
      <c r="A8393" s="11"/>
      <c r="B8393" s="8"/>
    </row>
    <row r="8394" spans="1:2" x14ac:dyDescent="0.3">
      <c r="A8394" s="11"/>
      <c r="B8394" s="8"/>
    </row>
    <row r="8395" spans="1:2" x14ac:dyDescent="0.3">
      <c r="A8395" s="11"/>
      <c r="B8395" s="8"/>
    </row>
    <row r="8396" spans="1:2" x14ac:dyDescent="0.3">
      <c r="A8396" s="11"/>
      <c r="B8396" s="8"/>
    </row>
    <row r="8397" spans="1:2" x14ac:dyDescent="0.3">
      <c r="A8397" s="11"/>
      <c r="B8397" s="8"/>
    </row>
    <row r="8398" spans="1:2" x14ac:dyDescent="0.3">
      <c r="A8398" s="11"/>
      <c r="B8398" s="8"/>
    </row>
    <row r="8399" spans="1:2" x14ac:dyDescent="0.3">
      <c r="A8399" s="11"/>
      <c r="B8399" s="8"/>
    </row>
    <row r="8400" spans="1:2" x14ac:dyDescent="0.3">
      <c r="A8400" s="11"/>
      <c r="B8400" s="8"/>
    </row>
    <row r="8401" spans="1:2" x14ac:dyDescent="0.3">
      <c r="A8401" s="11"/>
      <c r="B8401" s="8"/>
    </row>
    <row r="8402" spans="1:2" x14ac:dyDescent="0.3">
      <c r="A8402" s="11"/>
      <c r="B8402" s="8"/>
    </row>
    <row r="8403" spans="1:2" x14ac:dyDescent="0.3">
      <c r="A8403" s="11"/>
      <c r="B8403" s="8"/>
    </row>
    <row r="8404" spans="1:2" x14ac:dyDescent="0.3">
      <c r="A8404" s="11"/>
      <c r="B8404" s="8"/>
    </row>
    <row r="8405" spans="1:2" x14ac:dyDescent="0.3">
      <c r="A8405" s="11"/>
      <c r="B8405" s="8"/>
    </row>
    <row r="8406" spans="1:2" x14ac:dyDescent="0.3">
      <c r="A8406" s="11"/>
      <c r="B8406" s="8"/>
    </row>
    <row r="8407" spans="1:2" x14ac:dyDescent="0.3">
      <c r="A8407" s="11"/>
      <c r="B8407" s="8"/>
    </row>
    <row r="8408" spans="1:2" x14ac:dyDescent="0.3">
      <c r="A8408" s="11"/>
      <c r="B8408" s="8"/>
    </row>
    <row r="8409" spans="1:2" x14ac:dyDescent="0.3">
      <c r="A8409" s="11"/>
      <c r="B8409" s="8"/>
    </row>
    <row r="8410" spans="1:2" x14ac:dyDescent="0.3">
      <c r="A8410" s="11"/>
      <c r="B8410" s="8"/>
    </row>
    <row r="8411" spans="1:2" x14ac:dyDescent="0.3">
      <c r="A8411" s="11"/>
      <c r="B8411" s="8"/>
    </row>
    <row r="8412" spans="1:2" x14ac:dyDescent="0.3">
      <c r="A8412" s="11"/>
      <c r="B8412" s="8"/>
    </row>
    <row r="8413" spans="1:2" x14ac:dyDescent="0.3">
      <c r="A8413" s="11"/>
      <c r="B8413" s="8"/>
    </row>
    <row r="8414" spans="1:2" x14ac:dyDescent="0.3">
      <c r="A8414" s="11"/>
      <c r="B8414" s="8"/>
    </row>
    <row r="8415" spans="1:2" x14ac:dyDescent="0.3">
      <c r="A8415" s="11"/>
      <c r="B8415" s="8"/>
    </row>
    <row r="8416" spans="1:2" x14ac:dyDescent="0.3">
      <c r="A8416" s="11"/>
      <c r="B8416" s="8"/>
    </row>
    <row r="8417" spans="1:2" x14ac:dyDescent="0.3">
      <c r="A8417" s="11"/>
      <c r="B8417" s="8"/>
    </row>
    <row r="8418" spans="1:2" x14ac:dyDescent="0.3">
      <c r="A8418" s="11"/>
      <c r="B8418" s="8"/>
    </row>
    <row r="8419" spans="1:2" x14ac:dyDescent="0.3">
      <c r="A8419" s="11"/>
      <c r="B8419" s="8"/>
    </row>
    <row r="8420" spans="1:2" x14ac:dyDescent="0.3">
      <c r="A8420" s="11"/>
      <c r="B8420" s="8"/>
    </row>
    <row r="8421" spans="1:2" x14ac:dyDescent="0.3">
      <c r="A8421" s="11"/>
      <c r="B8421" s="8"/>
    </row>
    <row r="8422" spans="1:2" x14ac:dyDescent="0.3">
      <c r="A8422" s="11"/>
      <c r="B8422" s="8"/>
    </row>
    <row r="8423" spans="1:2" x14ac:dyDescent="0.3">
      <c r="A8423" s="11"/>
      <c r="B8423" s="8"/>
    </row>
    <row r="8424" spans="1:2" x14ac:dyDescent="0.3">
      <c r="A8424" s="11"/>
      <c r="B8424" s="8"/>
    </row>
    <row r="8425" spans="1:2" x14ac:dyDescent="0.3">
      <c r="A8425" s="11"/>
      <c r="B8425" s="8"/>
    </row>
    <row r="8426" spans="1:2" x14ac:dyDescent="0.3">
      <c r="A8426" s="11"/>
      <c r="B8426" s="8"/>
    </row>
    <row r="8427" spans="1:2" x14ac:dyDescent="0.3">
      <c r="A8427" s="11"/>
      <c r="B8427" s="8"/>
    </row>
    <row r="8428" spans="1:2" x14ac:dyDescent="0.3">
      <c r="A8428" s="11"/>
      <c r="B8428" s="8"/>
    </row>
    <row r="8429" spans="1:2" x14ac:dyDescent="0.3">
      <c r="A8429" s="11"/>
      <c r="B8429" s="8"/>
    </row>
    <row r="8430" spans="1:2" x14ac:dyDescent="0.3">
      <c r="A8430" s="11"/>
      <c r="B8430" s="8"/>
    </row>
    <row r="8431" spans="1:2" x14ac:dyDescent="0.3">
      <c r="A8431" s="11"/>
      <c r="B8431" s="8"/>
    </row>
    <row r="8432" spans="1:2" x14ac:dyDescent="0.3">
      <c r="A8432" s="11"/>
      <c r="B8432" s="8"/>
    </row>
    <row r="8433" spans="1:2" x14ac:dyDescent="0.3">
      <c r="A8433" s="11"/>
      <c r="B8433" s="8"/>
    </row>
    <row r="8434" spans="1:2" x14ac:dyDescent="0.3">
      <c r="A8434" s="11"/>
      <c r="B8434" s="8"/>
    </row>
    <row r="8435" spans="1:2" x14ac:dyDescent="0.3">
      <c r="A8435" s="11"/>
      <c r="B8435" s="8"/>
    </row>
    <row r="8436" spans="1:2" x14ac:dyDescent="0.3">
      <c r="A8436" s="11"/>
      <c r="B8436" s="8"/>
    </row>
    <row r="8437" spans="1:2" x14ac:dyDescent="0.3">
      <c r="A8437" s="11"/>
      <c r="B8437" s="8"/>
    </row>
    <row r="8438" spans="1:2" x14ac:dyDescent="0.3">
      <c r="A8438" s="11"/>
      <c r="B8438" s="8"/>
    </row>
    <row r="8439" spans="1:2" x14ac:dyDescent="0.3">
      <c r="A8439" s="11"/>
      <c r="B8439" s="8"/>
    </row>
    <row r="8440" spans="1:2" x14ac:dyDescent="0.3">
      <c r="A8440" s="11"/>
      <c r="B8440" s="8"/>
    </row>
    <row r="8441" spans="1:2" x14ac:dyDescent="0.3">
      <c r="A8441" s="11"/>
      <c r="B8441" s="8"/>
    </row>
    <row r="8442" spans="1:2" x14ac:dyDescent="0.3">
      <c r="A8442" s="11"/>
      <c r="B8442" s="8"/>
    </row>
    <row r="8443" spans="1:2" x14ac:dyDescent="0.3">
      <c r="A8443" s="11"/>
      <c r="B8443" s="8"/>
    </row>
    <row r="8444" spans="1:2" x14ac:dyDescent="0.3">
      <c r="A8444" s="11"/>
      <c r="B8444" s="8"/>
    </row>
    <row r="8445" spans="1:2" x14ac:dyDescent="0.3">
      <c r="A8445" s="11"/>
      <c r="B8445" s="8"/>
    </row>
    <row r="8446" spans="1:2" x14ac:dyDescent="0.3">
      <c r="A8446" s="11"/>
      <c r="B8446" s="8"/>
    </row>
    <row r="8447" spans="1:2" x14ac:dyDescent="0.3">
      <c r="A8447" s="11"/>
      <c r="B8447" s="8"/>
    </row>
    <row r="8448" spans="1:2" x14ac:dyDescent="0.3">
      <c r="A8448" s="11"/>
      <c r="B8448" s="8"/>
    </row>
    <row r="8449" spans="1:2" x14ac:dyDescent="0.3">
      <c r="A8449" s="11"/>
      <c r="B8449" s="8"/>
    </row>
    <row r="8450" spans="1:2" x14ac:dyDescent="0.3">
      <c r="A8450" s="11"/>
      <c r="B8450" s="8"/>
    </row>
    <row r="8451" spans="1:2" x14ac:dyDescent="0.3">
      <c r="A8451" s="11"/>
      <c r="B8451" s="8"/>
    </row>
    <row r="8452" spans="1:2" x14ac:dyDescent="0.3">
      <c r="A8452" s="11"/>
      <c r="B8452" s="8"/>
    </row>
    <row r="8453" spans="1:2" x14ac:dyDescent="0.3">
      <c r="A8453" s="11"/>
      <c r="B8453" s="8"/>
    </row>
    <row r="8454" spans="1:2" x14ac:dyDescent="0.3">
      <c r="A8454" s="11"/>
      <c r="B8454" s="8"/>
    </row>
    <row r="8455" spans="1:2" x14ac:dyDescent="0.3">
      <c r="A8455" s="11"/>
      <c r="B8455" s="8"/>
    </row>
    <row r="8456" spans="1:2" x14ac:dyDescent="0.3">
      <c r="A8456" s="11"/>
      <c r="B8456" s="8"/>
    </row>
    <row r="8457" spans="1:2" x14ac:dyDescent="0.3">
      <c r="A8457" s="11"/>
      <c r="B8457" s="8"/>
    </row>
    <row r="8458" spans="1:2" x14ac:dyDescent="0.3">
      <c r="A8458" s="11"/>
      <c r="B8458" s="8"/>
    </row>
    <row r="8459" spans="1:2" x14ac:dyDescent="0.3">
      <c r="A8459" s="11"/>
      <c r="B8459" s="8"/>
    </row>
    <row r="8460" spans="1:2" x14ac:dyDescent="0.3">
      <c r="A8460" s="11"/>
      <c r="B8460" s="8"/>
    </row>
    <row r="8461" spans="1:2" x14ac:dyDescent="0.3">
      <c r="A8461" s="11"/>
      <c r="B8461" s="8"/>
    </row>
    <row r="8462" spans="1:2" x14ac:dyDescent="0.3">
      <c r="A8462" s="11"/>
      <c r="B8462" s="8"/>
    </row>
    <row r="8463" spans="1:2" x14ac:dyDescent="0.3">
      <c r="A8463" s="11"/>
      <c r="B8463" s="8"/>
    </row>
    <row r="8464" spans="1:2" x14ac:dyDescent="0.3">
      <c r="A8464" s="11"/>
      <c r="B8464" s="8"/>
    </row>
    <row r="8465" spans="1:2" x14ac:dyDescent="0.3">
      <c r="A8465" s="11"/>
      <c r="B8465" s="8"/>
    </row>
    <row r="8466" spans="1:2" x14ac:dyDescent="0.3">
      <c r="A8466" s="11"/>
      <c r="B8466" s="8"/>
    </row>
    <row r="8467" spans="1:2" x14ac:dyDescent="0.3">
      <c r="A8467" s="11"/>
      <c r="B8467" s="8"/>
    </row>
    <row r="8468" spans="1:2" x14ac:dyDescent="0.3">
      <c r="A8468" s="11"/>
      <c r="B8468" s="8"/>
    </row>
    <row r="8469" spans="1:2" x14ac:dyDescent="0.3">
      <c r="A8469" s="11"/>
      <c r="B8469" s="8"/>
    </row>
    <row r="8470" spans="1:2" x14ac:dyDescent="0.3">
      <c r="A8470" s="11"/>
      <c r="B8470" s="8"/>
    </row>
    <row r="8471" spans="1:2" x14ac:dyDescent="0.3">
      <c r="A8471" s="11"/>
      <c r="B8471" s="8"/>
    </row>
    <row r="8472" spans="1:2" x14ac:dyDescent="0.3">
      <c r="A8472" s="11"/>
      <c r="B8472" s="8"/>
    </row>
    <row r="8473" spans="1:2" x14ac:dyDescent="0.3">
      <c r="A8473" s="11"/>
      <c r="B8473" s="8"/>
    </row>
    <row r="8474" spans="1:2" x14ac:dyDescent="0.3">
      <c r="A8474" s="11"/>
      <c r="B8474" s="8"/>
    </row>
    <row r="8475" spans="1:2" x14ac:dyDescent="0.3">
      <c r="A8475" s="11"/>
      <c r="B8475" s="8"/>
    </row>
    <row r="8476" spans="1:2" x14ac:dyDescent="0.3">
      <c r="A8476" s="11"/>
      <c r="B8476" s="8"/>
    </row>
    <row r="8477" spans="1:2" x14ac:dyDescent="0.3">
      <c r="A8477" s="11"/>
      <c r="B8477" s="8"/>
    </row>
    <row r="8478" spans="1:2" x14ac:dyDescent="0.3">
      <c r="A8478" s="11"/>
      <c r="B8478" s="8"/>
    </row>
    <row r="8479" spans="1:2" x14ac:dyDescent="0.3">
      <c r="A8479" s="11"/>
      <c r="B8479" s="8"/>
    </row>
    <row r="8480" spans="1:2" x14ac:dyDescent="0.3">
      <c r="A8480" s="11"/>
      <c r="B8480" s="8"/>
    </row>
    <row r="8481" spans="1:2" x14ac:dyDescent="0.3">
      <c r="A8481" s="11"/>
      <c r="B8481" s="8"/>
    </row>
    <row r="8482" spans="1:2" x14ac:dyDescent="0.3">
      <c r="A8482" s="11"/>
      <c r="B8482" s="8"/>
    </row>
    <row r="8483" spans="1:2" x14ac:dyDescent="0.3">
      <c r="A8483" s="11"/>
      <c r="B8483" s="8"/>
    </row>
    <row r="8484" spans="1:2" x14ac:dyDescent="0.3">
      <c r="A8484" s="11"/>
      <c r="B8484" s="8"/>
    </row>
    <row r="8485" spans="1:2" x14ac:dyDescent="0.3">
      <c r="A8485" s="11"/>
      <c r="B8485" s="8"/>
    </row>
    <row r="8486" spans="1:2" x14ac:dyDescent="0.3">
      <c r="A8486" s="11"/>
      <c r="B8486" s="8"/>
    </row>
    <row r="8487" spans="1:2" x14ac:dyDescent="0.3">
      <c r="A8487" s="11"/>
      <c r="B8487" s="8"/>
    </row>
    <row r="8488" spans="1:2" x14ac:dyDescent="0.3">
      <c r="A8488" s="11"/>
      <c r="B8488" s="8"/>
    </row>
    <row r="8489" spans="1:2" x14ac:dyDescent="0.3">
      <c r="A8489" s="11"/>
      <c r="B8489" s="8"/>
    </row>
    <row r="8490" spans="1:2" x14ac:dyDescent="0.3">
      <c r="A8490" s="11"/>
      <c r="B8490" s="8"/>
    </row>
    <row r="8491" spans="1:2" x14ac:dyDescent="0.3">
      <c r="A8491" s="11"/>
      <c r="B8491" s="8"/>
    </row>
    <row r="8492" spans="1:2" x14ac:dyDescent="0.3">
      <c r="A8492" s="11"/>
      <c r="B8492" s="8"/>
    </row>
    <row r="8493" spans="1:2" x14ac:dyDescent="0.3">
      <c r="A8493" s="11"/>
      <c r="B8493" s="8"/>
    </row>
    <row r="8494" spans="1:2" x14ac:dyDescent="0.3">
      <c r="A8494" s="11"/>
      <c r="B8494" s="8"/>
    </row>
    <row r="8495" spans="1:2" x14ac:dyDescent="0.3">
      <c r="A8495" s="11"/>
      <c r="B8495" s="8"/>
    </row>
    <row r="8496" spans="1:2" x14ac:dyDescent="0.3">
      <c r="A8496" s="11"/>
      <c r="B8496" s="8"/>
    </row>
    <row r="8497" spans="1:2" x14ac:dyDescent="0.3">
      <c r="A8497" s="11"/>
      <c r="B8497" s="8"/>
    </row>
    <row r="8498" spans="1:2" x14ac:dyDescent="0.3">
      <c r="A8498" s="11"/>
      <c r="B8498" s="8"/>
    </row>
    <row r="8499" spans="1:2" x14ac:dyDescent="0.3">
      <c r="A8499" s="11"/>
      <c r="B8499" s="8"/>
    </row>
    <row r="8500" spans="1:2" x14ac:dyDescent="0.3">
      <c r="A8500" s="11"/>
      <c r="B8500" s="8"/>
    </row>
    <row r="8501" spans="1:2" x14ac:dyDescent="0.3">
      <c r="A8501" s="11"/>
      <c r="B8501" s="8"/>
    </row>
    <row r="8502" spans="1:2" x14ac:dyDescent="0.3">
      <c r="A8502" s="11"/>
      <c r="B8502" s="8"/>
    </row>
    <row r="8503" spans="1:2" x14ac:dyDescent="0.3">
      <c r="A8503" s="11"/>
      <c r="B8503" s="8"/>
    </row>
    <row r="8504" spans="1:2" x14ac:dyDescent="0.3">
      <c r="A8504" s="11"/>
      <c r="B8504" s="8"/>
    </row>
    <row r="8505" spans="1:2" x14ac:dyDescent="0.3">
      <c r="A8505" s="11"/>
      <c r="B8505" s="8"/>
    </row>
    <row r="8506" spans="1:2" x14ac:dyDescent="0.3">
      <c r="A8506" s="11"/>
      <c r="B8506" s="8"/>
    </row>
    <row r="8507" spans="1:2" x14ac:dyDescent="0.3">
      <c r="A8507" s="11"/>
      <c r="B8507" s="8"/>
    </row>
    <row r="8508" spans="1:2" x14ac:dyDescent="0.3">
      <c r="A8508" s="11"/>
      <c r="B8508" s="8"/>
    </row>
    <row r="8509" spans="1:2" x14ac:dyDescent="0.3">
      <c r="A8509" s="11"/>
      <c r="B8509" s="8"/>
    </row>
    <row r="8510" spans="1:2" x14ac:dyDescent="0.3">
      <c r="A8510" s="11"/>
      <c r="B8510" s="8"/>
    </row>
    <row r="8511" spans="1:2" x14ac:dyDescent="0.3">
      <c r="A8511" s="11"/>
      <c r="B8511" s="8"/>
    </row>
    <row r="8512" spans="1:2" x14ac:dyDescent="0.3">
      <c r="A8512" s="11"/>
      <c r="B8512" s="8"/>
    </row>
    <row r="8513" spans="1:2" x14ac:dyDescent="0.3">
      <c r="A8513" s="11"/>
      <c r="B8513" s="8"/>
    </row>
    <row r="8514" spans="1:2" x14ac:dyDescent="0.3">
      <c r="A8514" s="11"/>
      <c r="B8514" s="8"/>
    </row>
    <row r="8515" spans="1:2" x14ac:dyDescent="0.3">
      <c r="A8515" s="11"/>
      <c r="B8515" s="8"/>
    </row>
    <row r="8516" spans="1:2" x14ac:dyDescent="0.3">
      <c r="A8516" s="11"/>
      <c r="B8516" s="8"/>
    </row>
    <row r="8517" spans="1:2" x14ac:dyDescent="0.3">
      <c r="A8517" s="11"/>
      <c r="B8517" s="8"/>
    </row>
    <row r="8518" spans="1:2" x14ac:dyDescent="0.3">
      <c r="A8518" s="11"/>
      <c r="B8518" s="8"/>
    </row>
    <row r="8519" spans="1:2" x14ac:dyDescent="0.3">
      <c r="A8519" s="11"/>
      <c r="B8519" s="8"/>
    </row>
    <row r="8520" spans="1:2" x14ac:dyDescent="0.3">
      <c r="A8520" s="11"/>
      <c r="B8520" s="8"/>
    </row>
    <row r="8521" spans="1:2" x14ac:dyDescent="0.3">
      <c r="A8521" s="11"/>
      <c r="B8521" s="8"/>
    </row>
    <row r="8522" spans="1:2" x14ac:dyDescent="0.3">
      <c r="A8522" s="11"/>
      <c r="B8522" s="8"/>
    </row>
    <row r="8523" spans="1:2" x14ac:dyDescent="0.3">
      <c r="A8523" s="11"/>
      <c r="B8523" s="8"/>
    </row>
    <row r="8524" spans="1:2" x14ac:dyDescent="0.3">
      <c r="A8524" s="11"/>
      <c r="B8524" s="8"/>
    </row>
    <row r="8525" spans="1:2" x14ac:dyDescent="0.3">
      <c r="A8525" s="11"/>
      <c r="B8525" s="8"/>
    </row>
    <row r="8526" spans="1:2" x14ac:dyDescent="0.3">
      <c r="A8526" s="11"/>
      <c r="B8526" s="8"/>
    </row>
    <row r="8527" spans="1:2" x14ac:dyDescent="0.3">
      <c r="A8527" s="11"/>
      <c r="B8527" s="8"/>
    </row>
    <row r="8528" spans="1:2" x14ac:dyDescent="0.3">
      <c r="A8528" s="11"/>
      <c r="B8528" s="8"/>
    </row>
    <row r="8529" spans="1:2" x14ac:dyDescent="0.3">
      <c r="A8529" s="11"/>
      <c r="B8529" s="8"/>
    </row>
    <row r="8530" spans="1:2" x14ac:dyDescent="0.3">
      <c r="A8530" s="11"/>
      <c r="B8530" s="8"/>
    </row>
    <row r="8531" spans="1:2" x14ac:dyDescent="0.3">
      <c r="A8531" s="11"/>
      <c r="B8531" s="8"/>
    </row>
    <row r="8532" spans="1:2" x14ac:dyDescent="0.3">
      <c r="A8532" s="11"/>
      <c r="B8532" s="8"/>
    </row>
    <row r="8533" spans="1:2" x14ac:dyDescent="0.3">
      <c r="A8533" s="11"/>
      <c r="B8533" s="8"/>
    </row>
    <row r="8534" spans="1:2" x14ac:dyDescent="0.3">
      <c r="A8534" s="11"/>
      <c r="B8534" s="8"/>
    </row>
    <row r="8535" spans="1:2" x14ac:dyDescent="0.3">
      <c r="A8535" s="11"/>
      <c r="B8535" s="8"/>
    </row>
    <row r="8536" spans="1:2" x14ac:dyDescent="0.3">
      <c r="A8536" s="11"/>
      <c r="B8536" s="8"/>
    </row>
    <row r="8537" spans="1:2" x14ac:dyDescent="0.3">
      <c r="A8537" s="11"/>
      <c r="B8537" s="8"/>
    </row>
    <row r="8538" spans="1:2" x14ac:dyDescent="0.3">
      <c r="A8538" s="11"/>
      <c r="B8538" s="8"/>
    </row>
    <row r="8539" spans="1:2" x14ac:dyDescent="0.3">
      <c r="A8539" s="11"/>
      <c r="B8539" s="8"/>
    </row>
    <row r="8540" spans="1:2" x14ac:dyDescent="0.3">
      <c r="A8540" s="11"/>
      <c r="B8540" s="8"/>
    </row>
    <row r="8541" spans="1:2" x14ac:dyDescent="0.3">
      <c r="A8541" s="11"/>
      <c r="B8541" s="8"/>
    </row>
    <row r="8542" spans="1:2" x14ac:dyDescent="0.3">
      <c r="A8542" s="11"/>
      <c r="B8542" s="8"/>
    </row>
    <row r="8543" spans="1:2" x14ac:dyDescent="0.3">
      <c r="A8543" s="11"/>
      <c r="B8543" s="8"/>
    </row>
    <row r="8544" spans="1:2" x14ac:dyDescent="0.3">
      <c r="A8544" s="11"/>
      <c r="B8544" s="8"/>
    </row>
    <row r="8545" spans="1:2" x14ac:dyDescent="0.3">
      <c r="A8545" s="11"/>
      <c r="B8545" s="8"/>
    </row>
    <row r="8546" spans="1:2" x14ac:dyDescent="0.3">
      <c r="A8546" s="11"/>
      <c r="B8546" s="8"/>
    </row>
    <row r="8547" spans="1:2" x14ac:dyDescent="0.3">
      <c r="A8547" s="11"/>
      <c r="B8547" s="8"/>
    </row>
    <row r="8548" spans="1:2" x14ac:dyDescent="0.3">
      <c r="A8548" s="11"/>
      <c r="B8548" s="8"/>
    </row>
    <row r="8549" spans="1:2" x14ac:dyDescent="0.3">
      <c r="A8549" s="11"/>
      <c r="B8549" s="8"/>
    </row>
    <row r="8550" spans="1:2" x14ac:dyDescent="0.3">
      <c r="A8550" s="11"/>
      <c r="B8550" s="8"/>
    </row>
    <row r="8551" spans="1:2" x14ac:dyDescent="0.3">
      <c r="A8551" s="11"/>
      <c r="B8551" s="8"/>
    </row>
    <row r="8552" spans="1:2" x14ac:dyDescent="0.3">
      <c r="A8552" s="11"/>
      <c r="B8552" s="8"/>
    </row>
    <row r="8553" spans="1:2" x14ac:dyDescent="0.3">
      <c r="A8553" s="11"/>
      <c r="B8553" s="8"/>
    </row>
    <row r="8554" spans="1:2" x14ac:dyDescent="0.3">
      <c r="A8554" s="11"/>
      <c r="B8554" s="8"/>
    </row>
    <row r="8555" spans="1:2" x14ac:dyDescent="0.3">
      <c r="A8555" s="11"/>
      <c r="B8555" s="8"/>
    </row>
    <row r="8556" spans="1:2" x14ac:dyDescent="0.3">
      <c r="A8556" s="11"/>
      <c r="B8556" s="8"/>
    </row>
    <row r="8557" spans="1:2" x14ac:dyDescent="0.3">
      <c r="A8557" s="11"/>
      <c r="B8557" s="8"/>
    </row>
    <row r="8558" spans="1:2" x14ac:dyDescent="0.3">
      <c r="A8558" s="11"/>
      <c r="B8558" s="8"/>
    </row>
    <row r="8559" spans="1:2" x14ac:dyDescent="0.3">
      <c r="A8559" s="11"/>
      <c r="B8559" s="8"/>
    </row>
    <row r="8560" spans="1:2" x14ac:dyDescent="0.3">
      <c r="A8560" s="11"/>
      <c r="B8560" s="8"/>
    </row>
    <row r="8561" spans="1:2" x14ac:dyDescent="0.3">
      <c r="A8561" s="11"/>
      <c r="B8561" s="8"/>
    </row>
    <row r="8562" spans="1:2" x14ac:dyDescent="0.3">
      <c r="A8562" s="11"/>
      <c r="B8562" s="8"/>
    </row>
    <row r="8563" spans="1:2" x14ac:dyDescent="0.3">
      <c r="A8563" s="11"/>
      <c r="B8563" s="8"/>
    </row>
    <row r="8564" spans="1:2" x14ac:dyDescent="0.3">
      <c r="A8564" s="11"/>
      <c r="B8564" s="8"/>
    </row>
    <row r="8565" spans="1:2" x14ac:dyDescent="0.3">
      <c r="A8565" s="11"/>
      <c r="B8565" s="8"/>
    </row>
    <row r="8566" spans="1:2" x14ac:dyDescent="0.3">
      <c r="A8566" s="11"/>
      <c r="B8566" s="8"/>
    </row>
    <row r="8567" spans="1:2" x14ac:dyDescent="0.3">
      <c r="A8567" s="11"/>
      <c r="B8567" s="8"/>
    </row>
    <row r="8568" spans="1:2" x14ac:dyDescent="0.3">
      <c r="A8568" s="11"/>
      <c r="B8568" s="8"/>
    </row>
    <row r="8569" spans="1:2" x14ac:dyDescent="0.3">
      <c r="A8569" s="11"/>
      <c r="B8569" s="8"/>
    </row>
    <row r="8570" spans="1:2" x14ac:dyDescent="0.3">
      <c r="A8570" s="11"/>
      <c r="B8570" s="8"/>
    </row>
    <row r="8571" spans="1:2" x14ac:dyDescent="0.3">
      <c r="A8571" s="11"/>
      <c r="B8571" s="8"/>
    </row>
    <row r="8572" spans="1:2" x14ac:dyDescent="0.3">
      <c r="A8572" s="11"/>
      <c r="B8572" s="8"/>
    </row>
    <row r="8573" spans="1:2" x14ac:dyDescent="0.3">
      <c r="A8573" s="11"/>
      <c r="B8573" s="8"/>
    </row>
    <row r="8574" spans="1:2" x14ac:dyDescent="0.3">
      <c r="A8574" s="11"/>
      <c r="B8574" s="8"/>
    </row>
    <row r="8575" spans="1:2" x14ac:dyDescent="0.3">
      <c r="A8575" s="11"/>
      <c r="B8575" s="8"/>
    </row>
    <row r="8576" spans="1:2" x14ac:dyDescent="0.3">
      <c r="A8576" s="11"/>
      <c r="B8576" s="8"/>
    </row>
    <row r="8577" spans="1:2" x14ac:dyDescent="0.3">
      <c r="A8577" s="11"/>
      <c r="B8577" s="8"/>
    </row>
    <row r="8578" spans="1:2" x14ac:dyDescent="0.3">
      <c r="A8578" s="11"/>
      <c r="B8578" s="8"/>
    </row>
    <row r="8579" spans="1:2" x14ac:dyDescent="0.3">
      <c r="A8579" s="11"/>
      <c r="B8579" s="8"/>
    </row>
    <row r="8580" spans="1:2" x14ac:dyDescent="0.3">
      <c r="A8580" s="11"/>
      <c r="B8580" s="8"/>
    </row>
    <row r="8581" spans="1:2" x14ac:dyDescent="0.3">
      <c r="A8581" s="11"/>
      <c r="B8581" s="8"/>
    </row>
    <row r="8582" spans="1:2" x14ac:dyDescent="0.3">
      <c r="A8582" s="11"/>
      <c r="B8582" s="8"/>
    </row>
    <row r="8583" spans="1:2" x14ac:dyDescent="0.3">
      <c r="A8583" s="11"/>
      <c r="B8583" s="8"/>
    </row>
    <row r="8584" spans="1:2" x14ac:dyDescent="0.3">
      <c r="A8584" s="11"/>
      <c r="B8584" s="8"/>
    </row>
    <row r="8585" spans="1:2" x14ac:dyDescent="0.3">
      <c r="A8585" s="11"/>
      <c r="B8585" s="8"/>
    </row>
    <row r="8586" spans="1:2" x14ac:dyDescent="0.3">
      <c r="A8586" s="11"/>
      <c r="B8586" s="8"/>
    </row>
    <row r="8587" spans="1:2" x14ac:dyDescent="0.3">
      <c r="A8587" s="11"/>
      <c r="B8587" s="8"/>
    </row>
    <row r="8588" spans="1:2" x14ac:dyDescent="0.3">
      <c r="A8588" s="11"/>
      <c r="B8588" s="8"/>
    </row>
    <row r="8589" spans="1:2" x14ac:dyDescent="0.3">
      <c r="A8589" s="11"/>
      <c r="B8589" s="8"/>
    </row>
    <row r="8590" spans="1:2" x14ac:dyDescent="0.3">
      <c r="A8590" s="11"/>
      <c r="B8590" s="8"/>
    </row>
    <row r="8591" spans="1:2" x14ac:dyDescent="0.3">
      <c r="A8591" s="11"/>
      <c r="B8591" s="8"/>
    </row>
    <row r="8592" spans="1:2" x14ac:dyDescent="0.3">
      <c r="A8592" s="11"/>
      <c r="B8592" s="8"/>
    </row>
    <row r="8593" spans="1:2" x14ac:dyDescent="0.3">
      <c r="A8593" s="11"/>
      <c r="B8593" s="8"/>
    </row>
    <row r="8594" spans="1:2" x14ac:dyDescent="0.3">
      <c r="A8594" s="11"/>
      <c r="B8594" s="8"/>
    </row>
    <row r="8595" spans="1:2" x14ac:dyDescent="0.3">
      <c r="A8595" s="11"/>
      <c r="B8595" s="8"/>
    </row>
    <row r="8596" spans="1:2" x14ac:dyDescent="0.3">
      <c r="A8596" s="11"/>
      <c r="B8596" s="8"/>
    </row>
    <row r="8597" spans="1:2" x14ac:dyDescent="0.3">
      <c r="A8597" s="11"/>
      <c r="B8597" s="8"/>
    </row>
    <row r="8598" spans="1:2" x14ac:dyDescent="0.3">
      <c r="A8598" s="11"/>
      <c r="B8598" s="8"/>
    </row>
    <row r="8599" spans="1:2" x14ac:dyDescent="0.3">
      <c r="A8599" s="11"/>
      <c r="B8599" s="8"/>
    </row>
    <row r="8600" spans="1:2" x14ac:dyDescent="0.3">
      <c r="A8600" s="11"/>
      <c r="B8600" s="8"/>
    </row>
    <row r="8601" spans="1:2" x14ac:dyDescent="0.3">
      <c r="A8601" s="11"/>
      <c r="B8601" s="8"/>
    </row>
    <row r="8602" spans="1:2" x14ac:dyDescent="0.3">
      <c r="A8602" s="11"/>
      <c r="B8602" s="8"/>
    </row>
    <row r="8603" spans="1:2" x14ac:dyDescent="0.3">
      <c r="A8603" s="11"/>
      <c r="B8603" s="8"/>
    </row>
    <row r="8604" spans="1:2" x14ac:dyDescent="0.3">
      <c r="A8604" s="11"/>
      <c r="B8604" s="8"/>
    </row>
    <row r="8605" spans="1:2" x14ac:dyDescent="0.3">
      <c r="A8605" s="11"/>
      <c r="B8605" s="8"/>
    </row>
    <row r="8606" spans="1:2" x14ac:dyDescent="0.3">
      <c r="A8606" s="11"/>
      <c r="B8606" s="8"/>
    </row>
    <row r="8607" spans="1:2" x14ac:dyDescent="0.3">
      <c r="A8607" s="11"/>
      <c r="B8607" s="8"/>
    </row>
    <row r="8608" spans="1:2" x14ac:dyDescent="0.3">
      <c r="A8608" s="11"/>
      <c r="B8608" s="8"/>
    </row>
    <row r="8609" spans="1:2" x14ac:dyDescent="0.3">
      <c r="A8609" s="11"/>
      <c r="B8609" s="8"/>
    </row>
    <row r="8610" spans="1:2" x14ac:dyDescent="0.3">
      <c r="A8610" s="11"/>
      <c r="B8610" s="8"/>
    </row>
    <row r="8611" spans="1:2" x14ac:dyDescent="0.3">
      <c r="A8611" s="11"/>
      <c r="B8611" s="8"/>
    </row>
    <row r="8612" spans="1:2" x14ac:dyDescent="0.3">
      <c r="A8612" s="11"/>
      <c r="B8612" s="8"/>
    </row>
    <row r="8613" spans="1:2" x14ac:dyDescent="0.3">
      <c r="A8613" s="11"/>
      <c r="B8613" s="8"/>
    </row>
    <row r="8614" spans="1:2" x14ac:dyDescent="0.3">
      <c r="A8614" s="11"/>
      <c r="B8614" s="8"/>
    </row>
    <row r="8615" spans="1:2" x14ac:dyDescent="0.3">
      <c r="A8615" s="11"/>
      <c r="B8615" s="8"/>
    </row>
    <row r="8616" spans="1:2" x14ac:dyDescent="0.3">
      <c r="A8616" s="11"/>
      <c r="B8616" s="8"/>
    </row>
    <row r="8617" spans="1:2" x14ac:dyDescent="0.3">
      <c r="A8617" s="11"/>
      <c r="B8617" s="8"/>
    </row>
    <row r="8618" spans="1:2" x14ac:dyDescent="0.3">
      <c r="A8618" s="11"/>
      <c r="B8618" s="8"/>
    </row>
    <row r="8619" spans="1:2" x14ac:dyDescent="0.3">
      <c r="A8619" s="11"/>
      <c r="B8619" s="8"/>
    </row>
    <row r="8620" spans="1:2" x14ac:dyDescent="0.3">
      <c r="A8620" s="11"/>
      <c r="B8620" s="8"/>
    </row>
    <row r="8621" spans="1:2" x14ac:dyDescent="0.3">
      <c r="A8621" s="11"/>
      <c r="B8621" s="8"/>
    </row>
    <row r="8622" spans="1:2" x14ac:dyDescent="0.3">
      <c r="A8622" s="11"/>
      <c r="B8622" s="8"/>
    </row>
    <row r="8623" spans="1:2" x14ac:dyDescent="0.3">
      <c r="A8623" s="11"/>
      <c r="B8623" s="8"/>
    </row>
    <row r="8624" spans="1:2" x14ac:dyDescent="0.3">
      <c r="A8624" s="11"/>
      <c r="B8624" s="8"/>
    </row>
    <row r="8625" spans="1:2" x14ac:dyDescent="0.3">
      <c r="A8625" s="11"/>
      <c r="B8625" s="8"/>
    </row>
    <row r="8626" spans="1:2" x14ac:dyDescent="0.3">
      <c r="A8626" s="11"/>
      <c r="B8626" s="8"/>
    </row>
    <row r="8627" spans="1:2" x14ac:dyDescent="0.3">
      <c r="A8627" s="11"/>
      <c r="B8627" s="8"/>
    </row>
    <row r="8628" spans="1:2" x14ac:dyDescent="0.3">
      <c r="A8628" s="11"/>
      <c r="B8628" s="8"/>
    </row>
    <row r="8629" spans="1:2" x14ac:dyDescent="0.3">
      <c r="A8629" s="11"/>
      <c r="B8629" s="8"/>
    </row>
    <row r="8630" spans="1:2" x14ac:dyDescent="0.3">
      <c r="A8630" s="11"/>
      <c r="B8630" s="8"/>
    </row>
    <row r="8631" spans="1:2" x14ac:dyDescent="0.3">
      <c r="A8631" s="11"/>
      <c r="B8631" s="8"/>
    </row>
    <row r="8632" spans="1:2" x14ac:dyDescent="0.3">
      <c r="A8632" s="11"/>
      <c r="B8632" s="8"/>
    </row>
    <row r="8633" spans="1:2" x14ac:dyDescent="0.3">
      <c r="A8633" s="11"/>
      <c r="B8633" s="8"/>
    </row>
    <row r="8634" spans="1:2" x14ac:dyDescent="0.3">
      <c r="A8634" s="11"/>
      <c r="B8634" s="8"/>
    </row>
    <row r="8635" spans="1:2" x14ac:dyDescent="0.3">
      <c r="A8635" s="11"/>
      <c r="B8635" s="8"/>
    </row>
    <row r="8636" spans="1:2" x14ac:dyDescent="0.3">
      <c r="A8636" s="11"/>
      <c r="B8636" s="8"/>
    </row>
    <row r="8637" spans="1:2" x14ac:dyDescent="0.3">
      <c r="A8637" s="11"/>
      <c r="B8637" s="8"/>
    </row>
    <row r="8638" spans="1:2" x14ac:dyDescent="0.3">
      <c r="A8638" s="11"/>
      <c r="B8638" s="8"/>
    </row>
    <row r="8639" spans="1:2" x14ac:dyDescent="0.3">
      <c r="A8639" s="11"/>
      <c r="B8639" s="8"/>
    </row>
    <row r="8640" spans="1:2" x14ac:dyDescent="0.3">
      <c r="A8640" s="11"/>
      <c r="B8640" s="8"/>
    </row>
    <row r="8641" spans="1:2" x14ac:dyDescent="0.3">
      <c r="A8641" s="11"/>
      <c r="B8641" s="8"/>
    </row>
    <row r="8642" spans="1:2" x14ac:dyDescent="0.3">
      <c r="A8642" s="11"/>
      <c r="B8642" s="8"/>
    </row>
    <row r="8643" spans="1:2" x14ac:dyDescent="0.3">
      <c r="A8643" s="11"/>
      <c r="B8643" s="8"/>
    </row>
    <row r="8644" spans="1:2" x14ac:dyDescent="0.3">
      <c r="A8644" s="11"/>
      <c r="B8644" s="8"/>
    </row>
    <row r="8645" spans="1:2" x14ac:dyDescent="0.3">
      <c r="A8645" s="11"/>
      <c r="B8645" s="8"/>
    </row>
    <row r="8646" spans="1:2" x14ac:dyDescent="0.3">
      <c r="A8646" s="11"/>
      <c r="B8646" s="8"/>
    </row>
    <row r="8647" spans="1:2" x14ac:dyDescent="0.3">
      <c r="A8647" s="11"/>
      <c r="B8647" s="8"/>
    </row>
    <row r="8648" spans="1:2" x14ac:dyDescent="0.3">
      <c r="A8648" s="11"/>
      <c r="B8648" s="8"/>
    </row>
    <row r="8649" spans="1:2" x14ac:dyDescent="0.3">
      <c r="A8649" s="11"/>
      <c r="B8649" s="8"/>
    </row>
    <row r="8650" spans="1:2" x14ac:dyDescent="0.3">
      <c r="A8650" s="11"/>
      <c r="B8650" s="8"/>
    </row>
    <row r="8651" spans="1:2" x14ac:dyDescent="0.3">
      <c r="A8651" s="11"/>
      <c r="B8651" s="8"/>
    </row>
    <row r="8652" spans="1:2" x14ac:dyDescent="0.3">
      <c r="A8652" s="11"/>
      <c r="B8652" s="8"/>
    </row>
    <row r="8653" spans="1:2" x14ac:dyDescent="0.3">
      <c r="A8653" s="11"/>
      <c r="B8653" s="8"/>
    </row>
    <row r="8654" spans="1:2" x14ac:dyDescent="0.3">
      <c r="A8654" s="11"/>
      <c r="B8654" s="8"/>
    </row>
    <row r="8655" spans="1:2" x14ac:dyDescent="0.3">
      <c r="A8655" s="11"/>
      <c r="B8655" s="8"/>
    </row>
    <row r="8656" spans="1:2" x14ac:dyDescent="0.3">
      <c r="A8656" s="11"/>
      <c r="B8656" s="8"/>
    </row>
    <row r="8657" spans="1:2" x14ac:dyDescent="0.3">
      <c r="A8657" s="11"/>
      <c r="B8657" s="8"/>
    </row>
    <row r="8658" spans="1:2" x14ac:dyDescent="0.3">
      <c r="A8658" s="11"/>
      <c r="B8658" s="8"/>
    </row>
    <row r="8659" spans="1:2" x14ac:dyDescent="0.3">
      <c r="A8659" s="11"/>
      <c r="B8659" s="8"/>
    </row>
    <row r="8660" spans="1:2" x14ac:dyDescent="0.3">
      <c r="A8660" s="11"/>
      <c r="B8660" s="8"/>
    </row>
    <row r="8661" spans="1:2" x14ac:dyDescent="0.3">
      <c r="A8661" s="11"/>
      <c r="B8661" s="8"/>
    </row>
    <row r="8662" spans="1:2" x14ac:dyDescent="0.3">
      <c r="A8662" s="11"/>
      <c r="B8662" s="8"/>
    </row>
    <row r="8663" spans="1:2" x14ac:dyDescent="0.3">
      <c r="A8663" s="11"/>
      <c r="B8663" s="8"/>
    </row>
    <row r="8664" spans="1:2" x14ac:dyDescent="0.3">
      <c r="A8664" s="11"/>
      <c r="B8664" s="8"/>
    </row>
    <row r="8665" spans="1:2" x14ac:dyDescent="0.3">
      <c r="A8665" s="11"/>
      <c r="B8665" s="8"/>
    </row>
    <row r="8666" spans="1:2" x14ac:dyDescent="0.3">
      <c r="A8666" s="11"/>
      <c r="B8666" s="8"/>
    </row>
    <row r="8667" spans="1:2" x14ac:dyDescent="0.3">
      <c r="A8667" s="11"/>
      <c r="B8667" s="8"/>
    </row>
    <row r="8668" spans="1:2" x14ac:dyDescent="0.3">
      <c r="A8668" s="11"/>
      <c r="B8668" s="8"/>
    </row>
    <row r="8669" spans="1:2" x14ac:dyDescent="0.3">
      <c r="A8669" s="11"/>
      <c r="B8669" s="8"/>
    </row>
    <row r="8670" spans="1:2" x14ac:dyDescent="0.3">
      <c r="A8670" s="11"/>
      <c r="B8670" s="8"/>
    </row>
    <row r="8671" spans="1:2" x14ac:dyDescent="0.3">
      <c r="A8671" s="11"/>
      <c r="B8671" s="8"/>
    </row>
    <row r="8672" spans="1:2" x14ac:dyDescent="0.3">
      <c r="A8672" s="11"/>
      <c r="B8672" s="8"/>
    </row>
    <row r="8673" spans="1:2" x14ac:dyDescent="0.3">
      <c r="A8673" s="11"/>
      <c r="B8673" s="8"/>
    </row>
    <row r="8674" spans="1:2" x14ac:dyDescent="0.3">
      <c r="A8674" s="11"/>
      <c r="B8674" s="8"/>
    </row>
    <row r="8675" spans="1:2" x14ac:dyDescent="0.3">
      <c r="A8675" s="11"/>
      <c r="B8675" s="8"/>
    </row>
    <row r="8676" spans="1:2" x14ac:dyDescent="0.3">
      <c r="A8676" s="11"/>
      <c r="B8676" s="8"/>
    </row>
    <row r="8677" spans="1:2" x14ac:dyDescent="0.3">
      <c r="A8677" s="11"/>
      <c r="B8677" s="8"/>
    </row>
    <row r="8678" spans="1:2" x14ac:dyDescent="0.3">
      <c r="A8678" s="11"/>
      <c r="B8678" s="8"/>
    </row>
    <row r="8679" spans="1:2" x14ac:dyDescent="0.3">
      <c r="A8679" s="11"/>
      <c r="B8679" s="8"/>
    </row>
    <row r="8680" spans="1:2" x14ac:dyDescent="0.3">
      <c r="A8680" s="11"/>
      <c r="B8680" s="8"/>
    </row>
    <row r="8681" spans="1:2" x14ac:dyDescent="0.3">
      <c r="A8681" s="11"/>
      <c r="B8681" s="8"/>
    </row>
    <row r="8682" spans="1:2" x14ac:dyDescent="0.3">
      <c r="A8682" s="11"/>
      <c r="B8682" s="8"/>
    </row>
    <row r="8683" spans="1:2" x14ac:dyDescent="0.3">
      <c r="A8683" s="11"/>
      <c r="B8683" s="8"/>
    </row>
    <row r="8684" spans="1:2" x14ac:dyDescent="0.3">
      <c r="A8684" s="11"/>
      <c r="B8684" s="8"/>
    </row>
    <row r="8685" spans="1:2" x14ac:dyDescent="0.3">
      <c r="A8685" s="11"/>
      <c r="B8685" s="8"/>
    </row>
    <row r="8686" spans="1:2" x14ac:dyDescent="0.3">
      <c r="A8686" s="11"/>
      <c r="B8686" s="8"/>
    </row>
    <row r="8687" spans="1:2" x14ac:dyDescent="0.3">
      <c r="A8687" s="11"/>
      <c r="B8687" s="8"/>
    </row>
    <row r="8688" spans="1:2" x14ac:dyDescent="0.3">
      <c r="A8688" s="11"/>
      <c r="B8688" s="8"/>
    </row>
    <row r="8689" spans="1:2" x14ac:dyDescent="0.3">
      <c r="A8689" s="11"/>
      <c r="B8689" s="8"/>
    </row>
    <row r="8690" spans="1:2" x14ac:dyDescent="0.3">
      <c r="A8690" s="11"/>
      <c r="B8690" s="8"/>
    </row>
    <row r="8691" spans="1:2" x14ac:dyDescent="0.3">
      <c r="A8691" s="11"/>
      <c r="B8691" s="8"/>
    </row>
    <row r="8692" spans="1:2" x14ac:dyDescent="0.3">
      <c r="A8692" s="11"/>
      <c r="B8692" s="8"/>
    </row>
    <row r="8693" spans="1:2" x14ac:dyDescent="0.3">
      <c r="A8693" s="11"/>
      <c r="B8693" s="8"/>
    </row>
    <row r="8694" spans="1:2" x14ac:dyDescent="0.3">
      <c r="A8694" s="11"/>
      <c r="B8694" s="8"/>
    </row>
    <row r="8695" spans="1:2" x14ac:dyDescent="0.3">
      <c r="A8695" s="11"/>
      <c r="B8695" s="8"/>
    </row>
    <row r="8696" spans="1:2" x14ac:dyDescent="0.3">
      <c r="A8696" s="11"/>
      <c r="B8696" s="8"/>
    </row>
    <row r="8697" spans="1:2" x14ac:dyDescent="0.3">
      <c r="A8697" s="11"/>
      <c r="B8697" s="8"/>
    </row>
    <row r="8698" spans="1:2" x14ac:dyDescent="0.3">
      <c r="A8698" s="11"/>
      <c r="B8698" s="8"/>
    </row>
    <row r="8699" spans="1:2" x14ac:dyDescent="0.3">
      <c r="A8699" s="11"/>
      <c r="B8699" s="8"/>
    </row>
    <row r="8700" spans="1:2" x14ac:dyDescent="0.3">
      <c r="A8700" s="11"/>
      <c r="B8700" s="8"/>
    </row>
    <row r="8701" spans="1:2" x14ac:dyDescent="0.3">
      <c r="A8701" s="11"/>
      <c r="B8701" s="8"/>
    </row>
    <row r="8702" spans="1:2" x14ac:dyDescent="0.3">
      <c r="A8702" s="11"/>
      <c r="B8702" s="8"/>
    </row>
    <row r="8703" spans="1:2" x14ac:dyDescent="0.3">
      <c r="A8703" s="11"/>
      <c r="B8703" s="8"/>
    </row>
    <row r="8704" spans="1:2" x14ac:dyDescent="0.3">
      <c r="A8704" s="11"/>
      <c r="B8704" s="8"/>
    </row>
    <row r="8705" spans="1:2" x14ac:dyDescent="0.3">
      <c r="A8705" s="11"/>
      <c r="B8705" s="8"/>
    </row>
    <row r="8706" spans="1:2" x14ac:dyDescent="0.3">
      <c r="A8706" s="11"/>
      <c r="B8706" s="8"/>
    </row>
    <row r="8707" spans="1:2" x14ac:dyDescent="0.3">
      <c r="A8707" s="11"/>
      <c r="B8707" s="8"/>
    </row>
    <row r="8708" spans="1:2" x14ac:dyDescent="0.3">
      <c r="A8708" s="11"/>
      <c r="B8708" s="8"/>
    </row>
    <row r="8709" spans="1:2" x14ac:dyDescent="0.3">
      <c r="A8709" s="11"/>
      <c r="B8709" s="8"/>
    </row>
    <row r="8710" spans="1:2" x14ac:dyDescent="0.3">
      <c r="A8710" s="11"/>
      <c r="B8710" s="8"/>
    </row>
    <row r="8711" spans="1:2" x14ac:dyDescent="0.3">
      <c r="A8711" s="11"/>
      <c r="B8711" s="8"/>
    </row>
    <row r="8712" spans="1:2" x14ac:dyDescent="0.3">
      <c r="A8712" s="11"/>
      <c r="B8712" s="8"/>
    </row>
    <row r="8713" spans="1:2" x14ac:dyDescent="0.3">
      <c r="A8713" s="11"/>
      <c r="B8713" s="8"/>
    </row>
    <row r="8714" spans="1:2" x14ac:dyDescent="0.3">
      <c r="A8714" s="11"/>
      <c r="B8714" s="8"/>
    </row>
    <row r="8715" spans="1:2" x14ac:dyDescent="0.3">
      <c r="A8715" s="11"/>
      <c r="B8715" s="8"/>
    </row>
    <row r="8716" spans="1:2" x14ac:dyDescent="0.3">
      <c r="A8716" s="11"/>
      <c r="B8716" s="8"/>
    </row>
    <row r="8717" spans="1:2" x14ac:dyDescent="0.3">
      <c r="A8717" s="11"/>
      <c r="B8717" s="8"/>
    </row>
    <row r="8718" spans="1:2" x14ac:dyDescent="0.3">
      <c r="A8718" s="11"/>
      <c r="B8718" s="8"/>
    </row>
    <row r="8719" spans="1:2" x14ac:dyDescent="0.3">
      <c r="A8719" s="11"/>
      <c r="B8719" s="8"/>
    </row>
    <row r="8720" spans="1:2" x14ac:dyDescent="0.3">
      <c r="A8720" s="11"/>
      <c r="B8720" s="8"/>
    </row>
    <row r="8721" spans="1:2" x14ac:dyDescent="0.3">
      <c r="A8721" s="11"/>
      <c r="B8721" s="8"/>
    </row>
    <row r="8722" spans="1:2" x14ac:dyDescent="0.3">
      <c r="A8722" s="11"/>
      <c r="B8722" s="8"/>
    </row>
    <row r="8723" spans="1:2" x14ac:dyDescent="0.3">
      <c r="A8723" s="11"/>
      <c r="B8723" s="8"/>
    </row>
    <row r="8724" spans="1:2" x14ac:dyDescent="0.3">
      <c r="A8724" s="11"/>
      <c r="B8724" s="8"/>
    </row>
    <row r="8725" spans="1:2" x14ac:dyDescent="0.3">
      <c r="A8725" s="11"/>
      <c r="B8725" s="8"/>
    </row>
    <row r="8726" spans="1:2" x14ac:dyDescent="0.3">
      <c r="A8726" s="11"/>
      <c r="B8726" s="8"/>
    </row>
    <row r="8727" spans="1:2" x14ac:dyDescent="0.3">
      <c r="A8727" s="11"/>
      <c r="B8727" s="8"/>
    </row>
    <row r="8728" spans="1:2" x14ac:dyDescent="0.3">
      <c r="A8728" s="11"/>
      <c r="B8728" s="8"/>
    </row>
    <row r="8729" spans="1:2" x14ac:dyDescent="0.3">
      <c r="A8729" s="11"/>
      <c r="B8729" s="8"/>
    </row>
    <row r="8730" spans="1:2" x14ac:dyDescent="0.3">
      <c r="A8730" s="11"/>
      <c r="B8730" s="8"/>
    </row>
    <row r="8731" spans="1:2" x14ac:dyDescent="0.3">
      <c r="A8731" s="11"/>
      <c r="B8731" s="8"/>
    </row>
    <row r="8732" spans="1:2" x14ac:dyDescent="0.3">
      <c r="A8732" s="11"/>
      <c r="B8732" s="8"/>
    </row>
    <row r="8733" spans="1:2" x14ac:dyDescent="0.3">
      <c r="A8733" s="11"/>
      <c r="B8733" s="8"/>
    </row>
    <row r="8734" spans="1:2" x14ac:dyDescent="0.3">
      <c r="A8734" s="11"/>
      <c r="B8734" s="8"/>
    </row>
    <row r="8735" spans="1:2" x14ac:dyDescent="0.3">
      <c r="A8735" s="11"/>
      <c r="B8735" s="8"/>
    </row>
    <row r="8736" spans="1:2" x14ac:dyDescent="0.3">
      <c r="A8736" s="11"/>
      <c r="B8736" s="8"/>
    </row>
    <row r="8737" spans="1:2" x14ac:dyDescent="0.3">
      <c r="A8737" s="11"/>
      <c r="B8737" s="8"/>
    </row>
    <row r="8738" spans="1:2" x14ac:dyDescent="0.3">
      <c r="A8738" s="11"/>
      <c r="B8738" s="8"/>
    </row>
    <row r="8739" spans="1:2" x14ac:dyDescent="0.3">
      <c r="A8739" s="11"/>
      <c r="B8739" s="8"/>
    </row>
    <row r="8740" spans="1:2" x14ac:dyDescent="0.3">
      <c r="A8740" s="11"/>
      <c r="B8740" s="8"/>
    </row>
    <row r="8741" spans="1:2" x14ac:dyDescent="0.3">
      <c r="A8741" s="11"/>
      <c r="B8741" s="8"/>
    </row>
    <row r="8742" spans="1:2" x14ac:dyDescent="0.3">
      <c r="A8742" s="11"/>
      <c r="B8742" s="8"/>
    </row>
    <row r="8743" spans="1:2" x14ac:dyDescent="0.3">
      <c r="A8743" s="11"/>
      <c r="B8743" s="8"/>
    </row>
    <row r="8744" spans="1:2" x14ac:dyDescent="0.3">
      <c r="A8744" s="11"/>
      <c r="B8744" s="8"/>
    </row>
    <row r="8745" spans="1:2" x14ac:dyDescent="0.3">
      <c r="A8745" s="11"/>
      <c r="B8745" s="8"/>
    </row>
    <row r="8746" spans="1:2" x14ac:dyDescent="0.3">
      <c r="A8746" s="11"/>
      <c r="B8746" s="8"/>
    </row>
    <row r="8747" spans="1:2" x14ac:dyDescent="0.3">
      <c r="A8747" s="11"/>
      <c r="B8747" s="8"/>
    </row>
    <row r="8748" spans="1:2" x14ac:dyDescent="0.3">
      <c r="A8748" s="11"/>
      <c r="B8748" s="8"/>
    </row>
    <row r="8749" spans="1:2" x14ac:dyDescent="0.3">
      <c r="A8749" s="11"/>
      <c r="B8749" s="8"/>
    </row>
    <row r="8750" spans="1:2" x14ac:dyDescent="0.3">
      <c r="A8750" s="11"/>
      <c r="B8750" s="8"/>
    </row>
    <row r="8751" spans="1:2" x14ac:dyDescent="0.3">
      <c r="A8751" s="11"/>
      <c r="B8751" s="8"/>
    </row>
    <row r="8752" spans="1:2" x14ac:dyDescent="0.3">
      <c r="A8752" s="11"/>
      <c r="B8752" s="8"/>
    </row>
    <row r="8753" spans="1:2" x14ac:dyDescent="0.3">
      <c r="A8753" s="11"/>
      <c r="B8753" s="8"/>
    </row>
    <row r="8754" spans="1:2" x14ac:dyDescent="0.3">
      <c r="A8754" s="11"/>
      <c r="B8754" s="8"/>
    </row>
    <row r="8755" spans="1:2" x14ac:dyDescent="0.3">
      <c r="A8755" s="11"/>
      <c r="B8755" s="8"/>
    </row>
    <row r="8756" spans="1:2" x14ac:dyDescent="0.3">
      <c r="A8756" s="11"/>
      <c r="B8756" s="8"/>
    </row>
    <row r="8757" spans="1:2" x14ac:dyDescent="0.3">
      <c r="A8757" s="11"/>
      <c r="B8757" s="8"/>
    </row>
    <row r="8758" spans="1:2" x14ac:dyDescent="0.3">
      <c r="A8758" s="11"/>
      <c r="B8758" s="8"/>
    </row>
    <row r="8759" spans="1:2" x14ac:dyDescent="0.3">
      <c r="A8759" s="11"/>
      <c r="B8759" s="8"/>
    </row>
    <row r="8760" spans="1:2" x14ac:dyDescent="0.3">
      <c r="A8760" s="11"/>
      <c r="B8760" s="8"/>
    </row>
    <row r="8761" spans="1:2" x14ac:dyDescent="0.3">
      <c r="A8761" s="11"/>
      <c r="B8761" s="8"/>
    </row>
    <row r="8762" spans="1:2" x14ac:dyDescent="0.3">
      <c r="A8762" s="11"/>
      <c r="B8762" s="8"/>
    </row>
    <row r="8763" spans="1:2" x14ac:dyDescent="0.3">
      <c r="A8763" s="11"/>
      <c r="B8763" s="8"/>
    </row>
    <row r="8764" spans="1:2" x14ac:dyDescent="0.3">
      <c r="A8764" s="11"/>
      <c r="B8764" s="8"/>
    </row>
    <row r="8765" spans="1:2" x14ac:dyDescent="0.3">
      <c r="A8765" s="11"/>
      <c r="B8765" s="8"/>
    </row>
    <row r="8766" spans="1:2" x14ac:dyDescent="0.3">
      <c r="A8766" s="11"/>
      <c r="B8766" s="8"/>
    </row>
    <row r="8767" spans="1:2" x14ac:dyDescent="0.3">
      <c r="A8767" s="11"/>
      <c r="B8767" s="8"/>
    </row>
    <row r="8768" spans="1:2" x14ac:dyDescent="0.3">
      <c r="A8768" s="11"/>
      <c r="B8768" s="8"/>
    </row>
    <row r="8769" spans="1:2" x14ac:dyDescent="0.3">
      <c r="A8769" s="11"/>
      <c r="B8769" s="8"/>
    </row>
    <row r="8770" spans="1:2" x14ac:dyDescent="0.3">
      <c r="A8770" s="11"/>
      <c r="B8770" s="8"/>
    </row>
    <row r="8771" spans="1:2" x14ac:dyDescent="0.3">
      <c r="A8771" s="11"/>
      <c r="B8771" s="8"/>
    </row>
    <row r="8772" spans="1:2" x14ac:dyDescent="0.3">
      <c r="A8772" s="11"/>
      <c r="B8772" s="8"/>
    </row>
    <row r="8773" spans="1:2" x14ac:dyDescent="0.3">
      <c r="A8773" s="11"/>
      <c r="B8773" s="8"/>
    </row>
    <row r="8774" spans="1:2" x14ac:dyDescent="0.3">
      <c r="A8774" s="11"/>
      <c r="B8774" s="8"/>
    </row>
    <row r="8775" spans="1:2" x14ac:dyDescent="0.3">
      <c r="A8775" s="11"/>
      <c r="B8775" s="8"/>
    </row>
    <row r="8776" spans="1:2" x14ac:dyDescent="0.3">
      <c r="A8776" s="11"/>
      <c r="B8776" s="8"/>
    </row>
    <row r="8777" spans="1:2" x14ac:dyDescent="0.3">
      <c r="A8777" s="11"/>
      <c r="B8777" s="8"/>
    </row>
    <row r="8778" spans="1:2" x14ac:dyDescent="0.3">
      <c r="A8778" s="11"/>
      <c r="B8778" s="8"/>
    </row>
    <row r="8779" spans="1:2" x14ac:dyDescent="0.3">
      <c r="A8779" s="11"/>
      <c r="B8779" s="8"/>
    </row>
    <row r="8780" spans="1:2" x14ac:dyDescent="0.3">
      <c r="A8780" s="11"/>
      <c r="B8780" s="8"/>
    </row>
    <row r="8781" spans="1:2" x14ac:dyDescent="0.3">
      <c r="A8781" s="11"/>
      <c r="B8781" s="8"/>
    </row>
    <row r="8782" spans="1:2" x14ac:dyDescent="0.3">
      <c r="A8782" s="11"/>
      <c r="B8782" s="8"/>
    </row>
    <row r="8783" spans="1:2" x14ac:dyDescent="0.3">
      <c r="A8783" s="11"/>
      <c r="B8783" s="8"/>
    </row>
    <row r="8784" spans="1:2" x14ac:dyDescent="0.3">
      <c r="A8784" s="11"/>
      <c r="B8784" s="8"/>
    </row>
    <row r="8785" spans="1:2" x14ac:dyDescent="0.3">
      <c r="A8785" s="11"/>
      <c r="B8785" s="8"/>
    </row>
    <row r="8786" spans="1:2" x14ac:dyDescent="0.3">
      <c r="A8786" s="11"/>
      <c r="B8786" s="8"/>
    </row>
    <row r="8787" spans="1:2" x14ac:dyDescent="0.3">
      <c r="A8787" s="11"/>
      <c r="B8787" s="8"/>
    </row>
    <row r="8788" spans="1:2" x14ac:dyDescent="0.3">
      <c r="A8788" s="11"/>
      <c r="B8788" s="8"/>
    </row>
    <row r="8789" spans="1:2" x14ac:dyDescent="0.3">
      <c r="A8789" s="11"/>
      <c r="B8789" s="8"/>
    </row>
    <row r="8790" spans="1:2" x14ac:dyDescent="0.3">
      <c r="A8790" s="11"/>
      <c r="B8790" s="8"/>
    </row>
    <row r="8791" spans="1:2" x14ac:dyDescent="0.3">
      <c r="A8791" s="11"/>
      <c r="B8791" s="8"/>
    </row>
    <row r="8792" spans="1:2" x14ac:dyDescent="0.3">
      <c r="A8792" s="11"/>
      <c r="B8792" s="8"/>
    </row>
    <row r="8793" spans="1:2" x14ac:dyDescent="0.3">
      <c r="A8793" s="11"/>
      <c r="B8793" s="8"/>
    </row>
    <row r="8794" spans="1:2" x14ac:dyDescent="0.3">
      <c r="A8794" s="11"/>
      <c r="B8794" s="8"/>
    </row>
    <row r="8795" spans="1:2" x14ac:dyDescent="0.3">
      <c r="A8795" s="11"/>
      <c r="B8795" s="8"/>
    </row>
    <row r="8796" spans="1:2" x14ac:dyDescent="0.3">
      <c r="A8796" s="11"/>
      <c r="B8796" s="8"/>
    </row>
    <row r="8797" spans="1:2" x14ac:dyDescent="0.3">
      <c r="A8797" s="11"/>
      <c r="B8797" s="8"/>
    </row>
    <row r="8798" spans="1:2" x14ac:dyDescent="0.3">
      <c r="A8798" s="11"/>
      <c r="B8798" s="8"/>
    </row>
    <row r="8799" spans="1:2" x14ac:dyDescent="0.3">
      <c r="A8799" s="11"/>
      <c r="B8799" s="8"/>
    </row>
    <row r="8800" spans="1:2" x14ac:dyDescent="0.3">
      <c r="A8800" s="11"/>
      <c r="B8800" s="8"/>
    </row>
    <row r="8801" spans="1:2" x14ac:dyDescent="0.3">
      <c r="A8801" s="11"/>
      <c r="B8801" s="8"/>
    </row>
    <row r="8802" spans="1:2" x14ac:dyDescent="0.3">
      <c r="A8802" s="11"/>
      <c r="B8802" s="8"/>
    </row>
    <row r="8803" spans="1:2" x14ac:dyDescent="0.3">
      <c r="A8803" s="11"/>
      <c r="B8803" s="8"/>
    </row>
    <row r="8804" spans="1:2" x14ac:dyDescent="0.3">
      <c r="A8804" s="11"/>
      <c r="B8804" s="8"/>
    </row>
    <row r="8805" spans="1:2" x14ac:dyDescent="0.3">
      <c r="A8805" s="11"/>
      <c r="B8805" s="8"/>
    </row>
    <row r="8806" spans="1:2" x14ac:dyDescent="0.3">
      <c r="A8806" s="11"/>
      <c r="B8806" s="8"/>
    </row>
    <row r="8807" spans="1:2" x14ac:dyDescent="0.3">
      <c r="A8807" s="11"/>
      <c r="B8807" s="8"/>
    </row>
    <row r="8808" spans="1:2" x14ac:dyDescent="0.3">
      <c r="A8808" s="11"/>
      <c r="B8808" s="8"/>
    </row>
    <row r="8809" spans="1:2" x14ac:dyDescent="0.3">
      <c r="A8809" s="11"/>
      <c r="B8809" s="8"/>
    </row>
    <row r="8810" spans="1:2" x14ac:dyDescent="0.3">
      <c r="A8810" s="11"/>
      <c r="B8810" s="8"/>
    </row>
    <row r="8811" spans="1:2" x14ac:dyDescent="0.3">
      <c r="A8811" s="11"/>
      <c r="B8811" s="8"/>
    </row>
    <row r="8812" spans="1:2" x14ac:dyDescent="0.3">
      <c r="A8812" s="11"/>
      <c r="B8812" s="8"/>
    </row>
    <row r="8813" spans="1:2" x14ac:dyDescent="0.3">
      <c r="A8813" s="11"/>
      <c r="B8813" s="8"/>
    </row>
    <row r="8814" spans="1:2" x14ac:dyDescent="0.3">
      <c r="A8814" s="11"/>
      <c r="B8814" s="8"/>
    </row>
    <row r="8815" spans="1:2" x14ac:dyDescent="0.3">
      <c r="A8815" s="11"/>
      <c r="B8815" s="8"/>
    </row>
    <row r="8816" spans="1:2" x14ac:dyDescent="0.3">
      <c r="A8816" s="11"/>
      <c r="B8816" s="8"/>
    </row>
    <row r="8817" spans="1:2" x14ac:dyDescent="0.3">
      <c r="A8817" s="11"/>
      <c r="B8817" s="8"/>
    </row>
    <row r="8818" spans="1:2" x14ac:dyDescent="0.3">
      <c r="A8818" s="11"/>
      <c r="B8818" s="8"/>
    </row>
    <row r="8819" spans="1:2" x14ac:dyDescent="0.3">
      <c r="A8819" s="11"/>
      <c r="B8819" s="8"/>
    </row>
    <row r="8820" spans="1:2" x14ac:dyDescent="0.3">
      <c r="A8820" s="11"/>
      <c r="B8820" s="8"/>
    </row>
    <row r="8821" spans="1:2" x14ac:dyDescent="0.3">
      <c r="A8821" s="11"/>
      <c r="B8821" s="8"/>
    </row>
    <row r="8822" spans="1:2" x14ac:dyDescent="0.3">
      <c r="A8822" s="11"/>
      <c r="B8822" s="8"/>
    </row>
    <row r="8823" spans="1:2" x14ac:dyDescent="0.3">
      <c r="A8823" s="11"/>
      <c r="B8823" s="8"/>
    </row>
    <row r="8824" spans="1:2" x14ac:dyDescent="0.3">
      <c r="A8824" s="11"/>
      <c r="B8824" s="8"/>
    </row>
    <row r="8825" spans="1:2" x14ac:dyDescent="0.3">
      <c r="A8825" s="11"/>
      <c r="B8825" s="8"/>
    </row>
    <row r="8826" spans="1:2" x14ac:dyDescent="0.3">
      <c r="A8826" s="11"/>
      <c r="B8826" s="8"/>
    </row>
    <row r="8827" spans="1:2" x14ac:dyDescent="0.3">
      <c r="A8827" s="11"/>
      <c r="B8827" s="8"/>
    </row>
    <row r="8828" spans="1:2" x14ac:dyDescent="0.3">
      <c r="A8828" s="11"/>
      <c r="B8828" s="8"/>
    </row>
    <row r="8829" spans="1:2" x14ac:dyDescent="0.3">
      <c r="A8829" s="11"/>
      <c r="B8829" s="8"/>
    </row>
    <row r="8830" spans="1:2" x14ac:dyDescent="0.3">
      <c r="A8830" s="11"/>
      <c r="B8830" s="8"/>
    </row>
    <row r="8831" spans="1:2" x14ac:dyDescent="0.3">
      <c r="A8831" s="11"/>
      <c r="B8831" s="8"/>
    </row>
    <row r="8832" spans="1:2" x14ac:dyDescent="0.3">
      <c r="A8832" s="11"/>
      <c r="B8832" s="8"/>
    </row>
    <row r="8833" spans="1:2" x14ac:dyDescent="0.3">
      <c r="A8833" s="11"/>
      <c r="B8833" s="8"/>
    </row>
    <row r="8834" spans="1:2" x14ac:dyDescent="0.3">
      <c r="A8834" s="11"/>
      <c r="B8834" s="8"/>
    </row>
    <row r="8835" spans="1:2" x14ac:dyDescent="0.3">
      <c r="A8835" s="11"/>
      <c r="B8835" s="8"/>
    </row>
    <row r="8836" spans="1:2" x14ac:dyDescent="0.3">
      <c r="A8836" s="11"/>
      <c r="B8836" s="8"/>
    </row>
    <row r="8837" spans="1:2" x14ac:dyDescent="0.3">
      <c r="A8837" s="11"/>
      <c r="B8837" s="8"/>
    </row>
    <row r="8838" spans="1:2" x14ac:dyDescent="0.3">
      <c r="A8838" s="11"/>
      <c r="B8838" s="8"/>
    </row>
    <row r="8839" spans="1:2" x14ac:dyDescent="0.3">
      <c r="A8839" s="11"/>
      <c r="B8839" s="8"/>
    </row>
    <row r="8840" spans="1:2" x14ac:dyDescent="0.3">
      <c r="A8840" s="11"/>
      <c r="B8840" s="8"/>
    </row>
    <row r="8841" spans="1:2" x14ac:dyDescent="0.3">
      <c r="A8841" s="11"/>
      <c r="B8841" s="8"/>
    </row>
    <row r="8842" spans="1:2" x14ac:dyDescent="0.3">
      <c r="A8842" s="11"/>
      <c r="B8842" s="8"/>
    </row>
    <row r="8843" spans="1:2" x14ac:dyDescent="0.3">
      <c r="A8843" s="11"/>
      <c r="B8843" s="8"/>
    </row>
    <row r="8844" spans="1:2" x14ac:dyDescent="0.3">
      <c r="A8844" s="11"/>
      <c r="B8844" s="8"/>
    </row>
    <row r="8845" spans="1:2" x14ac:dyDescent="0.3">
      <c r="A8845" s="11"/>
      <c r="B8845" s="8"/>
    </row>
    <row r="8846" spans="1:2" x14ac:dyDescent="0.3">
      <c r="A8846" s="11"/>
      <c r="B8846" s="8"/>
    </row>
    <row r="8847" spans="1:2" x14ac:dyDescent="0.3">
      <c r="A8847" s="11"/>
      <c r="B8847" s="8"/>
    </row>
    <row r="8848" spans="1:2" x14ac:dyDescent="0.3">
      <c r="A8848" s="11"/>
      <c r="B8848" s="8"/>
    </row>
    <row r="8849" spans="1:2" x14ac:dyDescent="0.3">
      <c r="A8849" s="11"/>
      <c r="B8849" s="8"/>
    </row>
    <row r="8850" spans="1:2" x14ac:dyDescent="0.3">
      <c r="A8850" s="11"/>
      <c r="B8850" s="8"/>
    </row>
    <row r="8851" spans="1:2" x14ac:dyDescent="0.3">
      <c r="A8851" s="11"/>
      <c r="B8851" s="8"/>
    </row>
    <row r="8852" spans="1:2" x14ac:dyDescent="0.3">
      <c r="A8852" s="11"/>
      <c r="B8852" s="8"/>
    </row>
    <row r="8853" spans="1:2" x14ac:dyDescent="0.3">
      <c r="A8853" s="11"/>
      <c r="B8853" s="8"/>
    </row>
    <row r="8854" spans="1:2" x14ac:dyDescent="0.3">
      <c r="A8854" s="11"/>
      <c r="B8854" s="8"/>
    </row>
    <row r="8855" spans="1:2" x14ac:dyDescent="0.3">
      <c r="A8855" s="11"/>
      <c r="B8855" s="8"/>
    </row>
    <row r="8856" spans="1:2" x14ac:dyDescent="0.3">
      <c r="A8856" s="11"/>
      <c r="B8856" s="8"/>
    </row>
    <row r="8857" spans="1:2" x14ac:dyDescent="0.3">
      <c r="A8857" s="11"/>
      <c r="B8857" s="8"/>
    </row>
    <row r="8858" spans="1:2" x14ac:dyDescent="0.3">
      <c r="A8858" s="11"/>
      <c r="B8858" s="8"/>
    </row>
    <row r="8859" spans="1:2" x14ac:dyDescent="0.3">
      <c r="A8859" s="11"/>
      <c r="B8859" s="8"/>
    </row>
    <row r="8860" spans="1:2" x14ac:dyDescent="0.3">
      <c r="A8860" s="11"/>
      <c r="B8860" s="8"/>
    </row>
    <row r="8861" spans="1:2" x14ac:dyDescent="0.3">
      <c r="A8861" s="11"/>
      <c r="B8861" s="8"/>
    </row>
    <row r="8862" spans="1:2" x14ac:dyDescent="0.3">
      <c r="A8862" s="11"/>
      <c r="B8862" s="8"/>
    </row>
    <row r="8863" spans="1:2" x14ac:dyDescent="0.3">
      <c r="A8863" s="11"/>
      <c r="B8863" s="8"/>
    </row>
    <row r="8864" spans="1:2" x14ac:dyDescent="0.3">
      <c r="A8864" s="11"/>
      <c r="B8864" s="8"/>
    </row>
    <row r="8865" spans="1:2" x14ac:dyDescent="0.3">
      <c r="A8865" s="11"/>
      <c r="B8865" s="8"/>
    </row>
    <row r="8866" spans="1:2" x14ac:dyDescent="0.3">
      <c r="A8866" s="11"/>
      <c r="B8866" s="8"/>
    </row>
    <row r="8867" spans="1:2" x14ac:dyDescent="0.3">
      <c r="A8867" s="11"/>
      <c r="B8867" s="8"/>
    </row>
    <row r="8868" spans="1:2" x14ac:dyDescent="0.3">
      <c r="A8868" s="11"/>
      <c r="B8868" s="8"/>
    </row>
    <row r="8869" spans="1:2" x14ac:dyDescent="0.3">
      <c r="A8869" s="11"/>
      <c r="B8869" s="8"/>
    </row>
    <row r="8870" spans="1:2" x14ac:dyDescent="0.3">
      <c r="A8870" s="11"/>
      <c r="B8870" s="8"/>
    </row>
    <row r="8871" spans="1:2" x14ac:dyDescent="0.3">
      <c r="A8871" s="11"/>
      <c r="B8871" s="8"/>
    </row>
    <row r="8872" spans="1:2" x14ac:dyDescent="0.3">
      <c r="A8872" s="11"/>
      <c r="B8872" s="8"/>
    </row>
    <row r="8873" spans="1:2" x14ac:dyDescent="0.3">
      <c r="A8873" s="11"/>
      <c r="B8873" s="8"/>
    </row>
    <row r="8874" spans="1:2" x14ac:dyDescent="0.3">
      <c r="A8874" s="11"/>
      <c r="B8874" s="8"/>
    </row>
    <row r="8875" spans="1:2" x14ac:dyDescent="0.3">
      <c r="A8875" s="11"/>
      <c r="B8875" s="8"/>
    </row>
    <row r="8876" spans="1:2" x14ac:dyDescent="0.3">
      <c r="A8876" s="11"/>
      <c r="B8876" s="8"/>
    </row>
    <row r="8877" spans="1:2" x14ac:dyDescent="0.3">
      <c r="A8877" s="11"/>
      <c r="B8877" s="8"/>
    </row>
    <row r="8878" spans="1:2" x14ac:dyDescent="0.3">
      <c r="A8878" s="11"/>
      <c r="B8878" s="8"/>
    </row>
    <row r="8879" spans="1:2" x14ac:dyDescent="0.3">
      <c r="A8879" s="11"/>
      <c r="B8879" s="8"/>
    </row>
    <row r="8880" spans="1:2" x14ac:dyDescent="0.3">
      <c r="A8880" s="11"/>
      <c r="B8880" s="8"/>
    </row>
    <row r="8881" spans="1:2" x14ac:dyDescent="0.3">
      <c r="A8881" s="11"/>
      <c r="B8881" s="8"/>
    </row>
    <row r="8882" spans="1:2" x14ac:dyDescent="0.3">
      <c r="A8882" s="11"/>
      <c r="B8882" s="8"/>
    </row>
    <row r="8883" spans="1:2" x14ac:dyDescent="0.3">
      <c r="A8883" s="11"/>
      <c r="B8883" s="8"/>
    </row>
    <row r="8884" spans="1:2" x14ac:dyDescent="0.3">
      <c r="A8884" s="11"/>
      <c r="B8884" s="8"/>
    </row>
    <row r="8885" spans="1:2" x14ac:dyDescent="0.3">
      <c r="A8885" s="11"/>
      <c r="B8885" s="8"/>
    </row>
    <row r="8886" spans="1:2" x14ac:dyDescent="0.3">
      <c r="A8886" s="11"/>
      <c r="B8886" s="8"/>
    </row>
    <row r="8887" spans="1:2" x14ac:dyDescent="0.3">
      <c r="A8887" s="11"/>
      <c r="B8887" s="8"/>
    </row>
    <row r="8888" spans="1:2" x14ac:dyDescent="0.3">
      <c r="A8888" s="11"/>
      <c r="B8888" s="8"/>
    </row>
    <row r="8889" spans="1:2" x14ac:dyDescent="0.3">
      <c r="A8889" s="11"/>
      <c r="B8889" s="8"/>
    </row>
    <row r="8890" spans="1:2" x14ac:dyDescent="0.3">
      <c r="A8890" s="11"/>
      <c r="B8890" s="8"/>
    </row>
    <row r="8891" spans="1:2" x14ac:dyDescent="0.3">
      <c r="A8891" s="11"/>
      <c r="B8891" s="8"/>
    </row>
    <row r="8892" spans="1:2" x14ac:dyDescent="0.3">
      <c r="A8892" s="11"/>
      <c r="B8892" s="8"/>
    </row>
    <row r="8893" spans="1:2" x14ac:dyDescent="0.3">
      <c r="A8893" s="11"/>
      <c r="B8893" s="8"/>
    </row>
    <row r="8894" spans="1:2" x14ac:dyDescent="0.3">
      <c r="A8894" s="11"/>
      <c r="B8894" s="8"/>
    </row>
    <row r="8895" spans="1:2" x14ac:dyDescent="0.3">
      <c r="A8895" s="11"/>
      <c r="B8895" s="8"/>
    </row>
    <row r="8896" spans="1:2" x14ac:dyDescent="0.3">
      <c r="A8896" s="11"/>
      <c r="B8896" s="8"/>
    </row>
    <row r="8897" spans="1:2" x14ac:dyDescent="0.3">
      <c r="A8897" s="11"/>
      <c r="B8897" s="8"/>
    </row>
    <row r="8898" spans="1:2" x14ac:dyDescent="0.3">
      <c r="A8898" s="11"/>
      <c r="B8898" s="8"/>
    </row>
    <row r="8899" spans="1:2" x14ac:dyDescent="0.3">
      <c r="A8899" s="11"/>
      <c r="B8899" s="8"/>
    </row>
    <row r="8900" spans="1:2" x14ac:dyDescent="0.3">
      <c r="A8900" s="11"/>
      <c r="B8900" s="8"/>
    </row>
    <row r="8901" spans="1:2" x14ac:dyDescent="0.3">
      <c r="A8901" s="11"/>
      <c r="B8901" s="8"/>
    </row>
    <row r="8902" spans="1:2" x14ac:dyDescent="0.3">
      <c r="A8902" s="11"/>
      <c r="B8902" s="8"/>
    </row>
    <row r="8903" spans="1:2" x14ac:dyDescent="0.3">
      <c r="A8903" s="11"/>
      <c r="B8903" s="8"/>
    </row>
    <row r="8904" spans="1:2" x14ac:dyDescent="0.3">
      <c r="A8904" s="11"/>
      <c r="B8904" s="8"/>
    </row>
    <row r="8905" spans="1:2" x14ac:dyDescent="0.3">
      <c r="A8905" s="11"/>
      <c r="B8905" s="8"/>
    </row>
    <row r="8906" spans="1:2" x14ac:dyDescent="0.3">
      <c r="A8906" s="11"/>
      <c r="B8906" s="8"/>
    </row>
    <row r="8907" spans="1:2" x14ac:dyDescent="0.3">
      <c r="A8907" s="11"/>
      <c r="B8907" s="8"/>
    </row>
    <row r="8908" spans="1:2" x14ac:dyDescent="0.3">
      <c r="A8908" s="11"/>
      <c r="B8908" s="8"/>
    </row>
    <row r="8909" spans="1:2" x14ac:dyDescent="0.3">
      <c r="A8909" s="11"/>
      <c r="B8909" s="8"/>
    </row>
    <row r="8910" spans="1:2" x14ac:dyDescent="0.3">
      <c r="A8910" s="11"/>
      <c r="B8910" s="8"/>
    </row>
    <row r="8911" spans="1:2" x14ac:dyDescent="0.3">
      <c r="A8911" s="11"/>
      <c r="B8911" s="8"/>
    </row>
    <row r="8912" spans="1:2" x14ac:dyDescent="0.3">
      <c r="A8912" s="11"/>
      <c r="B8912" s="8"/>
    </row>
    <row r="8913" spans="1:2" x14ac:dyDescent="0.3">
      <c r="A8913" s="11"/>
      <c r="B8913" s="8"/>
    </row>
    <row r="8914" spans="1:2" x14ac:dyDescent="0.3">
      <c r="A8914" s="11"/>
      <c r="B8914" s="8"/>
    </row>
    <row r="8915" spans="1:2" x14ac:dyDescent="0.3">
      <c r="A8915" s="11"/>
      <c r="B8915" s="8"/>
    </row>
    <row r="8916" spans="1:2" x14ac:dyDescent="0.3">
      <c r="A8916" s="11"/>
      <c r="B8916" s="8"/>
    </row>
    <row r="8917" spans="1:2" x14ac:dyDescent="0.3">
      <c r="A8917" s="11"/>
      <c r="B8917" s="8"/>
    </row>
    <row r="8918" spans="1:2" x14ac:dyDescent="0.3">
      <c r="A8918" s="11"/>
      <c r="B8918" s="8"/>
    </row>
    <row r="8919" spans="1:2" x14ac:dyDescent="0.3">
      <c r="A8919" s="11"/>
      <c r="B8919" s="8"/>
    </row>
    <row r="8920" spans="1:2" x14ac:dyDescent="0.3">
      <c r="A8920" s="11"/>
      <c r="B8920" s="8"/>
    </row>
    <row r="8921" spans="1:2" x14ac:dyDescent="0.3">
      <c r="A8921" s="11"/>
      <c r="B8921" s="8"/>
    </row>
    <row r="8922" spans="1:2" x14ac:dyDescent="0.3">
      <c r="A8922" s="11"/>
      <c r="B8922" s="8"/>
    </row>
    <row r="8923" spans="1:2" x14ac:dyDescent="0.3">
      <c r="A8923" s="11"/>
      <c r="B8923" s="8"/>
    </row>
    <row r="8924" spans="1:2" x14ac:dyDescent="0.3">
      <c r="A8924" s="11"/>
      <c r="B8924" s="8"/>
    </row>
    <row r="8925" spans="1:2" x14ac:dyDescent="0.3">
      <c r="A8925" s="11"/>
      <c r="B8925" s="8"/>
    </row>
    <row r="8926" spans="1:2" x14ac:dyDescent="0.3">
      <c r="A8926" s="11"/>
      <c r="B8926" s="8"/>
    </row>
    <row r="8927" spans="1:2" x14ac:dyDescent="0.3">
      <c r="A8927" s="11"/>
      <c r="B8927" s="8"/>
    </row>
    <row r="8928" spans="1:2" x14ac:dyDescent="0.3">
      <c r="A8928" s="11"/>
      <c r="B8928" s="8"/>
    </row>
    <row r="8929" spans="1:2" x14ac:dyDescent="0.3">
      <c r="A8929" s="11"/>
      <c r="B8929" s="8"/>
    </row>
    <row r="8930" spans="1:2" x14ac:dyDescent="0.3">
      <c r="A8930" s="11"/>
      <c r="B8930" s="8"/>
    </row>
    <row r="8931" spans="1:2" x14ac:dyDescent="0.3">
      <c r="A8931" s="11"/>
      <c r="B8931" s="8"/>
    </row>
    <row r="8932" spans="1:2" x14ac:dyDescent="0.3">
      <c r="A8932" s="11"/>
      <c r="B8932" s="8"/>
    </row>
    <row r="8933" spans="1:2" x14ac:dyDescent="0.3">
      <c r="A8933" s="11"/>
      <c r="B8933" s="8"/>
    </row>
    <row r="8934" spans="1:2" x14ac:dyDescent="0.3">
      <c r="A8934" s="11"/>
      <c r="B8934" s="8"/>
    </row>
    <row r="8935" spans="1:2" x14ac:dyDescent="0.3">
      <c r="A8935" s="11"/>
      <c r="B8935" s="8"/>
    </row>
    <row r="8936" spans="1:2" x14ac:dyDescent="0.3">
      <c r="A8936" s="11"/>
      <c r="B8936" s="8"/>
    </row>
    <row r="8937" spans="1:2" x14ac:dyDescent="0.3">
      <c r="A8937" s="11"/>
      <c r="B8937" s="8"/>
    </row>
    <row r="8938" spans="1:2" x14ac:dyDescent="0.3">
      <c r="A8938" s="11"/>
      <c r="B8938" s="8"/>
    </row>
    <row r="8939" spans="1:2" x14ac:dyDescent="0.3">
      <c r="A8939" s="11"/>
      <c r="B8939" s="8"/>
    </row>
    <row r="8940" spans="1:2" x14ac:dyDescent="0.3">
      <c r="A8940" s="11"/>
      <c r="B8940" s="8"/>
    </row>
    <row r="8941" spans="1:2" x14ac:dyDescent="0.3">
      <c r="A8941" s="11"/>
      <c r="B8941" s="8"/>
    </row>
    <row r="8942" spans="1:2" x14ac:dyDescent="0.3">
      <c r="A8942" s="11"/>
      <c r="B8942" s="8"/>
    </row>
    <row r="8943" spans="1:2" x14ac:dyDescent="0.3">
      <c r="A8943" s="11"/>
      <c r="B8943" s="8"/>
    </row>
    <row r="8944" spans="1:2" x14ac:dyDescent="0.3">
      <c r="A8944" s="11"/>
      <c r="B8944" s="8"/>
    </row>
    <row r="8945" spans="1:2" x14ac:dyDescent="0.3">
      <c r="A8945" s="11"/>
      <c r="B8945" s="8"/>
    </row>
    <row r="8946" spans="1:2" x14ac:dyDescent="0.3">
      <c r="A8946" s="11"/>
      <c r="B8946" s="8"/>
    </row>
    <row r="8947" spans="1:2" x14ac:dyDescent="0.3">
      <c r="A8947" s="11"/>
      <c r="B8947" s="8"/>
    </row>
    <row r="8948" spans="1:2" x14ac:dyDescent="0.3">
      <c r="A8948" s="11"/>
      <c r="B8948" s="8"/>
    </row>
    <row r="8949" spans="1:2" x14ac:dyDescent="0.3">
      <c r="A8949" s="11"/>
      <c r="B8949" s="8"/>
    </row>
    <row r="8950" spans="1:2" x14ac:dyDescent="0.3">
      <c r="A8950" s="11"/>
      <c r="B8950" s="8"/>
    </row>
    <row r="8951" spans="1:2" x14ac:dyDescent="0.3">
      <c r="A8951" s="11"/>
      <c r="B8951" s="8"/>
    </row>
    <row r="8952" spans="1:2" x14ac:dyDescent="0.3">
      <c r="A8952" s="11"/>
      <c r="B8952" s="8"/>
    </row>
    <row r="8953" spans="1:2" x14ac:dyDescent="0.3">
      <c r="A8953" s="11"/>
      <c r="B8953" s="8"/>
    </row>
    <row r="8954" spans="1:2" x14ac:dyDescent="0.3">
      <c r="A8954" s="11"/>
      <c r="B8954" s="8"/>
    </row>
    <row r="8955" spans="1:2" x14ac:dyDescent="0.3">
      <c r="A8955" s="11"/>
      <c r="B8955" s="8"/>
    </row>
    <row r="8956" spans="1:2" x14ac:dyDescent="0.3">
      <c r="A8956" s="11"/>
      <c r="B8956" s="8"/>
    </row>
    <row r="8957" spans="1:2" x14ac:dyDescent="0.3">
      <c r="A8957" s="11"/>
      <c r="B8957" s="8"/>
    </row>
    <row r="8958" spans="1:2" x14ac:dyDescent="0.3">
      <c r="A8958" s="11"/>
      <c r="B8958" s="8"/>
    </row>
    <row r="8959" spans="1:2" x14ac:dyDescent="0.3">
      <c r="A8959" s="11"/>
      <c r="B8959" s="8"/>
    </row>
    <row r="8960" spans="1:2" x14ac:dyDescent="0.3">
      <c r="A8960" s="11"/>
      <c r="B8960" s="8"/>
    </row>
    <row r="8961" spans="1:2" x14ac:dyDescent="0.3">
      <c r="A8961" s="11"/>
      <c r="B8961" s="8"/>
    </row>
    <row r="8962" spans="1:2" x14ac:dyDescent="0.3">
      <c r="A8962" s="11"/>
      <c r="B8962" s="8"/>
    </row>
    <row r="8963" spans="1:2" x14ac:dyDescent="0.3">
      <c r="A8963" s="11"/>
      <c r="B8963" s="8"/>
    </row>
    <row r="8964" spans="1:2" x14ac:dyDescent="0.3">
      <c r="A8964" s="11"/>
      <c r="B8964" s="8"/>
    </row>
    <row r="8965" spans="1:2" x14ac:dyDescent="0.3">
      <c r="A8965" s="11"/>
      <c r="B8965" s="8"/>
    </row>
    <row r="8966" spans="1:2" x14ac:dyDescent="0.3">
      <c r="A8966" s="11"/>
      <c r="B8966" s="8"/>
    </row>
    <row r="8967" spans="1:2" x14ac:dyDescent="0.3">
      <c r="A8967" s="11"/>
      <c r="B8967" s="8"/>
    </row>
    <row r="8968" spans="1:2" x14ac:dyDescent="0.3">
      <c r="A8968" s="11"/>
      <c r="B8968" s="8"/>
    </row>
    <row r="8969" spans="1:2" x14ac:dyDescent="0.3">
      <c r="A8969" s="11"/>
      <c r="B8969" s="8"/>
    </row>
    <row r="8970" spans="1:2" x14ac:dyDescent="0.3">
      <c r="A8970" s="11"/>
      <c r="B8970" s="8"/>
    </row>
    <row r="8971" spans="1:2" x14ac:dyDescent="0.3">
      <c r="A8971" s="11"/>
      <c r="B8971" s="8"/>
    </row>
    <row r="8972" spans="1:2" x14ac:dyDescent="0.3">
      <c r="A8972" s="11"/>
      <c r="B8972" s="8"/>
    </row>
    <row r="8973" spans="1:2" x14ac:dyDescent="0.3">
      <c r="A8973" s="11"/>
      <c r="B8973" s="8"/>
    </row>
    <row r="8974" spans="1:2" x14ac:dyDescent="0.3">
      <c r="A8974" s="11"/>
      <c r="B8974" s="8"/>
    </row>
    <row r="8975" spans="1:2" x14ac:dyDescent="0.3">
      <c r="A8975" s="11"/>
      <c r="B8975" s="8"/>
    </row>
    <row r="8976" spans="1:2" x14ac:dyDescent="0.3">
      <c r="A8976" s="11"/>
      <c r="B8976" s="8"/>
    </row>
    <row r="8977" spans="1:2" x14ac:dyDescent="0.3">
      <c r="A8977" s="11"/>
      <c r="B8977" s="8"/>
    </row>
    <row r="8978" spans="1:2" x14ac:dyDescent="0.3">
      <c r="A8978" s="11"/>
      <c r="B8978" s="8"/>
    </row>
    <row r="8979" spans="1:2" x14ac:dyDescent="0.3">
      <c r="A8979" s="11"/>
      <c r="B8979" s="8"/>
    </row>
    <row r="8980" spans="1:2" x14ac:dyDescent="0.3">
      <c r="A8980" s="11"/>
      <c r="B8980" s="8"/>
    </row>
    <row r="8981" spans="1:2" x14ac:dyDescent="0.3">
      <c r="A8981" s="11"/>
      <c r="B8981" s="8"/>
    </row>
    <row r="8982" spans="1:2" x14ac:dyDescent="0.3">
      <c r="A8982" s="11"/>
      <c r="B8982" s="8"/>
    </row>
    <row r="8983" spans="1:2" x14ac:dyDescent="0.3">
      <c r="A8983" s="11"/>
      <c r="B8983" s="8"/>
    </row>
    <row r="8984" spans="1:2" x14ac:dyDescent="0.3">
      <c r="A8984" s="11"/>
      <c r="B8984" s="8"/>
    </row>
    <row r="8985" spans="1:2" x14ac:dyDescent="0.3">
      <c r="A8985" s="11"/>
      <c r="B8985" s="8"/>
    </row>
    <row r="8986" spans="1:2" x14ac:dyDescent="0.3">
      <c r="A8986" s="11"/>
      <c r="B8986" s="8"/>
    </row>
    <row r="8987" spans="1:2" x14ac:dyDescent="0.3">
      <c r="A8987" s="11"/>
      <c r="B8987" s="8"/>
    </row>
    <row r="8988" spans="1:2" x14ac:dyDescent="0.3">
      <c r="A8988" s="11"/>
      <c r="B8988" s="8"/>
    </row>
    <row r="8989" spans="1:2" x14ac:dyDescent="0.3">
      <c r="A8989" s="11"/>
      <c r="B8989" s="8"/>
    </row>
    <row r="8990" spans="1:2" x14ac:dyDescent="0.3">
      <c r="A8990" s="11"/>
      <c r="B8990" s="8"/>
    </row>
    <row r="8991" spans="1:2" x14ac:dyDescent="0.3">
      <c r="A8991" s="11"/>
      <c r="B8991" s="8"/>
    </row>
    <row r="8992" spans="1:2" x14ac:dyDescent="0.3">
      <c r="A8992" s="11"/>
      <c r="B8992" s="8"/>
    </row>
    <row r="8993" spans="1:2" x14ac:dyDescent="0.3">
      <c r="A8993" s="11"/>
      <c r="B8993" s="8"/>
    </row>
    <row r="8994" spans="1:2" x14ac:dyDescent="0.3">
      <c r="A8994" s="11"/>
      <c r="B8994" s="8"/>
    </row>
    <row r="8995" spans="1:2" x14ac:dyDescent="0.3">
      <c r="A8995" s="11"/>
      <c r="B8995" s="8"/>
    </row>
    <row r="8996" spans="1:2" x14ac:dyDescent="0.3">
      <c r="A8996" s="11"/>
      <c r="B8996" s="8"/>
    </row>
    <row r="8997" spans="1:2" x14ac:dyDescent="0.3">
      <c r="A8997" s="11"/>
      <c r="B8997" s="8"/>
    </row>
    <row r="8998" spans="1:2" x14ac:dyDescent="0.3">
      <c r="A8998" s="11"/>
      <c r="B8998" s="8"/>
    </row>
    <row r="8999" spans="1:2" x14ac:dyDescent="0.3">
      <c r="A8999" s="11"/>
      <c r="B8999" s="8"/>
    </row>
    <row r="9000" spans="1:2" x14ac:dyDescent="0.3">
      <c r="A9000" s="11"/>
      <c r="B9000" s="8"/>
    </row>
    <row r="9001" spans="1:2" x14ac:dyDescent="0.3">
      <c r="A9001" s="11"/>
      <c r="B9001" s="8"/>
    </row>
    <row r="9002" spans="1:2" x14ac:dyDescent="0.3">
      <c r="A9002" s="11"/>
      <c r="B9002" s="8"/>
    </row>
    <row r="9003" spans="1:2" x14ac:dyDescent="0.3">
      <c r="A9003" s="11"/>
      <c r="B9003" s="8"/>
    </row>
    <row r="9004" spans="1:2" x14ac:dyDescent="0.3">
      <c r="A9004" s="11"/>
      <c r="B9004" s="8"/>
    </row>
    <row r="9005" spans="1:2" x14ac:dyDescent="0.3">
      <c r="A9005" s="11"/>
      <c r="B9005" s="8"/>
    </row>
    <row r="9006" spans="1:2" x14ac:dyDescent="0.3">
      <c r="A9006" s="11"/>
      <c r="B9006" s="8"/>
    </row>
    <row r="9007" spans="1:2" x14ac:dyDescent="0.3">
      <c r="A9007" s="11"/>
      <c r="B9007" s="8"/>
    </row>
    <row r="9008" spans="1:2" x14ac:dyDescent="0.3">
      <c r="A9008" s="11"/>
      <c r="B9008" s="8"/>
    </row>
    <row r="9009" spans="1:2" x14ac:dyDescent="0.3">
      <c r="A9009" s="11"/>
      <c r="B9009" s="8"/>
    </row>
    <row r="9010" spans="1:2" x14ac:dyDescent="0.3">
      <c r="A9010" s="11"/>
      <c r="B9010" s="8"/>
    </row>
    <row r="9011" spans="1:2" x14ac:dyDescent="0.3">
      <c r="A9011" s="11"/>
      <c r="B9011" s="8"/>
    </row>
    <row r="9012" spans="1:2" x14ac:dyDescent="0.3">
      <c r="A9012" s="11"/>
      <c r="B9012" s="8"/>
    </row>
    <row r="9013" spans="1:2" x14ac:dyDescent="0.3">
      <c r="A9013" s="11"/>
      <c r="B9013" s="8"/>
    </row>
    <row r="9014" spans="1:2" x14ac:dyDescent="0.3">
      <c r="A9014" s="11"/>
      <c r="B9014" s="8"/>
    </row>
    <row r="9015" spans="1:2" x14ac:dyDescent="0.3">
      <c r="A9015" s="11"/>
      <c r="B9015" s="8"/>
    </row>
    <row r="9016" spans="1:2" x14ac:dyDescent="0.3">
      <c r="A9016" s="11"/>
      <c r="B9016" s="8"/>
    </row>
    <row r="9017" spans="1:2" x14ac:dyDescent="0.3">
      <c r="A9017" s="11"/>
      <c r="B9017" s="8"/>
    </row>
    <row r="9018" spans="1:2" x14ac:dyDescent="0.3">
      <c r="A9018" s="11"/>
      <c r="B9018" s="8"/>
    </row>
    <row r="9019" spans="1:2" x14ac:dyDescent="0.3">
      <c r="A9019" s="11"/>
      <c r="B9019" s="8"/>
    </row>
    <row r="9020" spans="1:2" x14ac:dyDescent="0.3">
      <c r="A9020" s="11"/>
      <c r="B9020" s="8"/>
    </row>
    <row r="9021" spans="1:2" x14ac:dyDescent="0.3">
      <c r="A9021" s="11"/>
      <c r="B9021" s="8"/>
    </row>
    <row r="9022" spans="1:2" x14ac:dyDescent="0.3">
      <c r="A9022" s="11"/>
      <c r="B9022" s="8"/>
    </row>
    <row r="9023" spans="1:2" x14ac:dyDescent="0.3">
      <c r="A9023" s="11"/>
      <c r="B9023" s="8"/>
    </row>
    <row r="9024" spans="1:2" x14ac:dyDescent="0.3">
      <c r="A9024" s="11"/>
      <c r="B9024" s="8"/>
    </row>
    <row r="9025" spans="1:2" x14ac:dyDescent="0.3">
      <c r="A9025" s="11"/>
      <c r="B9025" s="8"/>
    </row>
    <row r="9026" spans="1:2" x14ac:dyDescent="0.3">
      <c r="A9026" s="11"/>
      <c r="B9026" s="8"/>
    </row>
    <row r="9027" spans="1:2" x14ac:dyDescent="0.3">
      <c r="A9027" s="11"/>
      <c r="B9027" s="8"/>
    </row>
    <row r="9028" spans="1:2" x14ac:dyDescent="0.3">
      <c r="A9028" s="11"/>
      <c r="B9028" s="8"/>
    </row>
    <row r="9029" spans="1:2" x14ac:dyDescent="0.3">
      <c r="A9029" s="11"/>
      <c r="B9029" s="8"/>
    </row>
    <row r="9030" spans="1:2" x14ac:dyDescent="0.3">
      <c r="A9030" s="11"/>
      <c r="B9030" s="8"/>
    </row>
    <row r="9031" spans="1:2" x14ac:dyDescent="0.3">
      <c r="A9031" s="11"/>
      <c r="B9031" s="8"/>
    </row>
    <row r="9032" spans="1:2" x14ac:dyDescent="0.3">
      <c r="A9032" s="11"/>
      <c r="B9032" s="8"/>
    </row>
    <row r="9033" spans="1:2" x14ac:dyDescent="0.3">
      <c r="A9033" s="11"/>
      <c r="B9033" s="8"/>
    </row>
    <row r="9034" spans="1:2" x14ac:dyDescent="0.3">
      <c r="A9034" s="11"/>
      <c r="B9034" s="8"/>
    </row>
    <row r="9035" spans="1:2" x14ac:dyDescent="0.3">
      <c r="A9035" s="11"/>
      <c r="B9035" s="8"/>
    </row>
    <row r="9036" spans="1:2" x14ac:dyDescent="0.3">
      <c r="A9036" s="11"/>
      <c r="B9036" s="8"/>
    </row>
    <row r="9037" spans="1:2" x14ac:dyDescent="0.3">
      <c r="A9037" s="11"/>
      <c r="B9037" s="8"/>
    </row>
    <row r="9038" spans="1:2" x14ac:dyDescent="0.3">
      <c r="A9038" s="11"/>
      <c r="B9038" s="8"/>
    </row>
    <row r="9039" spans="1:2" x14ac:dyDescent="0.3">
      <c r="A9039" s="11"/>
      <c r="B9039" s="8"/>
    </row>
    <row r="9040" spans="1:2" x14ac:dyDescent="0.3">
      <c r="A9040" s="11"/>
      <c r="B9040" s="8"/>
    </row>
    <row r="9041" spans="1:2" x14ac:dyDescent="0.3">
      <c r="A9041" s="11"/>
      <c r="B9041" s="8"/>
    </row>
    <row r="9042" spans="1:2" x14ac:dyDescent="0.3">
      <c r="A9042" s="11"/>
      <c r="B9042" s="8"/>
    </row>
    <row r="9043" spans="1:2" x14ac:dyDescent="0.3">
      <c r="A9043" s="11"/>
      <c r="B9043" s="8"/>
    </row>
    <row r="9044" spans="1:2" x14ac:dyDescent="0.3">
      <c r="A9044" s="11"/>
      <c r="B9044" s="8"/>
    </row>
    <row r="9045" spans="1:2" x14ac:dyDescent="0.3">
      <c r="A9045" s="11"/>
      <c r="B9045" s="8"/>
    </row>
    <row r="9046" spans="1:2" x14ac:dyDescent="0.3">
      <c r="A9046" s="11"/>
      <c r="B9046" s="8"/>
    </row>
    <row r="9047" spans="1:2" x14ac:dyDescent="0.3">
      <c r="A9047" s="11"/>
      <c r="B9047" s="8"/>
    </row>
    <row r="9048" spans="1:2" x14ac:dyDescent="0.3">
      <c r="A9048" s="11"/>
      <c r="B9048" s="8"/>
    </row>
    <row r="9049" spans="1:2" x14ac:dyDescent="0.3">
      <c r="A9049" s="11"/>
      <c r="B9049" s="8"/>
    </row>
    <row r="9050" spans="1:2" x14ac:dyDescent="0.3">
      <c r="A9050" s="11"/>
      <c r="B9050" s="8"/>
    </row>
    <row r="9051" spans="1:2" x14ac:dyDescent="0.3">
      <c r="A9051" s="11"/>
      <c r="B9051" s="8"/>
    </row>
    <row r="9052" spans="1:2" x14ac:dyDescent="0.3">
      <c r="A9052" s="11"/>
      <c r="B9052" s="8"/>
    </row>
    <row r="9053" spans="1:2" x14ac:dyDescent="0.3">
      <c r="A9053" s="11"/>
      <c r="B9053" s="8"/>
    </row>
    <row r="9054" spans="1:2" x14ac:dyDescent="0.3">
      <c r="A9054" s="11"/>
      <c r="B9054" s="8"/>
    </row>
    <row r="9055" spans="1:2" x14ac:dyDescent="0.3">
      <c r="A9055" s="11"/>
      <c r="B9055" s="8"/>
    </row>
    <row r="9056" spans="1:2" x14ac:dyDescent="0.3">
      <c r="A9056" s="11"/>
      <c r="B9056" s="8"/>
    </row>
    <row r="9057" spans="1:2" x14ac:dyDescent="0.3">
      <c r="A9057" s="11"/>
      <c r="B9057" s="8"/>
    </row>
    <row r="9058" spans="1:2" x14ac:dyDescent="0.3">
      <c r="A9058" s="11"/>
      <c r="B9058" s="8"/>
    </row>
    <row r="9059" spans="1:2" x14ac:dyDescent="0.3">
      <c r="A9059" s="11"/>
      <c r="B9059" s="8"/>
    </row>
    <row r="9060" spans="1:2" x14ac:dyDescent="0.3">
      <c r="A9060" s="11"/>
      <c r="B9060" s="8"/>
    </row>
    <row r="9061" spans="1:2" x14ac:dyDescent="0.3">
      <c r="A9061" s="11"/>
      <c r="B9061" s="8"/>
    </row>
    <row r="9062" spans="1:2" x14ac:dyDescent="0.3">
      <c r="A9062" s="11"/>
      <c r="B9062" s="8"/>
    </row>
    <row r="9063" spans="1:2" x14ac:dyDescent="0.3">
      <c r="A9063" s="11"/>
      <c r="B9063" s="8"/>
    </row>
    <row r="9064" spans="1:2" x14ac:dyDescent="0.3">
      <c r="A9064" s="11"/>
      <c r="B9064" s="8"/>
    </row>
    <row r="9065" spans="1:2" x14ac:dyDescent="0.3">
      <c r="A9065" s="11"/>
      <c r="B9065" s="8"/>
    </row>
    <row r="9066" spans="1:2" x14ac:dyDescent="0.3">
      <c r="A9066" s="11"/>
      <c r="B9066" s="8"/>
    </row>
    <row r="9067" spans="1:2" x14ac:dyDescent="0.3">
      <c r="A9067" s="11"/>
      <c r="B9067" s="8"/>
    </row>
    <row r="9068" spans="1:2" x14ac:dyDescent="0.3">
      <c r="A9068" s="11"/>
      <c r="B9068" s="8"/>
    </row>
    <row r="9069" spans="1:2" x14ac:dyDescent="0.3">
      <c r="A9069" s="11"/>
      <c r="B9069" s="8"/>
    </row>
    <row r="9070" spans="1:2" x14ac:dyDescent="0.3">
      <c r="A9070" s="11"/>
      <c r="B9070" s="8"/>
    </row>
    <row r="9071" spans="1:2" x14ac:dyDescent="0.3">
      <c r="A9071" s="11"/>
      <c r="B9071" s="8"/>
    </row>
    <row r="9072" spans="1:2" x14ac:dyDescent="0.3">
      <c r="A9072" s="11"/>
      <c r="B9072" s="8"/>
    </row>
    <row r="9073" spans="1:2" x14ac:dyDescent="0.3">
      <c r="A9073" s="11"/>
      <c r="B9073" s="8"/>
    </row>
    <row r="9074" spans="1:2" x14ac:dyDescent="0.3">
      <c r="A9074" s="11"/>
      <c r="B9074" s="8"/>
    </row>
    <row r="9075" spans="1:2" x14ac:dyDescent="0.3">
      <c r="A9075" s="11"/>
      <c r="B9075" s="8"/>
    </row>
    <row r="9076" spans="1:2" x14ac:dyDescent="0.3">
      <c r="A9076" s="11"/>
      <c r="B9076" s="8"/>
    </row>
    <row r="9077" spans="1:2" x14ac:dyDescent="0.3">
      <c r="A9077" s="11"/>
      <c r="B9077" s="8"/>
    </row>
    <row r="9078" spans="1:2" x14ac:dyDescent="0.3">
      <c r="A9078" s="11"/>
      <c r="B9078" s="8"/>
    </row>
    <row r="9079" spans="1:2" x14ac:dyDescent="0.3">
      <c r="A9079" s="11"/>
      <c r="B9079" s="8"/>
    </row>
    <row r="9080" spans="1:2" x14ac:dyDescent="0.3">
      <c r="A9080" s="11"/>
      <c r="B9080" s="8"/>
    </row>
    <row r="9081" spans="1:2" x14ac:dyDescent="0.3">
      <c r="A9081" s="11"/>
      <c r="B9081" s="8"/>
    </row>
    <row r="9082" spans="1:2" x14ac:dyDescent="0.3">
      <c r="A9082" s="11"/>
      <c r="B9082" s="8"/>
    </row>
    <row r="9083" spans="1:2" x14ac:dyDescent="0.3">
      <c r="A9083" s="11"/>
      <c r="B9083" s="8"/>
    </row>
    <row r="9084" spans="1:2" x14ac:dyDescent="0.3">
      <c r="A9084" s="11"/>
      <c r="B9084" s="8"/>
    </row>
    <row r="9085" spans="1:2" x14ac:dyDescent="0.3">
      <c r="A9085" s="11"/>
      <c r="B9085" s="8"/>
    </row>
    <row r="9086" spans="1:2" x14ac:dyDescent="0.3">
      <c r="A9086" s="11"/>
      <c r="B9086" s="8"/>
    </row>
    <row r="9087" spans="1:2" x14ac:dyDescent="0.3">
      <c r="A9087" s="11"/>
      <c r="B9087" s="8"/>
    </row>
    <row r="9088" spans="1:2" x14ac:dyDescent="0.3">
      <c r="A9088" s="11"/>
      <c r="B9088" s="8"/>
    </row>
    <row r="9089" spans="1:2" x14ac:dyDescent="0.3">
      <c r="A9089" s="11"/>
      <c r="B9089" s="8"/>
    </row>
    <row r="9090" spans="1:2" x14ac:dyDescent="0.3">
      <c r="A9090" s="11"/>
      <c r="B9090" s="8"/>
    </row>
    <row r="9091" spans="1:2" x14ac:dyDescent="0.3">
      <c r="A9091" s="11"/>
      <c r="B9091" s="8"/>
    </row>
    <row r="9092" spans="1:2" x14ac:dyDescent="0.3">
      <c r="A9092" s="11"/>
      <c r="B9092" s="8"/>
    </row>
    <row r="9093" spans="1:2" x14ac:dyDescent="0.3">
      <c r="A9093" s="11"/>
      <c r="B9093" s="8"/>
    </row>
    <row r="9094" spans="1:2" x14ac:dyDescent="0.3">
      <c r="A9094" s="11"/>
      <c r="B9094" s="8"/>
    </row>
    <row r="9095" spans="1:2" x14ac:dyDescent="0.3">
      <c r="A9095" s="11"/>
      <c r="B9095" s="8"/>
    </row>
    <row r="9096" spans="1:2" x14ac:dyDescent="0.3">
      <c r="A9096" s="11"/>
      <c r="B9096" s="8"/>
    </row>
    <row r="9097" spans="1:2" x14ac:dyDescent="0.3">
      <c r="A9097" s="11"/>
      <c r="B9097" s="8"/>
    </row>
    <row r="9098" spans="1:2" x14ac:dyDescent="0.3">
      <c r="A9098" s="11"/>
      <c r="B9098" s="8"/>
    </row>
    <row r="9099" spans="1:2" x14ac:dyDescent="0.3">
      <c r="A9099" s="11"/>
      <c r="B9099" s="8"/>
    </row>
    <row r="9100" spans="1:2" x14ac:dyDescent="0.3">
      <c r="A9100" s="11"/>
      <c r="B9100" s="8"/>
    </row>
    <row r="9101" spans="1:2" x14ac:dyDescent="0.3">
      <c r="A9101" s="11"/>
      <c r="B9101" s="8"/>
    </row>
    <row r="9102" spans="1:2" x14ac:dyDescent="0.3">
      <c r="A9102" s="11"/>
      <c r="B9102" s="8"/>
    </row>
    <row r="9103" spans="1:2" x14ac:dyDescent="0.3">
      <c r="A9103" s="11"/>
      <c r="B9103" s="8"/>
    </row>
    <row r="9104" spans="1:2" x14ac:dyDescent="0.3">
      <c r="A9104" s="11"/>
      <c r="B9104" s="8"/>
    </row>
    <row r="9105" spans="1:2" x14ac:dyDescent="0.3">
      <c r="A9105" s="11"/>
      <c r="B9105" s="8"/>
    </row>
    <row r="9106" spans="1:2" x14ac:dyDescent="0.3">
      <c r="A9106" s="11"/>
      <c r="B9106" s="8"/>
    </row>
    <row r="9107" spans="1:2" x14ac:dyDescent="0.3">
      <c r="A9107" s="11"/>
      <c r="B9107" s="8"/>
    </row>
    <row r="9108" spans="1:2" x14ac:dyDescent="0.3">
      <c r="A9108" s="11"/>
      <c r="B9108" s="8"/>
    </row>
    <row r="9109" spans="1:2" x14ac:dyDescent="0.3">
      <c r="A9109" s="11"/>
      <c r="B9109" s="8"/>
    </row>
    <row r="9110" spans="1:2" x14ac:dyDescent="0.3">
      <c r="A9110" s="11"/>
      <c r="B9110" s="8"/>
    </row>
    <row r="9111" spans="1:2" x14ac:dyDescent="0.3">
      <c r="A9111" s="11"/>
      <c r="B9111" s="8"/>
    </row>
    <row r="9112" spans="1:2" x14ac:dyDescent="0.3">
      <c r="A9112" s="11"/>
      <c r="B9112" s="8"/>
    </row>
    <row r="9113" spans="1:2" x14ac:dyDescent="0.3">
      <c r="A9113" s="11"/>
      <c r="B9113" s="8"/>
    </row>
    <row r="9114" spans="1:2" x14ac:dyDescent="0.3">
      <c r="A9114" s="11"/>
      <c r="B9114" s="8"/>
    </row>
    <row r="9115" spans="1:2" x14ac:dyDescent="0.3">
      <c r="A9115" s="11"/>
      <c r="B9115" s="8"/>
    </row>
    <row r="9116" spans="1:2" x14ac:dyDescent="0.3">
      <c r="A9116" s="11"/>
      <c r="B9116" s="8"/>
    </row>
    <row r="9117" spans="1:2" x14ac:dyDescent="0.3">
      <c r="A9117" s="11"/>
      <c r="B9117" s="8"/>
    </row>
    <row r="9118" spans="1:2" x14ac:dyDescent="0.3">
      <c r="A9118" s="11"/>
      <c r="B9118" s="8"/>
    </row>
    <row r="9119" spans="1:2" x14ac:dyDescent="0.3">
      <c r="A9119" s="11"/>
      <c r="B9119" s="8"/>
    </row>
    <row r="9120" spans="1:2" x14ac:dyDescent="0.3">
      <c r="A9120" s="11"/>
      <c r="B9120" s="8"/>
    </row>
    <row r="9121" spans="1:2" x14ac:dyDescent="0.3">
      <c r="A9121" s="11"/>
      <c r="B9121" s="8"/>
    </row>
    <row r="9122" spans="1:2" x14ac:dyDescent="0.3">
      <c r="A9122" s="11"/>
      <c r="B9122" s="8"/>
    </row>
    <row r="9123" spans="1:2" x14ac:dyDescent="0.3">
      <c r="A9123" s="11"/>
      <c r="B9123" s="8"/>
    </row>
    <row r="9124" spans="1:2" x14ac:dyDescent="0.3">
      <c r="A9124" s="11"/>
      <c r="B9124" s="8"/>
    </row>
    <row r="9125" spans="1:2" x14ac:dyDescent="0.3">
      <c r="A9125" s="11"/>
      <c r="B9125" s="8"/>
    </row>
    <row r="9126" spans="1:2" x14ac:dyDescent="0.3">
      <c r="A9126" s="11"/>
      <c r="B9126" s="8"/>
    </row>
    <row r="9127" spans="1:2" x14ac:dyDescent="0.3">
      <c r="A9127" s="11"/>
      <c r="B9127" s="8"/>
    </row>
    <row r="9128" spans="1:2" x14ac:dyDescent="0.3">
      <c r="A9128" s="11"/>
      <c r="B9128" s="8"/>
    </row>
    <row r="9129" spans="1:2" x14ac:dyDescent="0.3">
      <c r="A9129" s="11"/>
      <c r="B9129" s="8"/>
    </row>
    <row r="9130" spans="1:2" x14ac:dyDescent="0.3">
      <c r="A9130" s="11"/>
      <c r="B9130" s="8"/>
    </row>
    <row r="9131" spans="1:2" x14ac:dyDescent="0.3">
      <c r="A9131" s="11"/>
      <c r="B9131" s="8"/>
    </row>
    <row r="9132" spans="1:2" x14ac:dyDescent="0.3">
      <c r="A9132" s="11"/>
      <c r="B9132" s="8"/>
    </row>
    <row r="9133" spans="1:2" x14ac:dyDescent="0.3">
      <c r="A9133" s="11"/>
      <c r="B9133" s="8"/>
    </row>
    <row r="9134" spans="1:2" x14ac:dyDescent="0.3">
      <c r="A9134" s="11"/>
      <c r="B9134" s="8"/>
    </row>
    <row r="9135" spans="1:2" x14ac:dyDescent="0.3">
      <c r="A9135" s="11"/>
      <c r="B9135" s="8"/>
    </row>
    <row r="9136" spans="1:2" x14ac:dyDescent="0.3">
      <c r="A9136" s="11"/>
      <c r="B9136" s="8"/>
    </row>
    <row r="9137" spans="1:2" x14ac:dyDescent="0.3">
      <c r="A9137" s="11"/>
      <c r="B9137" s="8"/>
    </row>
    <row r="9138" spans="1:2" x14ac:dyDescent="0.3">
      <c r="A9138" s="11"/>
      <c r="B9138" s="8"/>
    </row>
    <row r="9139" spans="1:2" x14ac:dyDescent="0.3">
      <c r="A9139" s="11"/>
      <c r="B9139" s="8"/>
    </row>
    <row r="9140" spans="1:2" x14ac:dyDescent="0.3">
      <c r="A9140" s="11"/>
      <c r="B9140" s="8"/>
    </row>
    <row r="9141" spans="1:2" x14ac:dyDescent="0.3">
      <c r="A9141" s="11"/>
      <c r="B9141" s="8"/>
    </row>
    <row r="9142" spans="1:2" x14ac:dyDescent="0.3">
      <c r="A9142" s="11"/>
      <c r="B9142" s="8"/>
    </row>
    <row r="9143" spans="1:2" x14ac:dyDescent="0.3">
      <c r="A9143" s="11"/>
      <c r="B9143" s="8"/>
    </row>
    <row r="9144" spans="1:2" x14ac:dyDescent="0.3">
      <c r="A9144" s="11"/>
      <c r="B9144" s="8"/>
    </row>
    <row r="9145" spans="1:2" x14ac:dyDescent="0.3">
      <c r="A9145" s="11"/>
      <c r="B9145" s="8"/>
    </row>
    <row r="9146" spans="1:2" x14ac:dyDescent="0.3">
      <c r="A9146" s="11"/>
      <c r="B9146" s="8"/>
    </row>
    <row r="9147" spans="1:2" x14ac:dyDescent="0.3">
      <c r="A9147" s="11"/>
      <c r="B9147" s="8"/>
    </row>
    <row r="9148" spans="1:2" x14ac:dyDescent="0.3">
      <c r="A9148" s="11"/>
      <c r="B9148" s="8"/>
    </row>
    <row r="9149" spans="1:2" x14ac:dyDescent="0.3">
      <c r="A9149" s="11"/>
      <c r="B9149" s="8"/>
    </row>
    <row r="9150" spans="1:2" x14ac:dyDescent="0.3">
      <c r="A9150" s="11"/>
      <c r="B9150" s="8"/>
    </row>
    <row r="9151" spans="1:2" x14ac:dyDescent="0.3">
      <c r="A9151" s="11"/>
      <c r="B9151" s="8"/>
    </row>
    <row r="9152" spans="1:2" x14ac:dyDescent="0.3">
      <c r="A9152" s="11"/>
      <c r="B9152" s="8"/>
    </row>
    <row r="9153" spans="1:2" x14ac:dyDescent="0.3">
      <c r="A9153" s="11"/>
      <c r="B9153" s="8"/>
    </row>
    <row r="9154" spans="1:2" x14ac:dyDescent="0.3">
      <c r="A9154" s="11"/>
      <c r="B9154" s="8"/>
    </row>
    <row r="9155" spans="1:2" x14ac:dyDescent="0.3">
      <c r="A9155" s="11"/>
      <c r="B9155" s="8"/>
    </row>
    <row r="9156" spans="1:2" x14ac:dyDescent="0.3">
      <c r="A9156" s="11"/>
      <c r="B9156" s="8"/>
    </row>
    <row r="9157" spans="1:2" x14ac:dyDescent="0.3">
      <c r="A9157" s="11"/>
      <c r="B9157" s="8"/>
    </row>
    <row r="9158" spans="1:2" x14ac:dyDescent="0.3">
      <c r="A9158" s="11"/>
      <c r="B9158" s="8"/>
    </row>
    <row r="9159" spans="1:2" x14ac:dyDescent="0.3">
      <c r="A9159" s="11"/>
      <c r="B9159" s="8"/>
    </row>
    <row r="9160" spans="1:2" x14ac:dyDescent="0.3">
      <c r="A9160" s="11"/>
      <c r="B9160" s="8"/>
    </row>
    <row r="9161" spans="1:2" x14ac:dyDescent="0.3">
      <c r="A9161" s="11"/>
      <c r="B9161" s="8"/>
    </row>
    <row r="9162" spans="1:2" x14ac:dyDescent="0.3">
      <c r="A9162" s="11"/>
      <c r="B9162" s="8"/>
    </row>
    <row r="9163" spans="1:2" x14ac:dyDescent="0.3">
      <c r="A9163" s="11"/>
      <c r="B9163" s="8"/>
    </row>
    <row r="9164" spans="1:2" x14ac:dyDescent="0.3">
      <c r="A9164" s="11"/>
      <c r="B9164" s="8"/>
    </row>
    <row r="9165" spans="1:2" x14ac:dyDescent="0.3">
      <c r="A9165" s="11"/>
      <c r="B9165" s="8"/>
    </row>
    <row r="9166" spans="1:2" x14ac:dyDescent="0.3">
      <c r="A9166" s="11"/>
      <c r="B9166" s="8"/>
    </row>
    <row r="9167" spans="1:2" x14ac:dyDescent="0.3">
      <c r="A9167" s="11"/>
      <c r="B9167" s="8"/>
    </row>
    <row r="9168" spans="1:2" x14ac:dyDescent="0.3">
      <c r="A9168" s="11"/>
      <c r="B9168" s="8"/>
    </row>
    <row r="9169" spans="1:2" x14ac:dyDescent="0.3">
      <c r="A9169" s="11"/>
      <c r="B9169" s="8"/>
    </row>
    <row r="9170" spans="1:2" x14ac:dyDescent="0.3">
      <c r="A9170" s="11"/>
      <c r="B9170" s="8"/>
    </row>
    <row r="9171" spans="1:2" x14ac:dyDescent="0.3">
      <c r="A9171" s="11"/>
      <c r="B9171" s="8"/>
    </row>
    <row r="9172" spans="1:2" x14ac:dyDescent="0.3">
      <c r="A9172" s="11"/>
      <c r="B9172" s="8"/>
    </row>
    <row r="9173" spans="1:2" x14ac:dyDescent="0.3">
      <c r="A9173" s="11"/>
      <c r="B9173" s="8"/>
    </row>
    <row r="9174" spans="1:2" x14ac:dyDescent="0.3">
      <c r="A9174" s="11"/>
      <c r="B9174" s="8"/>
    </row>
    <row r="9175" spans="1:2" x14ac:dyDescent="0.3">
      <c r="A9175" s="11"/>
      <c r="B9175" s="8"/>
    </row>
    <row r="9176" spans="1:2" x14ac:dyDescent="0.3">
      <c r="A9176" s="11"/>
      <c r="B9176" s="8"/>
    </row>
    <row r="9177" spans="1:2" x14ac:dyDescent="0.3">
      <c r="A9177" s="11"/>
      <c r="B9177" s="8"/>
    </row>
    <row r="9178" spans="1:2" x14ac:dyDescent="0.3">
      <c r="A9178" s="11"/>
      <c r="B9178" s="8"/>
    </row>
    <row r="9179" spans="1:2" x14ac:dyDescent="0.3">
      <c r="A9179" s="11"/>
      <c r="B9179" s="8"/>
    </row>
    <row r="9180" spans="1:2" x14ac:dyDescent="0.3">
      <c r="A9180" s="11"/>
      <c r="B9180" s="8"/>
    </row>
    <row r="9181" spans="1:2" x14ac:dyDescent="0.3">
      <c r="A9181" s="11"/>
      <c r="B9181" s="8"/>
    </row>
    <row r="9182" spans="1:2" x14ac:dyDescent="0.3">
      <c r="A9182" s="11"/>
      <c r="B9182" s="8"/>
    </row>
    <row r="9183" spans="1:2" x14ac:dyDescent="0.3">
      <c r="A9183" s="11"/>
      <c r="B9183" s="8"/>
    </row>
    <row r="9184" spans="1:2" x14ac:dyDescent="0.3">
      <c r="A9184" s="11"/>
      <c r="B9184" s="8"/>
    </row>
    <row r="9185" spans="1:2" x14ac:dyDescent="0.3">
      <c r="A9185" s="11"/>
      <c r="B9185" s="8"/>
    </row>
    <row r="9186" spans="1:2" x14ac:dyDescent="0.3">
      <c r="A9186" s="11"/>
      <c r="B9186" s="8"/>
    </row>
    <row r="9187" spans="1:2" x14ac:dyDescent="0.3">
      <c r="A9187" s="11"/>
      <c r="B9187" s="8"/>
    </row>
    <row r="9188" spans="1:2" x14ac:dyDescent="0.3">
      <c r="A9188" s="11"/>
      <c r="B9188" s="8"/>
    </row>
    <row r="9189" spans="1:2" x14ac:dyDescent="0.3">
      <c r="A9189" s="11"/>
      <c r="B9189" s="8"/>
    </row>
    <row r="9190" spans="1:2" x14ac:dyDescent="0.3">
      <c r="A9190" s="11"/>
      <c r="B9190" s="8"/>
    </row>
    <row r="9191" spans="1:2" x14ac:dyDescent="0.3">
      <c r="A9191" s="11"/>
      <c r="B9191" s="8"/>
    </row>
    <row r="9192" spans="1:2" x14ac:dyDescent="0.3">
      <c r="A9192" s="11"/>
      <c r="B9192" s="8"/>
    </row>
    <row r="9193" spans="1:2" x14ac:dyDescent="0.3">
      <c r="A9193" s="11"/>
      <c r="B9193" s="8"/>
    </row>
    <row r="9194" spans="1:2" x14ac:dyDescent="0.3">
      <c r="A9194" s="11"/>
      <c r="B9194" s="8"/>
    </row>
    <row r="9195" spans="1:2" x14ac:dyDescent="0.3">
      <c r="A9195" s="11"/>
      <c r="B9195" s="8"/>
    </row>
    <row r="9196" spans="1:2" x14ac:dyDescent="0.3">
      <c r="A9196" s="11"/>
      <c r="B9196" s="8"/>
    </row>
    <row r="9197" spans="1:2" x14ac:dyDescent="0.3">
      <c r="A9197" s="11"/>
      <c r="B9197" s="8"/>
    </row>
    <row r="9198" spans="1:2" x14ac:dyDescent="0.3">
      <c r="A9198" s="11"/>
      <c r="B9198" s="8"/>
    </row>
    <row r="9199" spans="1:2" x14ac:dyDescent="0.3">
      <c r="A9199" s="11"/>
      <c r="B9199" s="8"/>
    </row>
    <row r="9200" spans="1:2" x14ac:dyDescent="0.3">
      <c r="A9200" s="11"/>
      <c r="B9200" s="8"/>
    </row>
    <row r="9201" spans="1:2" x14ac:dyDescent="0.3">
      <c r="A9201" s="11"/>
      <c r="B9201" s="8"/>
    </row>
    <row r="9202" spans="1:2" x14ac:dyDescent="0.3">
      <c r="A9202" s="11"/>
      <c r="B9202" s="8"/>
    </row>
    <row r="9203" spans="1:2" x14ac:dyDescent="0.3">
      <c r="A9203" s="11"/>
      <c r="B9203" s="8"/>
    </row>
    <row r="9204" spans="1:2" x14ac:dyDescent="0.3">
      <c r="A9204" s="11"/>
      <c r="B9204" s="8"/>
    </row>
    <row r="9205" spans="1:2" x14ac:dyDescent="0.3">
      <c r="A9205" s="11"/>
      <c r="B9205" s="8"/>
    </row>
    <row r="9206" spans="1:2" x14ac:dyDescent="0.3">
      <c r="A9206" s="11"/>
      <c r="B9206" s="8"/>
    </row>
    <row r="9207" spans="1:2" x14ac:dyDescent="0.3">
      <c r="A9207" s="11"/>
      <c r="B9207" s="8"/>
    </row>
    <row r="9208" spans="1:2" x14ac:dyDescent="0.3">
      <c r="A9208" s="11"/>
      <c r="B9208" s="8"/>
    </row>
    <row r="9209" spans="1:2" x14ac:dyDescent="0.3">
      <c r="A9209" s="11"/>
      <c r="B9209" s="8"/>
    </row>
    <row r="9210" spans="1:2" x14ac:dyDescent="0.3">
      <c r="A9210" s="11"/>
      <c r="B9210" s="8"/>
    </row>
    <row r="9211" spans="1:2" x14ac:dyDescent="0.3">
      <c r="A9211" s="11"/>
      <c r="B9211" s="8"/>
    </row>
    <row r="9212" spans="1:2" x14ac:dyDescent="0.3">
      <c r="A9212" s="11"/>
      <c r="B9212" s="8"/>
    </row>
    <row r="9213" spans="1:2" x14ac:dyDescent="0.3">
      <c r="A9213" s="11"/>
      <c r="B9213" s="8"/>
    </row>
    <row r="9214" spans="1:2" x14ac:dyDescent="0.3">
      <c r="A9214" s="11"/>
      <c r="B9214" s="8"/>
    </row>
    <row r="9215" spans="1:2" x14ac:dyDescent="0.3">
      <c r="A9215" s="11"/>
      <c r="B9215" s="8"/>
    </row>
    <row r="9216" spans="1:2" x14ac:dyDescent="0.3">
      <c r="A9216" s="11"/>
      <c r="B9216" s="8"/>
    </row>
    <row r="9217" spans="1:2" x14ac:dyDescent="0.3">
      <c r="A9217" s="11"/>
      <c r="B9217" s="8"/>
    </row>
    <row r="9218" spans="1:2" x14ac:dyDescent="0.3">
      <c r="A9218" s="11"/>
      <c r="B9218" s="8"/>
    </row>
    <row r="9219" spans="1:2" x14ac:dyDescent="0.3">
      <c r="A9219" s="11"/>
      <c r="B9219" s="8"/>
    </row>
    <row r="9220" spans="1:2" x14ac:dyDescent="0.3">
      <c r="A9220" s="11"/>
      <c r="B9220" s="8"/>
    </row>
    <row r="9221" spans="1:2" x14ac:dyDescent="0.3">
      <c r="A9221" s="11"/>
      <c r="B9221" s="8"/>
    </row>
    <row r="9222" spans="1:2" x14ac:dyDescent="0.3">
      <c r="A9222" s="11"/>
      <c r="B9222" s="8"/>
    </row>
    <row r="9223" spans="1:2" x14ac:dyDescent="0.3">
      <c r="A9223" s="11"/>
      <c r="B9223" s="8"/>
    </row>
    <row r="9224" spans="1:2" x14ac:dyDescent="0.3">
      <c r="A9224" s="11"/>
      <c r="B9224" s="8"/>
    </row>
    <row r="9225" spans="1:2" x14ac:dyDescent="0.3">
      <c r="A9225" s="11"/>
      <c r="B9225" s="8"/>
    </row>
    <row r="9226" spans="1:2" x14ac:dyDescent="0.3">
      <c r="A9226" s="11"/>
      <c r="B9226" s="8"/>
    </row>
    <row r="9227" spans="1:2" x14ac:dyDescent="0.3">
      <c r="A9227" s="11"/>
      <c r="B9227" s="8"/>
    </row>
    <row r="9228" spans="1:2" x14ac:dyDescent="0.3">
      <c r="A9228" s="11"/>
      <c r="B9228" s="8"/>
    </row>
    <row r="9229" spans="1:2" x14ac:dyDescent="0.3">
      <c r="A9229" s="11"/>
      <c r="B9229" s="8"/>
    </row>
    <row r="9230" spans="1:2" x14ac:dyDescent="0.3">
      <c r="A9230" s="11"/>
      <c r="B9230" s="8"/>
    </row>
    <row r="9231" spans="1:2" x14ac:dyDescent="0.3">
      <c r="A9231" s="11"/>
      <c r="B9231" s="8"/>
    </row>
    <row r="9232" spans="1:2" x14ac:dyDescent="0.3">
      <c r="A9232" s="11"/>
      <c r="B9232" s="8"/>
    </row>
    <row r="9233" spans="1:2" x14ac:dyDescent="0.3">
      <c r="A9233" s="11"/>
      <c r="B9233" s="8"/>
    </row>
    <row r="9234" spans="1:2" x14ac:dyDescent="0.3">
      <c r="A9234" s="11"/>
      <c r="B9234" s="8"/>
    </row>
    <row r="9235" spans="1:2" x14ac:dyDescent="0.3">
      <c r="A9235" s="11"/>
      <c r="B9235" s="8"/>
    </row>
    <row r="9236" spans="1:2" x14ac:dyDescent="0.3">
      <c r="A9236" s="11"/>
      <c r="B9236" s="8"/>
    </row>
    <row r="9237" spans="1:2" x14ac:dyDescent="0.3">
      <c r="A9237" s="11"/>
      <c r="B9237" s="8"/>
    </row>
    <row r="9238" spans="1:2" x14ac:dyDescent="0.3">
      <c r="A9238" s="11"/>
      <c r="B9238" s="8"/>
    </row>
    <row r="9239" spans="1:2" x14ac:dyDescent="0.3">
      <c r="A9239" s="11"/>
      <c r="B9239" s="8"/>
    </row>
    <row r="9240" spans="1:2" x14ac:dyDescent="0.3">
      <c r="A9240" s="11"/>
      <c r="B9240" s="8"/>
    </row>
    <row r="9241" spans="1:2" x14ac:dyDescent="0.3">
      <c r="A9241" s="11"/>
      <c r="B9241" s="8"/>
    </row>
    <row r="9242" spans="1:2" x14ac:dyDescent="0.3">
      <c r="A9242" s="11"/>
      <c r="B9242" s="8"/>
    </row>
    <row r="9243" spans="1:2" x14ac:dyDescent="0.3">
      <c r="A9243" s="11"/>
      <c r="B9243" s="8"/>
    </row>
    <row r="9244" spans="1:2" x14ac:dyDescent="0.3">
      <c r="A9244" s="11"/>
      <c r="B9244" s="8"/>
    </row>
    <row r="9245" spans="1:2" x14ac:dyDescent="0.3">
      <c r="A9245" s="11"/>
      <c r="B9245" s="8"/>
    </row>
    <row r="9246" spans="1:2" x14ac:dyDescent="0.3">
      <c r="A9246" s="11"/>
      <c r="B9246" s="8"/>
    </row>
    <row r="9247" spans="1:2" x14ac:dyDescent="0.3">
      <c r="A9247" s="11"/>
      <c r="B9247" s="8"/>
    </row>
    <row r="9248" spans="1:2" x14ac:dyDescent="0.3">
      <c r="A9248" s="11"/>
      <c r="B9248" s="8"/>
    </row>
    <row r="9249" spans="1:2" x14ac:dyDescent="0.3">
      <c r="A9249" s="11"/>
      <c r="B9249" s="8"/>
    </row>
    <row r="9250" spans="1:2" x14ac:dyDescent="0.3">
      <c r="A9250" s="11"/>
      <c r="B9250" s="8"/>
    </row>
    <row r="9251" spans="1:2" x14ac:dyDescent="0.3">
      <c r="A9251" s="11"/>
      <c r="B9251" s="8"/>
    </row>
    <row r="9252" spans="1:2" x14ac:dyDescent="0.3">
      <c r="A9252" s="11"/>
      <c r="B9252" s="8"/>
    </row>
    <row r="9253" spans="1:2" x14ac:dyDescent="0.3">
      <c r="A9253" s="11"/>
      <c r="B9253" s="8"/>
    </row>
    <row r="9254" spans="1:2" x14ac:dyDescent="0.3">
      <c r="A9254" s="11"/>
      <c r="B9254" s="8"/>
    </row>
    <row r="9255" spans="1:2" x14ac:dyDescent="0.3">
      <c r="A9255" s="11"/>
      <c r="B9255" s="8"/>
    </row>
    <row r="9256" spans="1:2" x14ac:dyDescent="0.3">
      <c r="A9256" s="11"/>
      <c r="B9256" s="8"/>
    </row>
    <row r="9257" spans="1:2" x14ac:dyDescent="0.3">
      <c r="A9257" s="11"/>
      <c r="B9257" s="8"/>
    </row>
    <row r="9258" spans="1:2" x14ac:dyDescent="0.3">
      <c r="A9258" s="11"/>
      <c r="B9258" s="8"/>
    </row>
    <row r="9259" spans="1:2" x14ac:dyDescent="0.3">
      <c r="A9259" s="11"/>
      <c r="B9259" s="8"/>
    </row>
    <row r="9260" spans="1:2" x14ac:dyDescent="0.3">
      <c r="A9260" s="11"/>
      <c r="B9260" s="8"/>
    </row>
    <row r="9261" spans="1:2" x14ac:dyDescent="0.3">
      <c r="A9261" s="11"/>
      <c r="B9261" s="8"/>
    </row>
    <row r="9262" spans="1:2" x14ac:dyDescent="0.3">
      <c r="A9262" s="11"/>
      <c r="B9262" s="8"/>
    </row>
    <row r="9263" spans="1:2" x14ac:dyDescent="0.3">
      <c r="A9263" s="11"/>
      <c r="B9263" s="8"/>
    </row>
    <row r="9264" spans="1:2" x14ac:dyDescent="0.3">
      <c r="A9264" s="11"/>
      <c r="B9264" s="8"/>
    </row>
    <row r="9265" spans="1:2" x14ac:dyDescent="0.3">
      <c r="A9265" s="11"/>
      <c r="B9265" s="8"/>
    </row>
    <row r="9266" spans="1:2" x14ac:dyDescent="0.3">
      <c r="A9266" s="11"/>
      <c r="B9266" s="8"/>
    </row>
    <row r="9267" spans="1:2" x14ac:dyDescent="0.3">
      <c r="A9267" s="11"/>
      <c r="B9267" s="8"/>
    </row>
    <row r="9268" spans="1:2" x14ac:dyDescent="0.3">
      <c r="A9268" s="11"/>
      <c r="B9268" s="8"/>
    </row>
    <row r="9269" spans="1:2" x14ac:dyDescent="0.3">
      <c r="A9269" s="11"/>
      <c r="B9269" s="8"/>
    </row>
    <row r="9270" spans="1:2" x14ac:dyDescent="0.3">
      <c r="A9270" s="11"/>
      <c r="B9270" s="8"/>
    </row>
    <row r="9271" spans="1:2" x14ac:dyDescent="0.3">
      <c r="A9271" s="11"/>
      <c r="B9271" s="8"/>
    </row>
    <row r="9272" spans="1:2" x14ac:dyDescent="0.3">
      <c r="A9272" s="11"/>
      <c r="B9272" s="8"/>
    </row>
    <row r="9273" spans="1:2" x14ac:dyDescent="0.3">
      <c r="A9273" s="11"/>
      <c r="B9273" s="8"/>
    </row>
    <row r="9274" spans="1:2" x14ac:dyDescent="0.3">
      <c r="A9274" s="11"/>
      <c r="B9274" s="8"/>
    </row>
    <row r="9275" spans="1:2" x14ac:dyDescent="0.3">
      <c r="A9275" s="11"/>
      <c r="B9275" s="8"/>
    </row>
    <row r="9276" spans="1:2" x14ac:dyDescent="0.3">
      <c r="A9276" s="11"/>
      <c r="B9276" s="8"/>
    </row>
    <row r="9277" spans="1:2" x14ac:dyDescent="0.3">
      <c r="A9277" s="11"/>
      <c r="B9277" s="8"/>
    </row>
    <row r="9278" spans="1:2" x14ac:dyDescent="0.3">
      <c r="A9278" s="11"/>
      <c r="B9278" s="8"/>
    </row>
    <row r="9279" spans="1:2" x14ac:dyDescent="0.3">
      <c r="A9279" s="11"/>
      <c r="B9279" s="8"/>
    </row>
    <row r="9280" spans="1:2" x14ac:dyDescent="0.3">
      <c r="A9280" s="11"/>
      <c r="B9280" s="8"/>
    </row>
    <row r="9281" spans="1:2" x14ac:dyDescent="0.3">
      <c r="A9281" s="11"/>
      <c r="B9281" s="8"/>
    </row>
    <row r="9282" spans="1:2" x14ac:dyDescent="0.3">
      <c r="A9282" s="11"/>
      <c r="B9282" s="8"/>
    </row>
    <row r="9283" spans="1:2" x14ac:dyDescent="0.3">
      <c r="A9283" s="11"/>
      <c r="B9283" s="8"/>
    </row>
    <row r="9284" spans="1:2" x14ac:dyDescent="0.3">
      <c r="A9284" s="11"/>
      <c r="B9284" s="8"/>
    </row>
    <row r="9285" spans="1:2" x14ac:dyDescent="0.3">
      <c r="A9285" s="11"/>
      <c r="B9285" s="8"/>
    </row>
    <row r="9286" spans="1:2" x14ac:dyDescent="0.3">
      <c r="A9286" s="11"/>
      <c r="B9286" s="8"/>
    </row>
    <row r="9287" spans="1:2" x14ac:dyDescent="0.3">
      <c r="A9287" s="11"/>
      <c r="B9287" s="8"/>
    </row>
    <row r="9288" spans="1:2" x14ac:dyDescent="0.3">
      <c r="A9288" s="11"/>
      <c r="B9288" s="8"/>
    </row>
    <row r="9289" spans="1:2" x14ac:dyDescent="0.3">
      <c r="A9289" s="11"/>
      <c r="B9289" s="8"/>
    </row>
    <row r="9290" spans="1:2" x14ac:dyDescent="0.3">
      <c r="A9290" s="11"/>
      <c r="B9290" s="8"/>
    </row>
    <row r="9291" spans="1:2" x14ac:dyDescent="0.3">
      <c r="A9291" s="11"/>
      <c r="B9291" s="8"/>
    </row>
    <row r="9292" spans="1:2" x14ac:dyDescent="0.3">
      <c r="A9292" s="11"/>
      <c r="B9292" s="8"/>
    </row>
    <row r="9293" spans="1:2" x14ac:dyDescent="0.3">
      <c r="A9293" s="11"/>
      <c r="B9293" s="8"/>
    </row>
    <row r="9294" spans="1:2" x14ac:dyDescent="0.3">
      <c r="A9294" s="11"/>
      <c r="B9294" s="8"/>
    </row>
    <row r="9295" spans="1:2" x14ac:dyDescent="0.3">
      <c r="A9295" s="11"/>
      <c r="B9295" s="8"/>
    </row>
    <row r="9296" spans="1:2" x14ac:dyDescent="0.3">
      <c r="A9296" s="11"/>
      <c r="B9296" s="8"/>
    </row>
    <row r="9297" spans="1:2" x14ac:dyDescent="0.3">
      <c r="A9297" s="11"/>
      <c r="B9297" s="8"/>
    </row>
    <row r="9298" spans="1:2" x14ac:dyDescent="0.3">
      <c r="A9298" s="11"/>
      <c r="B9298" s="8"/>
    </row>
    <row r="9299" spans="1:2" x14ac:dyDescent="0.3">
      <c r="A9299" s="11"/>
      <c r="B9299" s="8"/>
    </row>
    <row r="9300" spans="1:2" x14ac:dyDescent="0.3">
      <c r="A9300" s="11"/>
      <c r="B9300" s="8"/>
    </row>
    <row r="9301" spans="1:2" x14ac:dyDescent="0.3">
      <c r="A9301" s="11"/>
      <c r="B9301" s="8"/>
    </row>
    <row r="9302" spans="1:2" x14ac:dyDescent="0.3">
      <c r="A9302" s="11"/>
      <c r="B9302" s="8"/>
    </row>
    <row r="9303" spans="1:2" x14ac:dyDescent="0.3">
      <c r="A9303" s="11"/>
      <c r="B9303" s="8"/>
    </row>
    <row r="9304" spans="1:2" x14ac:dyDescent="0.3">
      <c r="A9304" s="11"/>
      <c r="B9304" s="8"/>
    </row>
    <row r="9305" spans="1:2" x14ac:dyDescent="0.3">
      <c r="A9305" s="11"/>
      <c r="B9305" s="8"/>
    </row>
    <row r="9306" spans="1:2" x14ac:dyDescent="0.3">
      <c r="A9306" s="11"/>
      <c r="B9306" s="8"/>
    </row>
    <row r="9307" spans="1:2" x14ac:dyDescent="0.3">
      <c r="A9307" s="11"/>
      <c r="B9307" s="8"/>
    </row>
    <row r="9308" spans="1:2" x14ac:dyDescent="0.3">
      <c r="A9308" s="11"/>
      <c r="B9308" s="8"/>
    </row>
    <row r="9309" spans="1:2" x14ac:dyDescent="0.3">
      <c r="A9309" s="11"/>
      <c r="B9309" s="8"/>
    </row>
    <row r="9310" spans="1:2" x14ac:dyDescent="0.3">
      <c r="A9310" s="11"/>
      <c r="B9310" s="8"/>
    </row>
    <row r="9311" spans="1:2" x14ac:dyDescent="0.3">
      <c r="A9311" s="11"/>
      <c r="B9311" s="8"/>
    </row>
    <row r="9312" spans="1:2" x14ac:dyDescent="0.3">
      <c r="A9312" s="11"/>
      <c r="B9312" s="8"/>
    </row>
    <row r="9313" spans="1:2" x14ac:dyDescent="0.3">
      <c r="A9313" s="11"/>
      <c r="B9313" s="8"/>
    </row>
    <row r="9314" spans="1:2" x14ac:dyDescent="0.3">
      <c r="A9314" s="11"/>
      <c r="B9314" s="8"/>
    </row>
    <row r="9315" spans="1:2" x14ac:dyDescent="0.3">
      <c r="A9315" s="11"/>
      <c r="B9315" s="8"/>
    </row>
    <row r="9316" spans="1:2" x14ac:dyDescent="0.3">
      <c r="A9316" s="11"/>
      <c r="B9316" s="8"/>
    </row>
    <row r="9317" spans="1:2" x14ac:dyDescent="0.3">
      <c r="A9317" s="11"/>
      <c r="B9317" s="8"/>
    </row>
    <row r="9318" spans="1:2" x14ac:dyDescent="0.3">
      <c r="A9318" s="11"/>
      <c r="B9318" s="8"/>
    </row>
    <row r="9319" spans="1:2" x14ac:dyDescent="0.3">
      <c r="A9319" s="11"/>
      <c r="B9319" s="8"/>
    </row>
    <row r="9320" spans="1:2" x14ac:dyDescent="0.3">
      <c r="A9320" s="11"/>
      <c r="B9320" s="8"/>
    </row>
    <row r="9321" spans="1:2" x14ac:dyDescent="0.3">
      <c r="A9321" s="11"/>
      <c r="B9321" s="8"/>
    </row>
    <row r="9322" spans="1:2" x14ac:dyDescent="0.3">
      <c r="A9322" s="11"/>
      <c r="B9322" s="8"/>
    </row>
    <row r="9323" spans="1:2" x14ac:dyDescent="0.3">
      <c r="A9323" s="11"/>
      <c r="B9323" s="8"/>
    </row>
    <row r="9324" spans="1:2" x14ac:dyDescent="0.3">
      <c r="A9324" s="11"/>
      <c r="B9324" s="8"/>
    </row>
    <row r="9325" spans="1:2" x14ac:dyDescent="0.3">
      <c r="A9325" s="11"/>
      <c r="B9325" s="8"/>
    </row>
    <row r="9326" spans="1:2" x14ac:dyDescent="0.3">
      <c r="A9326" s="11"/>
      <c r="B9326" s="8"/>
    </row>
    <row r="9327" spans="1:2" x14ac:dyDescent="0.3">
      <c r="A9327" s="11"/>
      <c r="B9327" s="8"/>
    </row>
    <row r="9328" spans="1:2" x14ac:dyDescent="0.3">
      <c r="A9328" s="11"/>
      <c r="B9328" s="8"/>
    </row>
    <row r="9329" spans="1:2" x14ac:dyDescent="0.3">
      <c r="A9329" s="11"/>
      <c r="B9329" s="8"/>
    </row>
    <row r="9330" spans="1:2" x14ac:dyDescent="0.3">
      <c r="A9330" s="11"/>
      <c r="B9330" s="8"/>
    </row>
    <row r="9331" spans="1:2" x14ac:dyDescent="0.3">
      <c r="A9331" s="11"/>
      <c r="B9331" s="8"/>
    </row>
    <row r="9332" spans="1:2" x14ac:dyDescent="0.3">
      <c r="A9332" s="11"/>
      <c r="B9332" s="8"/>
    </row>
    <row r="9333" spans="1:2" x14ac:dyDescent="0.3">
      <c r="A9333" s="11"/>
      <c r="B9333" s="8"/>
    </row>
    <row r="9334" spans="1:2" x14ac:dyDescent="0.3">
      <c r="A9334" s="11"/>
      <c r="B9334" s="8"/>
    </row>
    <row r="9335" spans="1:2" x14ac:dyDescent="0.3">
      <c r="A9335" s="11"/>
      <c r="B9335" s="8"/>
    </row>
    <row r="9336" spans="1:2" x14ac:dyDescent="0.3">
      <c r="A9336" s="11"/>
      <c r="B9336" s="8"/>
    </row>
    <row r="9337" spans="1:2" x14ac:dyDescent="0.3">
      <c r="A9337" s="11"/>
      <c r="B9337" s="8"/>
    </row>
    <row r="9338" spans="1:2" x14ac:dyDescent="0.3">
      <c r="A9338" s="11"/>
      <c r="B9338" s="8"/>
    </row>
    <row r="9339" spans="1:2" x14ac:dyDescent="0.3">
      <c r="A9339" s="11"/>
      <c r="B9339" s="8"/>
    </row>
    <row r="9340" spans="1:2" x14ac:dyDescent="0.3">
      <c r="A9340" s="11"/>
      <c r="B9340" s="8"/>
    </row>
    <row r="9341" spans="1:2" x14ac:dyDescent="0.3">
      <c r="A9341" s="11"/>
      <c r="B9341" s="8"/>
    </row>
    <row r="9342" spans="1:2" x14ac:dyDescent="0.3">
      <c r="A9342" s="11"/>
      <c r="B9342" s="8"/>
    </row>
    <row r="9343" spans="1:2" x14ac:dyDescent="0.3">
      <c r="A9343" s="11"/>
      <c r="B9343" s="8"/>
    </row>
    <row r="9344" spans="1:2" x14ac:dyDescent="0.3">
      <c r="A9344" s="11"/>
      <c r="B9344" s="8"/>
    </row>
    <row r="9345" spans="1:2" x14ac:dyDescent="0.3">
      <c r="A9345" s="11"/>
      <c r="B9345" s="8"/>
    </row>
    <row r="9346" spans="1:2" x14ac:dyDescent="0.3">
      <c r="A9346" s="11"/>
      <c r="B9346" s="8"/>
    </row>
    <row r="9347" spans="1:2" x14ac:dyDescent="0.3">
      <c r="A9347" s="11"/>
      <c r="B9347" s="8"/>
    </row>
    <row r="9348" spans="1:2" x14ac:dyDescent="0.3">
      <c r="A9348" s="11"/>
      <c r="B9348" s="8"/>
    </row>
    <row r="9349" spans="1:2" x14ac:dyDescent="0.3">
      <c r="A9349" s="11"/>
      <c r="B9349" s="8"/>
    </row>
    <row r="9350" spans="1:2" x14ac:dyDescent="0.3">
      <c r="A9350" s="11"/>
      <c r="B9350" s="8"/>
    </row>
    <row r="9351" spans="1:2" x14ac:dyDescent="0.3">
      <c r="A9351" s="11"/>
      <c r="B9351" s="8"/>
    </row>
    <row r="9352" spans="1:2" x14ac:dyDescent="0.3">
      <c r="A9352" s="11"/>
      <c r="B9352" s="8"/>
    </row>
    <row r="9353" spans="1:2" x14ac:dyDescent="0.3">
      <c r="A9353" s="11"/>
      <c r="B9353" s="8"/>
    </row>
    <row r="9354" spans="1:2" x14ac:dyDescent="0.3">
      <c r="A9354" s="11"/>
      <c r="B9354" s="8"/>
    </row>
    <row r="9355" spans="1:2" x14ac:dyDescent="0.3">
      <c r="A9355" s="11"/>
      <c r="B9355" s="8"/>
    </row>
    <row r="9356" spans="1:2" x14ac:dyDescent="0.3">
      <c r="A9356" s="11"/>
      <c r="B9356" s="8"/>
    </row>
    <row r="9357" spans="1:2" x14ac:dyDescent="0.3">
      <c r="A9357" s="11"/>
      <c r="B9357" s="8"/>
    </row>
    <row r="9358" spans="1:2" x14ac:dyDescent="0.3">
      <c r="A9358" s="11"/>
      <c r="B9358" s="8"/>
    </row>
    <row r="9359" spans="1:2" x14ac:dyDescent="0.3">
      <c r="A9359" s="11"/>
      <c r="B9359" s="8"/>
    </row>
    <row r="9360" spans="1:2" x14ac:dyDescent="0.3">
      <c r="A9360" s="11"/>
      <c r="B9360" s="8"/>
    </row>
    <row r="9361" spans="1:2" x14ac:dyDescent="0.3">
      <c r="A9361" s="11"/>
      <c r="B9361" s="8"/>
    </row>
    <row r="9362" spans="1:2" x14ac:dyDescent="0.3">
      <c r="A9362" s="11"/>
      <c r="B9362" s="8"/>
    </row>
    <row r="9363" spans="1:2" x14ac:dyDescent="0.3">
      <c r="A9363" s="11"/>
      <c r="B9363" s="8"/>
    </row>
    <row r="9364" spans="1:2" x14ac:dyDescent="0.3">
      <c r="A9364" s="11"/>
      <c r="B9364" s="8"/>
    </row>
    <row r="9365" spans="1:2" x14ac:dyDescent="0.3">
      <c r="A9365" s="11"/>
      <c r="B9365" s="8"/>
    </row>
    <row r="9366" spans="1:2" x14ac:dyDescent="0.3">
      <c r="A9366" s="11"/>
      <c r="B9366" s="8"/>
    </row>
    <row r="9367" spans="1:2" x14ac:dyDescent="0.3">
      <c r="A9367" s="11"/>
      <c r="B9367" s="8"/>
    </row>
    <row r="9368" spans="1:2" x14ac:dyDescent="0.3">
      <c r="A9368" s="11"/>
      <c r="B9368" s="8"/>
    </row>
    <row r="9369" spans="1:2" x14ac:dyDescent="0.3">
      <c r="A9369" s="11"/>
      <c r="B9369" s="8"/>
    </row>
    <row r="9370" spans="1:2" x14ac:dyDescent="0.3">
      <c r="A9370" s="11"/>
      <c r="B9370" s="8"/>
    </row>
    <row r="9371" spans="1:2" x14ac:dyDescent="0.3">
      <c r="A9371" s="11"/>
      <c r="B9371" s="8"/>
    </row>
    <row r="9372" spans="1:2" x14ac:dyDescent="0.3">
      <c r="A9372" s="11"/>
      <c r="B9372" s="8"/>
    </row>
    <row r="9373" spans="1:2" x14ac:dyDescent="0.3">
      <c r="A9373" s="11"/>
      <c r="B9373" s="8"/>
    </row>
    <row r="9374" spans="1:2" x14ac:dyDescent="0.3">
      <c r="A9374" s="11"/>
      <c r="B9374" s="8"/>
    </row>
    <row r="9375" spans="1:2" x14ac:dyDescent="0.3">
      <c r="A9375" s="11"/>
      <c r="B9375" s="8"/>
    </row>
    <row r="9376" spans="1:2" x14ac:dyDescent="0.3">
      <c r="A9376" s="11"/>
      <c r="B9376" s="8"/>
    </row>
    <row r="9377" spans="1:2" x14ac:dyDescent="0.3">
      <c r="A9377" s="11"/>
      <c r="B9377" s="8"/>
    </row>
    <row r="9378" spans="1:2" x14ac:dyDescent="0.3">
      <c r="A9378" s="11"/>
      <c r="B9378" s="8"/>
    </row>
    <row r="9379" spans="1:2" x14ac:dyDescent="0.3">
      <c r="A9379" s="11"/>
      <c r="B9379" s="8"/>
    </row>
    <row r="9380" spans="1:2" x14ac:dyDescent="0.3">
      <c r="A9380" s="11"/>
      <c r="B9380" s="8"/>
    </row>
    <row r="9381" spans="1:2" x14ac:dyDescent="0.3">
      <c r="A9381" s="11"/>
      <c r="B9381" s="8"/>
    </row>
    <row r="9382" spans="1:2" x14ac:dyDescent="0.3">
      <c r="A9382" s="11"/>
      <c r="B9382" s="8"/>
    </row>
    <row r="9383" spans="1:2" x14ac:dyDescent="0.3">
      <c r="A9383" s="11"/>
      <c r="B9383" s="8"/>
    </row>
    <row r="9384" spans="1:2" x14ac:dyDescent="0.3">
      <c r="A9384" s="11"/>
      <c r="B9384" s="8"/>
    </row>
    <row r="9385" spans="1:2" x14ac:dyDescent="0.3">
      <c r="A9385" s="11"/>
      <c r="B9385" s="8"/>
    </row>
    <row r="9386" spans="1:2" x14ac:dyDescent="0.3">
      <c r="A9386" s="11"/>
      <c r="B9386" s="8"/>
    </row>
    <row r="9387" spans="1:2" x14ac:dyDescent="0.3">
      <c r="A9387" s="11"/>
      <c r="B9387" s="8"/>
    </row>
    <row r="9388" spans="1:2" x14ac:dyDescent="0.3">
      <c r="A9388" s="11"/>
      <c r="B9388" s="8"/>
    </row>
    <row r="9389" spans="1:2" x14ac:dyDescent="0.3">
      <c r="A9389" s="11"/>
      <c r="B9389" s="8"/>
    </row>
    <row r="9390" spans="1:2" x14ac:dyDescent="0.3">
      <c r="A9390" s="11"/>
      <c r="B9390" s="8"/>
    </row>
    <row r="9391" spans="1:2" x14ac:dyDescent="0.3">
      <c r="A9391" s="11"/>
      <c r="B9391" s="8"/>
    </row>
    <row r="9392" spans="1:2" x14ac:dyDescent="0.3">
      <c r="A9392" s="11"/>
      <c r="B9392" s="8"/>
    </row>
    <row r="9393" spans="1:2" x14ac:dyDescent="0.3">
      <c r="A9393" s="11"/>
      <c r="B9393" s="8"/>
    </row>
    <row r="9394" spans="1:2" x14ac:dyDescent="0.3">
      <c r="A9394" s="11"/>
      <c r="B9394" s="8"/>
    </row>
    <row r="9395" spans="1:2" x14ac:dyDescent="0.3">
      <c r="A9395" s="11"/>
      <c r="B9395" s="8"/>
    </row>
    <row r="9396" spans="1:2" x14ac:dyDescent="0.3">
      <c r="A9396" s="11"/>
      <c r="B9396" s="8"/>
    </row>
    <row r="9397" spans="1:2" x14ac:dyDescent="0.3">
      <c r="A9397" s="11"/>
      <c r="B9397" s="8"/>
    </row>
    <row r="9398" spans="1:2" x14ac:dyDescent="0.3">
      <c r="A9398" s="11"/>
      <c r="B9398" s="8"/>
    </row>
    <row r="9399" spans="1:2" x14ac:dyDescent="0.3">
      <c r="A9399" s="11"/>
      <c r="B9399" s="8"/>
    </row>
    <row r="9400" spans="1:2" x14ac:dyDescent="0.3">
      <c r="A9400" s="11"/>
      <c r="B9400" s="8"/>
    </row>
    <row r="9401" spans="1:2" x14ac:dyDescent="0.3">
      <c r="A9401" s="11"/>
      <c r="B9401" s="8"/>
    </row>
    <row r="9402" spans="1:2" x14ac:dyDescent="0.3">
      <c r="A9402" s="11"/>
      <c r="B9402" s="8"/>
    </row>
    <row r="9403" spans="1:2" x14ac:dyDescent="0.3">
      <c r="A9403" s="11"/>
      <c r="B9403" s="8"/>
    </row>
    <row r="9404" spans="1:2" x14ac:dyDescent="0.3">
      <c r="A9404" s="11"/>
      <c r="B9404" s="8"/>
    </row>
    <row r="9405" spans="1:2" x14ac:dyDescent="0.3">
      <c r="A9405" s="11"/>
      <c r="B9405" s="8"/>
    </row>
    <row r="9406" spans="1:2" x14ac:dyDescent="0.3">
      <c r="A9406" s="11"/>
      <c r="B9406" s="8"/>
    </row>
    <row r="9407" spans="1:2" x14ac:dyDescent="0.3">
      <c r="A9407" s="11"/>
      <c r="B9407" s="8"/>
    </row>
    <row r="9408" spans="1:2" x14ac:dyDescent="0.3">
      <c r="A9408" s="11"/>
      <c r="B9408" s="8"/>
    </row>
    <row r="9409" spans="1:2" x14ac:dyDescent="0.3">
      <c r="A9409" s="11"/>
      <c r="B9409" s="8"/>
    </row>
    <row r="9410" spans="1:2" x14ac:dyDescent="0.3">
      <c r="A9410" s="11"/>
      <c r="B9410" s="8"/>
    </row>
    <row r="9411" spans="1:2" x14ac:dyDescent="0.3">
      <c r="A9411" s="11"/>
      <c r="B9411" s="8"/>
    </row>
    <row r="9412" spans="1:2" x14ac:dyDescent="0.3">
      <c r="A9412" s="11"/>
      <c r="B9412" s="8"/>
    </row>
    <row r="9413" spans="1:2" x14ac:dyDescent="0.3">
      <c r="A9413" s="11"/>
      <c r="B9413" s="8"/>
    </row>
    <row r="9414" spans="1:2" x14ac:dyDescent="0.3">
      <c r="A9414" s="11"/>
      <c r="B9414" s="8"/>
    </row>
    <row r="9415" spans="1:2" x14ac:dyDescent="0.3">
      <c r="A9415" s="11"/>
      <c r="B9415" s="8"/>
    </row>
    <row r="9416" spans="1:2" x14ac:dyDescent="0.3">
      <c r="A9416" s="11"/>
      <c r="B9416" s="8"/>
    </row>
    <row r="9417" spans="1:2" x14ac:dyDescent="0.3">
      <c r="A9417" s="11"/>
      <c r="B9417" s="8"/>
    </row>
    <row r="9418" spans="1:2" x14ac:dyDescent="0.3">
      <c r="A9418" s="11"/>
      <c r="B9418" s="8"/>
    </row>
    <row r="9419" spans="1:2" x14ac:dyDescent="0.3">
      <c r="A9419" s="11"/>
      <c r="B9419" s="8"/>
    </row>
    <row r="9420" spans="1:2" x14ac:dyDescent="0.3">
      <c r="A9420" s="11"/>
      <c r="B9420" s="8"/>
    </row>
    <row r="9421" spans="1:2" x14ac:dyDescent="0.3">
      <c r="A9421" s="11"/>
      <c r="B9421" s="8"/>
    </row>
    <row r="9422" spans="1:2" x14ac:dyDescent="0.3">
      <c r="A9422" s="11"/>
      <c r="B9422" s="8"/>
    </row>
    <row r="9423" spans="1:2" x14ac:dyDescent="0.3">
      <c r="A9423" s="11"/>
      <c r="B9423" s="8"/>
    </row>
    <row r="9424" spans="1:2" x14ac:dyDescent="0.3">
      <c r="A9424" s="11"/>
      <c r="B9424" s="8"/>
    </row>
    <row r="9425" spans="1:2" x14ac:dyDescent="0.3">
      <c r="A9425" s="11"/>
      <c r="B9425" s="8"/>
    </row>
    <row r="9426" spans="1:2" x14ac:dyDescent="0.3">
      <c r="A9426" s="11"/>
      <c r="B9426" s="8"/>
    </row>
    <row r="9427" spans="1:2" x14ac:dyDescent="0.3">
      <c r="A9427" s="11"/>
      <c r="B9427" s="8"/>
    </row>
    <row r="9428" spans="1:2" x14ac:dyDescent="0.3">
      <c r="A9428" s="11"/>
      <c r="B9428" s="8"/>
    </row>
    <row r="9429" spans="1:2" x14ac:dyDescent="0.3">
      <c r="A9429" s="11"/>
      <c r="B9429" s="8"/>
    </row>
    <row r="9430" spans="1:2" x14ac:dyDescent="0.3">
      <c r="A9430" s="11"/>
      <c r="B9430" s="8"/>
    </row>
    <row r="9431" spans="1:2" x14ac:dyDescent="0.3">
      <c r="A9431" s="11"/>
      <c r="B9431" s="8"/>
    </row>
    <row r="9432" spans="1:2" x14ac:dyDescent="0.3">
      <c r="A9432" s="11"/>
      <c r="B9432" s="8"/>
    </row>
    <row r="9433" spans="1:2" x14ac:dyDescent="0.3">
      <c r="A9433" s="11"/>
      <c r="B9433" s="8"/>
    </row>
    <row r="9434" spans="1:2" x14ac:dyDescent="0.3">
      <c r="A9434" s="11"/>
      <c r="B9434" s="8"/>
    </row>
    <row r="9435" spans="1:2" x14ac:dyDescent="0.3">
      <c r="A9435" s="11"/>
      <c r="B9435" s="8"/>
    </row>
    <row r="9436" spans="1:2" x14ac:dyDescent="0.3">
      <c r="A9436" s="11"/>
      <c r="B9436" s="8"/>
    </row>
    <row r="9437" spans="1:2" x14ac:dyDescent="0.3">
      <c r="A9437" s="11"/>
      <c r="B9437" s="8"/>
    </row>
    <row r="9438" spans="1:2" x14ac:dyDescent="0.3">
      <c r="A9438" s="11"/>
      <c r="B9438" s="8"/>
    </row>
    <row r="9439" spans="1:2" x14ac:dyDescent="0.3">
      <c r="A9439" s="11"/>
      <c r="B9439" s="8"/>
    </row>
    <row r="9440" spans="1:2" x14ac:dyDescent="0.3">
      <c r="A9440" s="11"/>
      <c r="B9440" s="8"/>
    </row>
    <row r="9441" spans="1:2" x14ac:dyDescent="0.3">
      <c r="A9441" s="11"/>
      <c r="B9441" s="8"/>
    </row>
    <row r="9442" spans="1:2" x14ac:dyDescent="0.3">
      <c r="A9442" s="11"/>
      <c r="B9442" s="8"/>
    </row>
    <row r="9443" spans="1:2" x14ac:dyDescent="0.3">
      <c r="A9443" s="11"/>
      <c r="B9443" s="8"/>
    </row>
    <row r="9444" spans="1:2" x14ac:dyDescent="0.3">
      <c r="A9444" s="11"/>
      <c r="B9444" s="8"/>
    </row>
    <row r="9445" spans="1:2" x14ac:dyDescent="0.3">
      <c r="A9445" s="11"/>
      <c r="B9445" s="8"/>
    </row>
    <row r="9446" spans="1:2" x14ac:dyDescent="0.3">
      <c r="A9446" s="11"/>
      <c r="B9446" s="8"/>
    </row>
    <row r="9447" spans="1:2" x14ac:dyDescent="0.3">
      <c r="A9447" s="11"/>
      <c r="B9447" s="8"/>
    </row>
    <row r="9448" spans="1:2" x14ac:dyDescent="0.3">
      <c r="A9448" s="11"/>
      <c r="B9448" s="8"/>
    </row>
    <row r="9449" spans="1:2" x14ac:dyDescent="0.3">
      <c r="A9449" s="11"/>
      <c r="B9449" s="8"/>
    </row>
    <row r="9450" spans="1:2" x14ac:dyDescent="0.3">
      <c r="A9450" s="11"/>
      <c r="B9450" s="8"/>
    </row>
    <row r="9451" spans="1:2" x14ac:dyDescent="0.3">
      <c r="A9451" s="11"/>
      <c r="B9451" s="8"/>
    </row>
    <row r="9452" spans="1:2" x14ac:dyDescent="0.3">
      <c r="A9452" s="11"/>
      <c r="B9452" s="8"/>
    </row>
    <row r="9453" spans="1:2" x14ac:dyDescent="0.3">
      <c r="A9453" s="11"/>
      <c r="B9453" s="8"/>
    </row>
    <row r="9454" spans="1:2" x14ac:dyDescent="0.3">
      <c r="A9454" s="11"/>
      <c r="B9454" s="8"/>
    </row>
    <row r="9455" spans="1:2" x14ac:dyDescent="0.3">
      <c r="A9455" s="11"/>
      <c r="B9455" s="8"/>
    </row>
    <row r="9456" spans="1:2" x14ac:dyDescent="0.3">
      <c r="A9456" s="11"/>
      <c r="B9456" s="8"/>
    </row>
    <row r="9457" spans="1:2" x14ac:dyDescent="0.3">
      <c r="A9457" s="11"/>
      <c r="B9457" s="8"/>
    </row>
    <row r="9458" spans="1:2" x14ac:dyDescent="0.3">
      <c r="A9458" s="11"/>
      <c r="B9458" s="8"/>
    </row>
    <row r="9459" spans="1:2" x14ac:dyDescent="0.3">
      <c r="A9459" s="11"/>
      <c r="B9459" s="8"/>
    </row>
    <row r="9460" spans="1:2" x14ac:dyDescent="0.3">
      <c r="A9460" s="11"/>
      <c r="B9460" s="8"/>
    </row>
    <row r="9461" spans="1:2" x14ac:dyDescent="0.3">
      <c r="A9461" s="11"/>
      <c r="B9461" s="8"/>
    </row>
    <row r="9462" spans="1:2" x14ac:dyDescent="0.3">
      <c r="A9462" s="11"/>
      <c r="B9462" s="8"/>
    </row>
    <row r="9463" spans="1:2" x14ac:dyDescent="0.3">
      <c r="A9463" s="11"/>
      <c r="B9463" s="8"/>
    </row>
    <row r="9464" spans="1:2" x14ac:dyDescent="0.3">
      <c r="A9464" s="11"/>
      <c r="B9464" s="8"/>
    </row>
    <row r="9465" spans="1:2" x14ac:dyDescent="0.3">
      <c r="A9465" s="11"/>
      <c r="B9465" s="8"/>
    </row>
    <row r="9466" spans="1:2" x14ac:dyDescent="0.3">
      <c r="A9466" s="11"/>
      <c r="B9466" s="8"/>
    </row>
    <row r="9467" spans="1:2" x14ac:dyDescent="0.3">
      <c r="A9467" s="11"/>
      <c r="B9467" s="8"/>
    </row>
    <row r="9468" spans="1:2" x14ac:dyDescent="0.3">
      <c r="A9468" s="11"/>
      <c r="B9468" s="8"/>
    </row>
    <row r="9469" spans="1:2" x14ac:dyDescent="0.3">
      <c r="A9469" s="11"/>
      <c r="B9469" s="8"/>
    </row>
    <row r="9470" spans="1:2" x14ac:dyDescent="0.3">
      <c r="A9470" s="11"/>
      <c r="B9470" s="8"/>
    </row>
    <row r="9471" spans="1:2" x14ac:dyDescent="0.3">
      <c r="A9471" s="11"/>
      <c r="B9471" s="8"/>
    </row>
    <row r="9472" spans="1:2" x14ac:dyDescent="0.3">
      <c r="A9472" s="11"/>
      <c r="B9472" s="8"/>
    </row>
    <row r="9473" spans="1:2" x14ac:dyDescent="0.3">
      <c r="A9473" s="11"/>
      <c r="B9473" s="8"/>
    </row>
    <row r="9474" spans="1:2" x14ac:dyDescent="0.3">
      <c r="A9474" s="11"/>
      <c r="B9474" s="8"/>
    </row>
    <row r="9475" spans="1:2" x14ac:dyDescent="0.3">
      <c r="A9475" s="11"/>
      <c r="B9475" s="8"/>
    </row>
    <row r="9476" spans="1:2" x14ac:dyDescent="0.3">
      <c r="A9476" s="11"/>
      <c r="B9476" s="8"/>
    </row>
    <row r="9477" spans="1:2" x14ac:dyDescent="0.3">
      <c r="A9477" s="11"/>
      <c r="B9477" s="8"/>
    </row>
    <row r="9478" spans="1:2" x14ac:dyDescent="0.3">
      <c r="A9478" s="11"/>
      <c r="B9478" s="8"/>
    </row>
    <row r="9479" spans="1:2" x14ac:dyDescent="0.3">
      <c r="A9479" s="11"/>
      <c r="B9479" s="8"/>
    </row>
    <row r="9480" spans="1:2" x14ac:dyDescent="0.3">
      <c r="A9480" s="11"/>
      <c r="B9480" s="8"/>
    </row>
    <row r="9481" spans="1:2" x14ac:dyDescent="0.3">
      <c r="A9481" s="11"/>
      <c r="B9481" s="8"/>
    </row>
    <row r="9482" spans="1:2" x14ac:dyDescent="0.3">
      <c r="A9482" s="11"/>
      <c r="B9482" s="8"/>
    </row>
    <row r="9483" spans="1:2" x14ac:dyDescent="0.3">
      <c r="A9483" s="11"/>
      <c r="B9483" s="8"/>
    </row>
    <row r="9484" spans="1:2" x14ac:dyDescent="0.3">
      <c r="A9484" s="11"/>
      <c r="B9484" s="8"/>
    </row>
    <row r="9485" spans="1:2" x14ac:dyDescent="0.3">
      <c r="A9485" s="11"/>
      <c r="B9485" s="8"/>
    </row>
    <row r="9486" spans="1:2" x14ac:dyDescent="0.3">
      <c r="A9486" s="11"/>
      <c r="B9486" s="8"/>
    </row>
    <row r="9487" spans="1:2" x14ac:dyDescent="0.3">
      <c r="A9487" s="11"/>
      <c r="B9487" s="8"/>
    </row>
    <row r="9488" spans="1:2" x14ac:dyDescent="0.3">
      <c r="A9488" s="11"/>
      <c r="B9488" s="8"/>
    </row>
    <row r="9489" spans="1:2" x14ac:dyDescent="0.3">
      <c r="A9489" s="11"/>
      <c r="B9489" s="8"/>
    </row>
    <row r="9490" spans="1:2" x14ac:dyDescent="0.3">
      <c r="A9490" s="11"/>
      <c r="B9490" s="8"/>
    </row>
    <row r="9491" spans="1:2" x14ac:dyDescent="0.3">
      <c r="A9491" s="11"/>
      <c r="B9491" s="8"/>
    </row>
    <row r="9492" spans="1:2" x14ac:dyDescent="0.3">
      <c r="A9492" s="11"/>
      <c r="B9492" s="8"/>
    </row>
    <row r="9493" spans="1:2" x14ac:dyDescent="0.3">
      <c r="A9493" s="11"/>
      <c r="B9493" s="8"/>
    </row>
    <row r="9494" spans="1:2" x14ac:dyDescent="0.3">
      <c r="A9494" s="11"/>
      <c r="B9494" s="8"/>
    </row>
    <row r="9495" spans="1:2" x14ac:dyDescent="0.3">
      <c r="A9495" s="11"/>
      <c r="B9495" s="8"/>
    </row>
    <row r="9496" spans="1:2" x14ac:dyDescent="0.3">
      <c r="A9496" s="11"/>
      <c r="B9496" s="8"/>
    </row>
    <row r="9497" spans="1:2" x14ac:dyDescent="0.3">
      <c r="A9497" s="11"/>
      <c r="B9497" s="8"/>
    </row>
    <row r="9498" spans="1:2" x14ac:dyDescent="0.3">
      <c r="A9498" s="11"/>
      <c r="B9498" s="8"/>
    </row>
    <row r="9499" spans="1:2" x14ac:dyDescent="0.3">
      <c r="A9499" s="11"/>
      <c r="B9499" s="8"/>
    </row>
    <row r="9500" spans="1:2" x14ac:dyDescent="0.3">
      <c r="A9500" s="11"/>
      <c r="B9500" s="8"/>
    </row>
    <row r="9501" spans="1:2" x14ac:dyDescent="0.3">
      <c r="A9501" s="11"/>
      <c r="B9501" s="8"/>
    </row>
    <row r="9502" spans="1:2" x14ac:dyDescent="0.3">
      <c r="A9502" s="11"/>
      <c r="B9502" s="8"/>
    </row>
    <row r="9503" spans="1:2" x14ac:dyDescent="0.3">
      <c r="A9503" s="11"/>
      <c r="B9503" s="8"/>
    </row>
    <row r="9504" spans="1:2" x14ac:dyDescent="0.3">
      <c r="A9504" s="11"/>
      <c r="B9504" s="8"/>
    </row>
    <row r="9505" spans="1:2" x14ac:dyDescent="0.3">
      <c r="A9505" s="11"/>
      <c r="B9505" s="8"/>
    </row>
    <row r="9506" spans="1:2" x14ac:dyDescent="0.3">
      <c r="A9506" s="11"/>
      <c r="B9506" s="8"/>
    </row>
    <row r="9507" spans="1:2" x14ac:dyDescent="0.3">
      <c r="A9507" s="11"/>
      <c r="B9507" s="8"/>
    </row>
    <row r="9508" spans="1:2" x14ac:dyDescent="0.3">
      <c r="A9508" s="11"/>
      <c r="B9508" s="8"/>
    </row>
    <row r="9509" spans="1:2" x14ac:dyDescent="0.3">
      <c r="A9509" s="11"/>
      <c r="B9509" s="8"/>
    </row>
    <row r="9510" spans="1:2" x14ac:dyDescent="0.3">
      <c r="A9510" s="11"/>
      <c r="B9510" s="8"/>
    </row>
    <row r="9511" spans="1:2" x14ac:dyDescent="0.3">
      <c r="A9511" s="11"/>
      <c r="B9511" s="8"/>
    </row>
    <row r="9512" spans="1:2" x14ac:dyDescent="0.3">
      <c r="A9512" s="11"/>
      <c r="B9512" s="8"/>
    </row>
    <row r="9513" spans="1:2" x14ac:dyDescent="0.3">
      <c r="A9513" s="11"/>
      <c r="B9513" s="8"/>
    </row>
    <row r="9514" spans="1:2" x14ac:dyDescent="0.3">
      <c r="A9514" s="11"/>
      <c r="B9514" s="8"/>
    </row>
    <row r="9515" spans="1:2" x14ac:dyDescent="0.3">
      <c r="A9515" s="11"/>
      <c r="B9515" s="8"/>
    </row>
    <row r="9516" spans="1:2" x14ac:dyDescent="0.3">
      <c r="A9516" s="11"/>
      <c r="B9516" s="8"/>
    </row>
    <row r="9517" spans="1:2" x14ac:dyDescent="0.3">
      <c r="A9517" s="11"/>
      <c r="B9517" s="8"/>
    </row>
    <row r="9518" spans="1:2" x14ac:dyDescent="0.3">
      <c r="A9518" s="11"/>
      <c r="B9518" s="8"/>
    </row>
    <row r="9519" spans="1:2" x14ac:dyDescent="0.3">
      <c r="A9519" s="11"/>
      <c r="B9519" s="8"/>
    </row>
    <row r="9520" spans="1:2" x14ac:dyDescent="0.3">
      <c r="A9520" s="11"/>
      <c r="B9520" s="8"/>
    </row>
    <row r="9521" spans="1:2" x14ac:dyDescent="0.3">
      <c r="A9521" s="11"/>
      <c r="B9521" s="8"/>
    </row>
    <row r="9522" spans="1:2" x14ac:dyDescent="0.3">
      <c r="A9522" s="11"/>
      <c r="B9522" s="8"/>
    </row>
    <row r="9523" spans="1:2" x14ac:dyDescent="0.3">
      <c r="A9523" s="11"/>
      <c r="B9523" s="8"/>
    </row>
    <row r="9524" spans="1:2" x14ac:dyDescent="0.3">
      <c r="A9524" s="11"/>
      <c r="B9524" s="8"/>
    </row>
    <row r="9525" spans="1:2" x14ac:dyDescent="0.3">
      <c r="A9525" s="11"/>
      <c r="B9525" s="8"/>
    </row>
    <row r="9526" spans="1:2" x14ac:dyDescent="0.3">
      <c r="A9526" s="11"/>
      <c r="B9526" s="8"/>
    </row>
    <row r="9527" spans="1:2" x14ac:dyDescent="0.3">
      <c r="A9527" s="11"/>
      <c r="B9527" s="8"/>
    </row>
    <row r="9528" spans="1:2" x14ac:dyDescent="0.3">
      <c r="A9528" s="11"/>
      <c r="B9528" s="8"/>
    </row>
    <row r="9529" spans="1:2" x14ac:dyDescent="0.3">
      <c r="A9529" s="11"/>
      <c r="B9529" s="8"/>
    </row>
    <row r="9530" spans="1:2" x14ac:dyDescent="0.3">
      <c r="A9530" s="11"/>
      <c r="B9530" s="8"/>
    </row>
    <row r="9531" spans="1:2" x14ac:dyDescent="0.3">
      <c r="A9531" s="11"/>
      <c r="B9531" s="8"/>
    </row>
    <row r="9532" spans="1:2" x14ac:dyDescent="0.3">
      <c r="A9532" s="11"/>
      <c r="B9532" s="8"/>
    </row>
    <row r="9533" spans="1:2" x14ac:dyDescent="0.3">
      <c r="A9533" s="11"/>
      <c r="B9533" s="8"/>
    </row>
    <row r="9534" spans="1:2" x14ac:dyDescent="0.3">
      <c r="A9534" s="11"/>
      <c r="B9534" s="8"/>
    </row>
    <row r="9535" spans="1:2" x14ac:dyDescent="0.3">
      <c r="A9535" s="11"/>
      <c r="B9535" s="8"/>
    </row>
    <row r="9536" spans="1:2" x14ac:dyDescent="0.3">
      <c r="A9536" s="11"/>
      <c r="B9536" s="8"/>
    </row>
    <row r="9537" spans="1:2" x14ac:dyDescent="0.3">
      <c r="A9537" s="11"/>
      <c r="B9537" s="8"/>
    </row>
    <row r="9538" spans="1:2" x14ac:dyDescent="0.3">
      <c r="A9538" s="11"/>
      <c r="B9538" s="8"/>
    </row>
    <row r="9539" spans="1:2" x14ac:dyDescent="0.3">
      <c r="A9539" s="11"/>
      <c r="B9539" s="8"/>
    </row>
    <row r="9540" spans="1:2" x14ac:dyDescent="0.3">
      <c r="A9540" s="11"/>
      <c r="B9540" s="8"/>
    </row>
    <row r="9541" spans="1:2" x14ac:dyDescent="0.3">
      <c r="A9541" s="11"/>
      <c r="B9541" s="8"/>
    </row>
    <row r="9542" spans="1:2" x14ac:dyDescent="0.3">
      <c r="A9542" s="11"/>
      <c r="B9542" s="8"/>
    </row>
    <row r="9543" spans="1:2" x14ac:dyDescent="0.3">
      <c r="A9543" s="11"/>
      <c r="B9543" s="8"/>
    </row>
    <row r="9544" spans="1:2" x14ac:dyDescent="0.3">
      <c r="A9544" s="11"/>
      <c r="B9544" s="8"/>
    </row>
    <row r="9545" spans="1:2" x14ac:dyDescent="0.3">
      <c r="A9545" s="11"/>
      <c r="B9545" s="8"/>
    </row>
    <row r="9546" spans="1:2" x14ac:dyDescent="0.3">
      <c r="A9546" s="11"/>
      <c r="B9546" s="8"/>
    </row>
    <row r="9547" spans="1:2" x14ac:dyDescent="0.3">
      <c r="A9547" s="11"/>
      <c r="B9547" s="8"/>
    </row>
    <row r="9548" spans="1:2" x14ac:dyDescent="0.3">
      <c r="A9548" s="11"/>
      <c r="B9548" s="8"/>
    </row>
    <row r="9549" spans="1:2" x14ac:dyDescent="0.3">
      <c r="A9549" s="11"/>
      <c r="B9549" s="8"/>
    </row>
    <row r="9550" spans="1:2" x14ac:dyDescent="0.3">
      <c r="A9550" s="11"/>
      <c r="B9550" s="8"/>
    </row>
    <row r="9551" spans="1:2" x14ac:dyDescent="0.3">
      <c r="A9551" s="11"/>
      <c r="B9551" s="8"/>
    </row>
    <row r="9552" spans="1:2" x14ac:dyDescent="0.3">
      <c r="A9552" s="11"/>
      <c r="B9552" s="8"/>
    </row>
    <row r="9553" spans="1:2" x14ac:dyDescent="0.3">
      <c r="A9553" s="11"/>
      <c r="B9553" s="8"/>
    </row>
    <row r="9554" spans="1:2" x14ac:dyDescent="0.3">
      <c r="A9554" s="11"/>
      <c r="B9554" s="8"/>
    </row>
    <row r="9555" spans="1:2" x14ac:dyDescent="0.3">
      <c r="A9555" s="11"/>
      <c r="B9555" s="8"/>
    </row>
    <row r="9556" spans="1:2" x14ac:dyDescent="0.3">
      <c r="A9556" s="11"/>
      <c r="B9556" s="8"/>
    </row>
    <row r="9557" spans="1:2" x14ac:dyDescent="0.3">
      <c r="A9557" s="11"/>
      <c r="B9557" s="8"/>
    </row>
    <row r="9558" spans="1:2" x14ac:dyDescent="0.3">
      <c r="A9558" s="11"/>
      <c r="B9558" s="8"/>
    </row>
    <row r="9559" spans="1:2" x14ac:dyDescent="0.3">
      <c r="A9559" s="11"/>
      <c r="B9559" s="8"/>
    </row>
    <row r="9560" spans="1:2" x14ac:dyDescent="0.3">
      <c r="A9560" s="11"/>
      <c r="B9560" s="8"/>
    </row>
    <row r="9561" spans="1:2" x14ac:dyDescent="0.3">
      <c r="A9561" s="11"/>
      <c r="B9561" s="8"/>
    </row>
    <row r="9562" spans="1:2" x14ac:dyDescent="0.3">
      <c r="A9562" s="11"/>
      <c r="B9562" s="8"/>
    </row>
    <row r="9563" spans="1:2" x14ac:dyDescent="0.3">
      <c r="A9563" s="11"/>
      <c r="B9563" s="8"/>
    </row>
    <row r="9564" spans="1:2" x14ac:dyDescent="0.3">
      <c r="A9564" s="11"/>
      <c r="B9564" s="8"/>
    </row>
    <row r="9565" spans="1:2" x14ac:dyDescent="0.3">
      <c r="A9565" s="11"/>
      <c r="B9565" s="8"/>
    </row>
    <row r="9566" spans="1:2" x14ac:dyDescent="0.3">
      <c r="A9566" s="11"/>
      <c r="B9566" s="8"/>
    </row>
    <row r="9567" spans="1:2" x14ac:dyDescent="0.3">
      <c r="A9567" s="11"/>
      <c r="B9567" s="8"/>
    </row>
    <row r="9568" spans="1:2" x14ac:dyDescent="0.3">
      <c r="A9568" s="11"/>
      <c r="B9568" s="8"/>
    </row>
    <row r="9569" spans="1:2" x14ac:dyDescent="0.3">
      <c r="A9569" s="11"/>
      <c r="B9569" s="8"/>
    </row>
    <row r="9570" spans="1:2" x14ac:dyDescent="0.3">
      <c r="A9570" s="11"/>
      <c r="B9570" s="8"/>
    </row>
    <row r="9571" spans="1:2" x14ac:dyDescent="0.3">
      <c r="A9571" s="11"/>
      <c r="B9571" s="8"/>
    </row>
    <row r="9572" spans="1:2" x14ac:dyDescent="0.3">
      <c r="A9572" s="11"/>
      <c r="B9572" s="8"/>
    </row>
    <row r="9573" spans="1:2" x14ac:dyDescent="0.3">
      <c r="A9573" s="11"/>
      <c r="B9573" s="8"/>
    </row>
    <row r="9574" spans="1:2" x14ac:dyDescent="0.3">
      <c r="A9574" s="11"/>
      <c r="B9574" s="8"/>
    </row>
    <row r="9575" spans="1:2" x14ac:dyDescent="0.3">
      <c r="A9575" s="11"/>
      <c r="B9575" s="8"/>
    </row>
    <row r="9576" spans="1:2" x14ac:dyDescent="0.3">
      <c r="A9576" s="11"/>
      <c r="B9576" s="8"/>
    </row>
    <row r="9577" spans="1:2" x14ac:dyDescent="0.3">
      <c r="A9577" s="11"/>
      <c r="B9577" s="8"/>
    </row>
    <row r="9578" spans="1:2" x14ac:dyDescent="0.3">
      <c r="A9578" s="11"/>
      <c r="B9578" s="8"/>
    </row>
    <row r="9579" spans="1:2" x14ac:dyDescent="0.3">
      <c r="A9579" s="11"/>
      <c r="B9579" s="8"/>
    </row>
    <row r="9580" spans="1:2" x14ac:dyDescent="0.3">
      <c r="A9580" s="11"/>
      <c r="B9580" s="8"/>
    </row>
    <row r="9581" spans="1:2" x14ac:dyDescent="0.3">
      <c r="A9581" s="11"/>
      <c r="B9581" s="8"/>
    </row>
    <row r="9582" spans="1:2" x14ac:dyDescent="0.3">
      <c r="A9582" s="11"/>
      <c r="B9582" s="8"/>
    </row>
    <row r="9583" spans="1:2" x14ac:dyDescent="0.3">
      <c r="A9583" s="11"/>
      <c r="B9583" s="8"/>
    </row>
    <row r="9584" spans="1:2" x14ac:dyDescent="0.3">
      <c r="A9584" s="11"/>
      <c r="B9584" s="8"/>
    </row>
    <row r="9585" spans="1:2" x14ac:dyDescent="0.3">
      <c r="A9585" s="11"/>
      <c r="B9585" s="8"/>
    </row>
    <row r="9586" spans="1:2" x14ac:dyDescent="0.3">
      <c r="A9586" s="11"/>
      <c r="B9586" s="8"/>
    </row>
    <row r="9587" spans="1:2" x14ac:dyDescent="0.3">
      <c r="A9587" s="11"/>
      <c r="B9587" s="8"/>
    </row>
    <row r="9588" spans="1:2" x14ac:dyDescent="0.3">
      <c r="A9588" s="11"/>
      <c r="B9588" s="8"/>
    </row>
    <row r="9589" spans="1:2" x14ac:dyDescent="0.3">
      <c r="A9589" s="11"/>
      <c r="B9589" s="8"/>
    </row>
    <row r="9590" spans="1:2" x14ac:dyDescent="0.3">
      <c r="A9590" s="11"/>
      <c r="B9590" s="8"/>
    </row>
    <row r="9591" spans="1:2" x14ac:dyDescent="0.3">
      <c r="A9591" s="11"/>
      <c r="B9591" s="8"/>
    </row>
    <row r="9592" spans="1:2" x14ac:dyDescent="0.3">
      <c r="A9592" s="11"/>
      <c r="B9592" s="8"/>
    </row>
    <row r="9593" spans="1:2" x14ac:dyDescent="0.3">
      <c r="A9593" s="11"/>
      <c r="B9593" s="8"/>
    </row>
    <row r="9594" spans="1:2" x14ac:dyDescent="0.3">
      <c r="A9594" s="11"/>
      <c r="B9594" s="8"/>
    </row>
    <row r="9595" spans="1:2" x14ac:dyDescent="0.3">
      <c r="A9595" s="11"/>
      <c r="B9595" s="8"/>
    </row>
    <row r="9596" spans="1:2" x14ac:dyDescent="0.3">
      <c r="A9596" s="11"/>
      <c r="B9596" s="8"/>
    </row>
    <row r="9597" spans="1:2" x14ac:dyDescent="0.3">
      <c r="A9597" s="11"/>
      <c r="B9597" s="8"/>
    </row>
    <row r="9598" spans="1:2" x14ac:dyDescent="0.3">
      <c r="A9598" s="11"/>
      <c r="B9598" s="8"/>
    </row>
    <row r="9599" spans="1:2" x14ac:dyDescent="0.3">
      <c r="A9599" s="11"/>
      <c r="B9599" s="8"/>
    </row>
    <row r="9600" spans="1:2" x14ac:dyDescent="0.3">
      <c r="A9600" s="11"/>
      <c r="B9600" s="8"/>
    </row>
    <row r="9601" spans="1:2" x14ac:dyDescent="0.3">
      <c r="A9601" s="11"/>
      <c r="B9601" s="8"/>
    </row>
    <row r="9602" spans="1:2" x14ac:dyDescent="0.3">
      <c r="A9602" s="11"/>
      <c r="B9602" s="8"/>
    </row>
    <row r="9603" spans="1:2" x14ac:dyDescent="0.3">
      <c r="A9603" s="11"/>
      <c r="B9603" s="8"/>
    </row>
    <row r="9604" spans="1:2" x14ac:dyDescent="0.3">
      <c r="A9604" s="11"/>
      <c r="B9604" s="8"/>
    </row>
    <row r="9605" spans="1:2" x14ac:dyDescent="0.3">
      <c r="A9605" s="11"/>
      <c r="B9605" s="8"/>
    </row>
    <row r="9606" spans="1:2" x14ac:dyDescent="0.3">
      <c r="A9606" s="11"/>
      <c r="B9606" s="8"/>
    </row>
    <row r="9607" spans="1:2" x14ac:dyDescent="0.3">
      <c r="A9607" s="11"/>
      <c r="B9607" s="8"/>
    </row>
    <row r="9608" spans="1:2" x14ac:dyDescent="0.3">
      <c r="A9608" s="11"/>
      <c r="B9608" s="8"/>
    </row>
    <row r="9609" spans="1:2" x14ac:dyDescent="0.3">
      <c r="A9609" s="11"/>
      <c r="B9609" s="8"/>
    </row>
    <row r="9610" spans="1:2" x14ac:dyDescent="0.3">
      <c r="A9610" s="11"/>
      <c r="B9610" s="8"/>
    </row>
    <row r="9611" spans="1:2" x14ac:dyDescent="0.3">
      <c r="A9611" s="11"/>
      <c r="B9611" s="8"/>
    </row>
    <row r="9612" spans="1:2" x14ac:dyDescent="0.3">
      <c r="A9612" s="11"/>
      <c r="B9612" s="8"/>
    </row>
    <row r="9613" spans="1:2" x14ac:dyDescent="0.3">
      <c r="A9613" s="11"/>
      <c r="B9613" s="8"/>
    </row>
    <row r="9614" spans="1:2" x14ac:dyDescent="0.3">
      <c r="A9614" s="11"/>
      <c r="B9614" s="8"/>
    </row>
    <row r="9615" spans="1:2" x14ac:dyDescent="0.3">
      <c r="A9615" s="11"/>
      <c r="B9615" s="8"/>
    </row>
    <row r="9616" spans="1:2" x14ac:dyDescent="0.3">
      <c r="A9616" s="11"/>
      <c r="B9616" s="8"/>
    </row>
    <row r="9617" spans="1:2" x14ac:dyDescent="0.3">
      <c r="A9617" s="11"/>
      <c r="B9617" s="8"/>
    </row>
    <row r="9618" spans="1:2" x14ac:dyDescent="0.3">
      <c r="A9618" s="11"/>
      <c r="B9618" s="8"/>
    </row>
    <row r="9619" spans="1:2" x14ac:dyDescent="0.3">
      <c r="A9619" s="11"/>
      <c r="B9619" s="8"/>
    </row>
    <row r="9620" spans="1:2" x14ac:dyDescent="0.3">
      <c r="A9620" s="11"/>
      <c r="B9620" s="8"/>
    </row>
    <row r="9621" spans="1:2" x14ac:dyDescent="0.3">
      <c r="A9621" s="11"/>
      <c r="B9621" s="8"/>
    </row>
    <row r="9622" spans="1:2" x14ac:dyDescent="0.3">
      <c r="A9622" s="11"/>
      <c r="B9622" s="8"/>
    </row>
    <row r="9623" spans="1:2" x14ac:dyDescent="0.3">
      <c r="A9623" s="11"/>
      <c r="B9623" s="8"/>
    </row>
    <row r="9624" spans="1:2" x14ac:dyDescent="0.3">
      <c r="A9624" s="11"/>
      <c r="B9624" s="8"/>
    </row>
    <row r="9625" spans="1:2" x14ac:dyDescent="0.3">
      <c r="A9625" s="11"/>
      <c r="B9625" s="8"/>
    </row>
    <row r="9626" spans="1:2" x14ac:dyDescent="0.3">
      <c r="A9626" s="11"/>
      <c r="B9626" s="8"/>
    </row>
    <row r="9627" spans="1:2" x14ac:dyDescent="0.3">
      <c r="A9627" s="11"/>
      <c r="B9627" s="8"/>
    </row>
    <row r="9628" spans="1:2" x14ac:dyDescent="0.3">
      <c r="A9628" s="11"/>
      <c r="B9628" s="8"/>
    </row>
    <row r="9629" spans="1:2" x14ac:dyDescent="0.3">
      <c r="A9629" s="11"/>
      <c r="B9629" s="8"/>
    </row>
    <row r="9630" spans="1:2" x14ac:dyDescent="0.3">
      <c r="A9630" s="11"/>
      <c r="B9630" s="8"/>
    </row>
    <row r="9631" spans="1:2" x14ac:dyDescent="0.3">
      <c r="A9631" s="11"/>
      <c r="B9631" s="8"/>
    </row>
    <row r="9632" spans="1:2" x14ac:dyDescent="0.3">
      <c r="A9632" s="11"/>
      <c r="B9632" s="8"/>
    </row>
    <row r="9633" spans="1:2" x14ac:dyDescent="0.3">
      <c r="A9633" s="11"/>
      <c r="B9633" s="8"/>
    </row>
    <row r="9634" spans="1:2" x14ac:dyDescent="0.3">
      <c r="A9634" s="11"/>
      <c r="B9634" s="8"/>
    </row>
    <row r="9635" spans="1:2" x14ac:dyDescent="0.3">
      <c r="A9635" s="11"/>
      <c r="B9635" s="8"/>
    </row>
    <row r="9636" spans="1:2" x14ac:dyDescent="0.3">
      <c r="A9636" s="11"/>
      <c r="B9636" s="8"/>
    </row>
    <row r="9637" spans="1:2" x14ac:dyDescent="0.3">
      <c r="A9637" s="11"/>
      <c r="B9637" s="8"/>
    </row>
    <row r="9638" spans="1:2" x14ac:dyDescent="0.3">
      <c r="A9638" s="11"/>
      <c r="B9638" s="8"/>
    </row>
    <row r="9639" spans="1:2" x14ac:dyDescent="0.3">
      <c r="A9639" s="11"/>
      <c r="B9639" s="8"/>
    </row>
    <row r="9640" spans="1:2" x14ac:dyDescent="0.3">
      <c r="A9640" s="11"/>
      <c r="B9640" s="8"/>
    </row>
    <row r="9641" spans="1:2" x14ac:dyDescent="0.3">
      <c r="A9641" s="11"/>
      <c r="B9641" s="8"/>
    </row>
    <row r="9642" spans="1:2" x14ac:dyDescent="0.3">
      <c r="A9642" s="11"/>
      <c r="B9642" s="8"/>
    </row>
    <row r="9643" spans="1:2" x14ac:dyDescent="0.3">
      <c r="A9643" s="11"/>
      <c r="B9643" s="8"/>
    </row>
    <row r="9644" spans="1:2" x14ac:dyDescent="0.3">
      <c r="A9644" s="11"/>
      <c r="B9644" s="8"/>
    </row>
    <row r="9645" spans="1:2" x14ac:dyDescent="0.3">
      <c r="A9645" s="11"/>
      <c r="B9645" s="8"/>
    </row>
    <row r="9646" spans="1:2" x14ac:dyDescent="0.3">
      <c r="A9646" s="11"/>
      <c r="B9646" s="8"/>
    </row>
    <row r="9647" spans="1:2" x14ac:dyDescent="0.3">
      <c r="A9647" s="11"/>
      <c r="B9647" s="8"/>
    </row>
    <row r="9648" spans="1:2" x14ac:dyDescent="0.3">
      <c r="A9648" s="11"/>
      <c r="B9648" s="8"/>
    </row>
    <row r="9649" spans="1:2" x14ac:dyDescent="0.3">
      <c r="A9649" s="11"/>
      <c r="B9649" s="8"/>
    </row>
    <row r="9650" spans="1:2" x14ac:dyDescent="0.3">
      <c r="A9650" s="11"/>
      <c r="B9650" s="8"/>
    </row>
    <row r="9651" spans="1:2" x14ac:dyDescent="0.3">
      <c r="A9651" s="11"/>
      <c r="B9651" s="8"/>
    </row>
    <row r="9652" spans="1:2" x14ac:dyDescent="0.3">
      <c r="A9652" s="11"/>
      <c r="B9652" s="8"/>
    </row>
    <row r="9653" spans="1:2" x14ac:dyDescent="0.3">
      <c r="A9653" s="11"/>
      <c r="B9653" s="8"/>
    </row>
    <row r="9654" spans="1:2" x14ac:dyDescent="0.3">
      <c r="A9654" s="11"/>
      <c r="B9654" s="8"/>
    </row>
    <row r="9655" spans="1:2" x14ac:dyDescent="0.3">
      <c r="A9655" s="11"/>
      <c r="B9655" s="8"/>
    </row>
    <row r="9656" spans="1:2" x14ac:dyDescent="0.3">
      <c r="A9656" s="11"/>
      <c r="B9656" s="8"/>
    </row>
    <row r="9657" spans="1:2" x14ac:dyDescent="0.3">
      <c r="A9657" s="11"/>
      <c r="B9657" s="8"/>
    </row>
    <row r="9658" spans="1:2" x14ac:dyDescent="0.3">
      <c r="A9658" s="11"/>
      <c r="B9658" s="8"/>
    </row>
    <row r="9659" spans="1:2" x14ac:dyDescent="0.3">
      <c r="A9659" s="11"/>
      <c r="B9659" s="8"/>
    </row>
    <row r="9660" spans="1:2" x14ac:dyDescent="0.3">
      <c r="A9660" s="11"/>
      <c r="B9660" s="8"/>
    </row>
    <row r="9661" spans="1:2" x14ac:dyDescent="0.3">
      <c r="A9661" s="11"/>
      <c r="B9661" s="8"/>
    </row>
    <row r="9662" spans="1:2" x14ac:dyDescent="0.3">
      <c r="A9662" s="11"/>
      <c r="B9662" s="8"/>
    </row>
    <row r="9663" spans="1:2" x14ac:dyDescent="0.3">
      <c r="A9663" s="11"/>
      <c r="B9663" s="8"/>
    </row>
    <row r="9664" spans="1:2" x14ac:dyDescent="0.3">
      <c r="A9664" s="11"/>
      <c r="B9664" s="8"/>
    </row>
    <row r="9665" spans="1:2" x14ac:dyDescent="0.3">
      <c r="A9665" s="11"/>
      <c r="B9665" s="8"/>
    </row>
    <row r="9666" spans="1:2" x14ac:dyDescent="0.3">
      <c r="A9666" s="11"/>
      <c r="B9666" s="8"/>
    </row>
    <row r="9667" spans="1:2" x14ac:dyDescent="0.3">
      <c r="A9667" s="11"/>
      <c r="B9667" s="8"/>
    </row>
    <row r="9668" spans="1:2" x14ac:dyDescent="0.3">
      <c r="A9668" s="11"/>
      <c r="B9668" s="8"/>
    </row>
    <row r="9669" spans="1:2" x14ac:dyDescent="0.3">
      <c r="A9669" s="11"/>
      <c r="B9669" s="8"/>
    </row>
    <row r="9670" spans="1:2" x14ac:dyDescent="0.3">
      <c r="A9670" s="11"/>
      <c r="B9670" s="8"/>
    </row>
    <row r="9671" spans="1:2" x14ac:dyDescent="0.3">
      <c r="A9671" s="11"/>
      <c r="B9671" s="8"/>
    </row>
    <row r="9672" spans="1:2" x14ac:dyDescent="0.3">
      <c r="A9672" s="11"/>
      <c r="B9672" s="8"/>
    </row>
    <row r="9673" spans="1:2" x14ac:dyDescent="0.3">
      <c r="A9673" s="11"/>
      <c r="B9673" s="8"/>
    </row>
    <row r="9674" spans="1:2" x14ac:dyDescent="0.3">
      <c r="A9674" s="11"/>
      <c r="B9674" s="8"/>
    </row>
    <row r="9675" spans="1:2" x14ac:dyDescent="0.3">
      <c r="A9675" s="11"/>
      <c r="B9675" s="8"/>
    </row>
    <row r="9676" spans="1:2" x14ac:dyDescent="0.3">
      <c r="A9676" s="11"/>
      <c r="B9676" s="8"/>
    </row>
    <row r="9677" spans="1:2" x14ac:dyDescent="0.3">
      <c r="A9677" s="11"/>
      <c r="B9677" s="8"/>
    </row>
    <row r="9678" spans="1:2" x14ac:dyDescent="0.3">
      <c r="A9678" s="11"/>
      <c r="B9678" s="8"/>
    </row>
    <row r="9679" spans="1:2" x14ac:dyDescent="0.3">
      <c r="A9679" s="11"/>
      <c r="B9679" s="8"/>
    </row>
    <row r="9680" spans="1:2" x14ac:dyDescent="0.3">
      <c r="A9680" s="11"/>
      <c r="B9680" s="8"/>
    </row>
    <row r="9681" spans="1:2" x14ac:dyDescent="0.3">
      <c r="A9681" s="11"/>
      <c r="B9681" s="8"/>
    </row>
    <row r="9682" spans="1:2" x14ac:dyDescent="0.3">
      <c r="A9682" s="11"/>
      <c r="B9682" s="8"/>
    </row>
    <row r="9683" spans="1:2" x14ac:dyDescent="0.3">
      <c r="A9683" s="11"/>
      <c r="B9683" s="8"/>
    </row>
    <row r="9684" spans="1:2" x14ac:dyDescent="0.3">
      <c r="A9684" s="11"/>
      <c r="B9684" s="8"/>
    </row>
    <row r="9685" spans="1:2" x14ac:dyDescent="0.3">
      <c r="A9685" s="11"/>
      <c r="B9685" s="8"/>
    </row>
    <row r="9686" spans="1:2" x14ac:dyDescent="0.3">
      <c r="A9686" s="11"/>
      <c r="B9686" s="8"/>
    </row>
    <row r="9687" spans="1:2" x14ac:dyDescent="0.3">
      <c r="A9687" s="11"/>
      <c r="B9687" s="8"/>
    </row>
    <row r="9688" spans="1:2" x14ac:dyDescent="0.3">
      <c r="A9688" s="11"/>
      <c r="B9688" s="8"/>
    </row>
    <row r="9689" spans="1:2" x14ac:dyDescent="0.3">
      <c r="A9689" s="11"/>
      <c r="B9689" s="8"/>
    </row>
    <row r="9690" spans="1:2" x14ac:dyDescent="0.3">
      <c r="A9690" s="11"/>
      <c r="B9690" s="8"/>
    </row>
    <row r="9691" spans="1:2" x14ac:dyDescent="0.3">
      <c r="A9691" s="11"/>
      <c r="B9691" s="8"/>
    </row>
    <row r="9692" spans="1:2" x14ac:dyDescent="0.3">
      <c r="A9692" s="11"/>
      <c r="B9692" s="8"/>
    </row>
    <row r="9693" spans="1:2" x14ac:dyDescent="0.3">
      <c r="A9693" s="11"/>
      <c r="B9693" s="8"/>
    </row>
    <row r="9694" spans="1:2" x14ac:dyDescent="0.3">
      <c r="A9694" s="11"/>
      <c r="B9694" s="8"/>
    </row>
    <row r="9695" spans="1:2" x14ac:dyDescent="0.3">
      <c r="A9695" s="11"/>
      <c r="B9695" s="8"/>
    </row>
    <row r="9696" spans="1:2" x14ac:dyDescent="0.3">
      <c r="A9696" s="11"/>
      <c r="B9696" s="8"/>
    </row>
    <row r="9697" spans="1:2" x14ac:dyDescent="0.3">
      <c r="A9697" s="11"/>
      <c r="B9697" s="8"/>
    </row>
    <row r="9698" spans="1:2" x14ac:dyDescent="0.3">
      <c r="A9698" s="11"/>
      <c r="B9698" s="8"/>
    </row>
    <row r="9699" spans="1:2" x14ac:dyDescent="0.3">
      <c r="A9699" s="11"/>
      <c r="B9699" s="8"/>
    </row>
    <row r="9700" spans="1:2" x14ac:dyDescent="0.3">
      <c r="A9700" s="11"/>
      <c r="B9700" s="8"/>
    </row>
    <row r="9701" spans="1:2" x14ac:dyDescent="0.3">
      <c r="A9701" s="11"/>
      <c r="B9701" s="8"/>
    </row>
    <row r="9702" spans="1:2" x14ac:dyDescent="0.3">
      <c r="A9702" s="11"/>
      <c r="B9702" s="8"/>
    </row>
    <row r="9703" spans="1:2" x14ac:dyDescent="0.3">
      <c r="A9703" s="11"/>
      <c r="B9703" s="8"/>
    </row>
    <row r="9704" spans="1:2" x14ac:dyDescent="0.3">
      <c r="A9704" s="11"/>
      <c r="B9704" s="8"/>
    </row>
    <row r="9705" spans="1:2" x14ac:dyDescent="0.3">
      <c r="A9705" s="11"/>
      <c r="B9705" s="8"/>
    </row>
    <row r="9706" spans="1:2" x14ac:dyDescent="0.3">
      <c r="A9706" s="11"/>
      <c r="B9706" s="8"/>
    </row>
    <row r="9707" spans="1:2" x14ac:dyDescent="0.3">
      <c r="A9707" s="11"/>
      <c r="B9707" s="8"/>
    </row>
    <row r="9708" spans="1:2" x14ac:dyDescent="0.3">
      <c r="A9708" s="11"/>
      <c r="B9708" s="8"/>
    </row>
    <row r="9709" spans="1:2" x14ac:dyDescent="0.3">
      <c r="A9709" s="11"/>
      <c r="B9709" s="8"/>
    </row>
    <row r="9710" spans="1:2" x14ac:dyDescent="0.3">
      <c r="A9710" s="11"/>
      <c r="B9710" s="8"/>
    </row>
    <row r="9711" spans="1:2" x14ac:dyDescent="0.3">
      <c r="A9711" s="11"/>
      <c r="B9711" s="8"/>
    </row>
    <row r="9712" spans="1:2" x14ac:dyDescent="0.3">
      <c r="A9712" s="11"/>
      <c r="B9712" s="8"/>
    </row>
    <row r="9713" spans="1:2" x14ac:dyDescent="0.3">
      <c r="A9713" s="11"/>
      <c r="B9713" s="8"/>
    </row>
    <row r="9714" spans="1:2" x14ac:dyDescent="0.3">
      <c r="A9714" s="11"/>
      <c r="B9714" s="8"/>
    </row>
    <row r="9715" spans="1:2" x14ac:dyDescent="0.3">
      <c r="A9715" s="11"/>
      <c r="B9715" s="8"/>
    </row>
    <row r="9716" spans="1:2" x14ac:dyDescent="0.3">
      <c r="A9716" s="11"/>
      <c r="B9716" s="8"/>
    </row>
    <row r="9717" spans="1:2" x14ac:dyDescent="0.3">
      <c r="A9717" s="11"/>
      <c r="B9717" s="8"/>
    </row>
    <row r="9718" spans="1:2" x14ac:dyDescent="0.3">
      <c r="A9718" s="11"/>
      <c r="B9718" s="8"/>
    </row>
    <row r="9719" spans="1:2" x14ac:dyDescent="0.3">
      <c r="A9719" s="11"/>
      <c r="B9719" s="8"/>
    </row>
    <row r="9720" spans="1:2" x14ac:dyDescent="0.3">
      <c r="A9720" s="11"/>
      <c r="B9720" s="8"/>
    </row>
    <row r="9721" spans="1:2" x14ac:dyDescent="0.3">
      <c r="A9721" s="11"/>
      <c r="B9721" s="8"/>
    </row>
    <row r="9722" spans="1:2" x14ac:dyDescent="0.3">
      <c r="A9722" s="11"/>
      <c r="B9722" s="8"/>
    </row>
    <row r="9723" spans="1:2" x14ac:dyDescent="0.3">
      <c r="A9723" s="11"/>
      <c r="B9723" s="8"/>
    </row>
    <row r="9724" spans="1:2" x14ac:dyDescent="0.3">
      <c r="A9724" s="11"/>
      <c r="B9724" s="8"/>
    </row>
    <row r="9725" spans="1:2" x14ac:dyDescent="0.3">
      <c r="A9725" s="11"/>
      <c r="B9725" s="8"/>
    </row>
    <row r="9726" spans="1:2" x14ac:dyDescent="0.3">
      <c r="A9726" s="11"/>
      <c r="B9726" s="8"/>
    </row>
    <row r="9727" spans="1:2" x14ac:dyDescent="0.3">
      <c r="A9727" s="11"/>
      <c r="B9727" s="8"/>
    </row>
    <row r="9728" spans="1:2" x14ac:dyDescent="0.3">
      <c r="A9728" s="11"/>
      <c r="B9728" s="8"/>
    </row>
    <row r="9729" spans="1:2" x14ac:dyDescent="0.3">
      <c r="A9729" s="11"/>
      <c r="B9729" s="8"/>
    </row>
    <row r="9730" spans="1:2" x14ac:dyDescent="0.3">
      <c r="A9730" s="11"/>
      <c r="B9730" s="8"/>
    </row>
    <row r="9731" spans="1:2" x14ac:dyDescent="0.3">
      <c r="A9731" s="11"/>
      <c r="B9731" s="8"/>
    </row>
    <row r="9732" spans="1:2" x14ac:dyDescent="0.3">
      <c r="A9732" s="11"/>
      <c r="B9732" s="8"/>
    </row>
    <row r="9733" spans="1:2" x14ac:dyDescent="0.3">
      <c r="A9733" s="11"/>
      <c r="B9733" s="8"/>
    </row>
    <row r="9734" spans="1:2" x14ac:dyDescent="0.3">
      <c r="A9734" s="11"/>
      <c r="B9734" s="8"/>
    </row>
    <row r="9735" spans="1:2" x14ac:dyDescent="0.3">
      <c r="A9735" s="11"/>
      <c r="B9735" s="8"/>
    </row>
    <row r="9736" spans="1:2" x14ac:dyDescent="0.3">
      <c r="A9736" s="11"/>
      <c r="B9736" s="8"/>
    </row>
    <row r="9737" spans="1:2" x14ac:dyDescent="0.3">
      <c r="A9737" s="11"/>
      <c r="B9737" s="8"/>
    </row>
    <row r="9738" spans="1:2" x14ac:dyDescent="0.3">
      <c r="A9738" s="11"/>
      <c r="B9738" s="8"/>
    </row>
    <row r="9739" spans="1:2" x14ac:dyDescent="0.3">
      <c r="A9739" s="11"/>
      <c r="B9739" s="8"/>
    </row>
    <row r="9740" spans="1:2" x14ac:dyDescent="0.3">
      <c r="A9740" s="11"/>
      <c r="B9740" s="8"/>
    </row>
    <row r="9741" spans="1:2" x14ac:dyDescent="0.3">
      <c r="A9741" s="11"/>
      <c r="B9741" s="8"/>
    </row>
    <row r="9742" spans="1:2" x14ac:dyDescent="0.3">
      <c r="A9742" s="11"/>
      <c r="B9742" s="8"/>
    </row>
    <row r="9743" spans="1:2" x14ac:dyDescent="0.3">
      <c r="A9743" s="11"/>
      <c r="B9743" s="8"/>
    </row>
    <row r="9744" spans="1:2" x14ac:dyDescent="0.3">
      <c r="A9744" s="11"/>
      <c r="B9744" s="8"/>
    </row>
    <row r="9745" spans="1:2" x14ac:dyDescent="0.3">
      <c r="A9745" s="11"/>
      <c r="B9745" s="8"/>
    </row>
    <row r="9746" spans="1:2" x14ac:dyDescent="0.3">
      <c r="A9746" s="11"/>
      <c r="B9746" s="8"/>
    </row>
    <row r="9747" spans="1:2" x14ac:dyDescent="0.3">
      <c r="A9747" s="11"/>
      <c r="B9747" s="8"/>
    </row>
    <row r="9748" spans="1:2" x14ac:dyDescent="0.3">
      <c r="A9748" s="11"/>
      <c r="B9748" s="8"/>
    </row>
    <row r="9749" spans="1:2" x14ac:dyDescent="0.3">
      <c r="A9749" s="11"/>
      <c r="B9749" s="8"/>
    </row>
    <row r="9750" spans="1:2" x14ac:dyDescent="0.3">
      <c r="A9750" s="11"/>
      <c r="B9750" s="8"/>
    </row>
    <row r="9751" spans="1:2" x14ac:dyDescent="0.3">
      <c r="A9751" s="11"/>
      <c r="B9751" s="8"/>
    </row>
    <row r="9752" spans="1:2" x14ac:dyDescent="0.3">
      <c r="A9752" s="11"/>
      <c r="B9752" s="8"/>
    </row>
    <row r="9753" spans="1:2" x14ac:dyDescent="0.3">
      <c r="A9753" s="11"/>
      <c r="B9753" s="8"/>
    </row>
    <row r="9754" spans="1:2" x14ac:dyDescent="0.3">
      <c r="A9754" s="11"/>
      <c r="B9754" s="8"/>
    </row>
    <row r="9755" spans="1:2" x14ac:dyDescent="0.3">
      <c r="A9755" s="11"/>
      <c r="B9755" s="8"/>
    </row>
    <row r="9756" spans="1:2" x14ac:dyDescent="0.3">
      <c r="A9756" s="11"/>
      <c r="B9756" s="8"/>
    </row>
    <row r="9757" spans="1:2" x14ac:dyDescent="0.3">
      <c r="A9757" s="11"/>
      <c r="B9757" s="8"/>
    </row>
    <row r="9758" spans="1:2" x14ac:dyDescent="0.3">
      <c r="A9758" s="11"/>
      <c r="B9758" s="8"/>
    </row>
    <row r="9759" spans="1:2" x14ac:dyDescent="0.3">
      <c r="A9759" s="11"/>
      <c r="B9759" s="8"/>
    </row>
    <row r="9760" spans="1:2" x14ac:dyDescent="0.3">
      <c r="A9760" s="11"/>
      <c r="B9760" s="8"/>
    </row>
    <row r="9761" spans="1:2" x14ac:dyDescent="0.3">
      <c r="A9761" s="11"/>
      <c r="B9761" s="8"/>
    </row>
    <row r="9762" spans="1:2" x14ac:dyDescent="0.3">
      <c r="A9762" s="11"/>
      <c r="B9762" s="8"/>
    </row>
    <row r="9763" spans="1:2" x14ac:dyDescent="0.3">
      <c r="A9763" s="11"/>
      <c r="B9763" s="8"/>
    </row>
    <row r="9764" spans="1:2" x14ac:dyDescent="0.3">
      <c r="A9764" s="11"/>
      <c r="B9764" s="8"/>
    </row>
    <row r="9765" spans="1:2" x14ac:dyDescent="0.3">
      <c r="A9765" s="11"/>
      <c r="B9765" s="8"/>
    </row>
    <row r="9766" spans="1:2" x14ac:dyDescent="0.3">
      <c r="A9766" s="11"/>
      <c r="B9766" s="8"/>
    </row>
    <row r="9767" spans="1:2" x14ac:dyDescent="0.3">
      <c r="A9767" s="11"/>
      <c r="B9767" s="8"/>
    </row>
    <row r="9768" spans="1:2" x14ac:dyDescent="0.3">
      <c r="A9768" s="11"/>
      <c r="B9768" s="8"/>
    </row>
    <row r="9769" spans="1:2" x14ac:dyDescent="0.3">
      <c r="A9769" s="11"/>
      <c r="B9769" s="8"/>
    </row>
    <row r="9770" spans="1:2" x14ac:dyDescent="0.3">
      <c r="A9770" s="11"/>
      <c r="B9770" s="8"/>
    </row>
    <row r="9771" spans="1:2" x14ac:dyDescent="0.3">
      <c r="A9771" s="11"/>
      <c r="B9771" s="8"/>
    </row>
    <row r="9772" spans="1:2" x14ac:dyDescent="0.3">
      <c r="A9772" s="11"/>
      <c r="B9772" s="8"/>
    </row>
    <row r="9773" spans="1:2" x14ac:dyDescent="0.3">
      <c r="A9773" s="11"/>
      <c r="B9773" s="8"/>
    </row>
    <row r="9774" spans="1:2" x14ac:dyDescent="0.3">
      <c r="A9774" s="11"/>
      <c r="B9774" s="8"/>
    </row>
    <row r="9775" spans="1:2" x14ac:dyDescent="0.3">
      <c r="A9775" s="11"/>
      <c r="B9775" s="8"/>
    </row>
    <row r="9776" spans="1:2" x14ac:dyDescent="0.3">
      <c r="A9776" s="11"/>
      <c r="B9776" s="8"/>
    </row>
    <row r="9777" spans="1:2" x14ac:dyDescent="0.3">
      <c r="A9777" s="11"/>
      <c r="B9777" s="8"/>
    </row>
    <row r="9778" spans="1:2" x14ac:dyDescent="0.3">
      <c r="A9778" s="11"/>
      <c r="B9778" s="8"/>
    </row>
    <row r="9779" spans="1:2" x14ac:dyDescent="0.3">
      <c r="A9779" s="11"/>
      <c r="B9779" s="8"/>
    </row>
    <row r="9780" spans="1:2" x14ac:dyDescent="0.3">
      <c r="A9780" s="11"/>
      <c r="B9780" s="8"/>
    </row>
    <row r="9781" spans="1:2" x14ac:dyDescent="0.3">
      <c r="A9781" s="11"/>
      <c r="B9781" s="8"/>
    </row>
    <row r="9782" spans="1:2" x14ac:dyDescent="0.3">
      <c r="A9782" s="11"/>
      <c r="B9782" s="8"/>
    </row>
    <row r="9783" spans="1:2" x14ac:dyDescent="0.3">
      <c r="A9783" s="11"/>
      <c r="B9783" s="8"/>
    </row>
    <row r="9784" spans="1:2" x14ac:dyDescent="0.3">
      <c r="A9784" s="11"/>
      <c r="B9784" s="8"/>
    </row>
    <row r="9785" spans="1:2" x14ac:dyDescent="0.3">
      <c r="A9785" s="11"/>
      <c r="B9785" s="8"/>
    </row>
    <row r="9786" spans="1:2" x14ac:dyDescent="0.3">
      <c r="A9786" s="11"/>
      <c r="B9786" s="8"/>
    </row>
    <row r="9787" spans="1:2" x14ac:dyDescent="0.3">
      <c r="A9787" s="11"/>
      <c r="B9787" s="8"/>
    </row>
    <row r="9788" spans="1:2" x14ac:dyDescent="0.3">
      <c r="A9788" s="11"/>
      <c r="B9788" s="8"/>
    </row>
    <row r="9789" spans="1:2" x14ac:dyDescent="0.3">
      <c r="A9789" s="11"/>
      <c r="B9789" s="8"/>
    </row>
    <row r="9790" spans="1:2" x14ac:dyDescent="0.3">
      <c r="A9790" s="11"/>
      <c r="B9790" s="8"/>
    </row>
    <row r="9791" spans="1:2" x14ac:dyDescent="0.3">
      <c r="A9791" s="11"/>
      <c r="B9791" s="8"/>
    </row>
    <row r="9792" spans="1:2" x14ac:dyDescent="0.3">
      <c r="A9792" s="11"/>
      <c r="B9792" s="8"/>
    </row>
    <row r="9793" spans="1:2" x14ac:dyDescent="0.3">
      <c r="A9793" s="11"/>
      <c r="B9793" s="8"/>
    </row>
    <row r="9794" spans="1:2" x14ac:dyDescent="0.3">
      <c r="A9794" s="11"/>
      <c r="B9794" s="8"/>
    </row>
    <row r="9795" spans="1:2" x14ac:dyDescent="0.3">
      <c r="A9795" s="11"/>
      <c r="B9795" s="8"/>
    </row>
    <row r="9796" spans="1:2" x14ac:dyDescent="0.3">
      <c r="A9796" s="11"/>
      <c r="B9796" s="8"/>
    </row>
    <row r="9797" spans="1:2" x14ac:dyDescent="0.3">
      <c r="A9797" s="11"/>
      <c r="B9797" s="8"/>
    </row>
    <row r="9798" spans="1:2" x14ac:dyDescent="0.3">
      <c r="A9798" s="11"/>
      <c r="B9798" s="8"/>
    </row>
    <row r="9799" spans="1:2" x14ac:dyDescent="0.3">
      <c r="A9799" s="11"/>
      <c r="B9799" s="8"/>
    </row>
    <row r="9800" spans="1:2" x14ac:dyDescent="0.3">
      <c r="A9800" s="11"/>
      <c r="B9800" s="8"/>
    </row>
    <row r="9801" spans="1:2" x14ac:dyDescent="0.3">
      <c r="A9801" s="11"/>
      <c r="B9801" s="8"/>
    </row>
    <row r="9802" spans="1:2" x14ac:dyDescent="0.3">
      <c r="A9802" s="11"/>
      <c r="B9802" s="8"/>
    </row>
    <row r="9803" spans="1:2" x14ac:dyDescent="0.3">
      <c r="A9803" s="11"/>
      <c r="B9803" s="8"/>
    </row>
    <row r="9804" spans="1:2" x14ac:dyDescent="0.3">
      <c r="A9804" s="11"/>
      <c r="B9804" s="8"/>
    </row>
    <row r="9805" spans="1:2" x14ac:dyDescent="0.3">
      <c r="A9805" s="11"/>
      <c r="B9805" s="8"/>
    </row>
    <row r="9806" spans="1:2" x14ac:dyDescent="0.3">
      <c r="A9806" s="11"/>
      <c r="B9806" s="8"/>
    </row>
    <row r="9807" spans="1:2" x14ac:dyDescent="0.3">
      <c r="A9807" s="11"/>
      <c r="B9807" s="8"/>
    </row>
    <row r="9808" spans="1:2" x14ac:dyDescent="0.3">
      <c r="A9808" s="11"/>
      <c r="B9808" s="8"/>
    </row>
    <row r="9809" spans="1:2" x14ac:dyDescent="0.3">
      <c r="A9809" s="11"/>
      <c r="B9809" s="8"/>
    </row>
    <row r="9810" spans="1:2" x14ac:dyDescent="0.3">
      <c r="A9810" s="11"/>
      <c r="B9810" s="8"/>
    </row>
    <row r="9811" spans="1:2" x14ac:dyDescent="0.3">
      <c r="A9811" s="11"/>
      <c r="B9811" s="8"/>
    </row>
    <row r="9812" spans="1:2" x14ac:dyDescent="0.3">
      <c r="A9812" s="11"/>
      <c r="B9812" s="8"/>
    </row>
    <row r="9813" spans="1:2" x14ac:dyDescent="0.3">
      <c r="A9813" s="11"/>
      <c r="B9813" s="8"/>
    </row>
    <row r="9814" spans="1:2" x14ac:dyDescent="0.3">
      <c r="A9814" s="11"/>
      <c r="B9814" s="8"/>
    </row>
    <row r="9815" spans="1:2" x14ac:dyDescent="0.3">
      <c r="A9815" s="11"/>
      <c r="B9815" s="8"/>
    </row>
    <row r="9816" spans="1:2" x14ac:dyDescent="0.3">
      <c r="A9816" s="11"/>
      <c r="B9816" s="8"/>
    </row>
    <row r="9817" spans="1:2" x14ac:dyDescent="0.3">
      <c r="A9817" s="11"/>
      <c r="B9817" s="8"/>
    </row>
    <row r="9818" spans="1:2" x14ac:dyDescent="0.3">
      <c r="A9818" s="11"/>
      <c r="B9818" s="8"/>
    </row>
    <row r="9819" spans="1:2" x14ac:dyDescent="0.3">
      <c r="A9819" s="11"/>
      <c r="B9819" s="8"/>
    </row>
    <row r="9820" spans="1:2" x14ac:dyDescent="0.3">
      <c r="A9820" s="11"/>
      <c r="B9820" s="8"/>
    </row>
    <row r="9821" spans="1:2" x14ac:dyDescent="0.3">
      <c r="A9821" s="11"/>
      <c r="B9821" s="8"/>
    </row>
    <row r="9822" spans="1:2" x14ac:dyDescent="0.3">
      <c r="A9822" s="11"/>
      <c r="B9822" s="8"/>
    </row>
    <row r="9823" spans="1:2" x14ac:dyDescent="0.3">
      <c r="A9823" s="11"/>
      <c r="B9823" s="8"/>
    </row>
    <row r="9824" spans="1:2" x14ac:dyDescent="0.3">
      <c r="A9824" s="11"/>
      <c r="B9824" s="8"/>
    </row>
    <row r="9825" spans="1:2" x14ac:dyDescent="0.3">
      <c r="A9825" s="11"/>
      <c r="B9825" s="8"/>
    </row>
    <row r="9826" spans="1:2" x14ac:dyDescent="0.3">
      <c r="A9826" s="11"/>
      <c r="B9826" s="8"/>
    </row>
    <row r="9827" spans="1:2" x14ac:dyDescent="0.3">
      <c r="A9827" s="11"/>
      <c r="B9827" s="8"/>
    </row>
    <row r="9828" spans="1:2" x14ac:dyDescent="0.3">
      <c r="A9828" s="11"/>
      <c r="B9828" s="8"/>
    </row>
    <row r="9829" spans="1:2" x14ac:dyDescent="0.3">
      <c r="A9829" s="11"/>
      <c r="B9829" s="8"/>
    </row>
    <row r="9830" spans="1:2" x14ac:dyDescent="0.3">
      <c r="A9830" s="11"/>
      <c r="B9830" s="8"/>
    </row>
    <row r="9831" spans="1:2" x14ac:dyDescent="0.3">
      <c r="A9831" s="11"/>
      <c r="B9831" s="8"/>
    </row>
    <row r="9832" spans="1:2" x14ac:dyDescent="0.3">
      <c r="A9832" s="11"/>
      <c r="B9832" s="8"/>
    </row>
    <row r="9833" spans="1:2" x14ac:dyDescent="0.3">
      <c r="A9833" s="11"/>
      <c r="B9833" s="8"/>
    </row>
    <row r="9834" spans="1:2" x14ac:dyDescent="0.3">
      <c r="A9834" s="11"/>
      <c r="B9834" s="8"/>
    </row>
    <row r="9835" spans="1:2" x14ac:dyDescent="0.3">
      <c r="A9835" s="11"/>
      <c r="B9835" s="8"/>
    </row>
    <row r="9836" spans="1:2" x14ac:dyDescent="0.3">
      <c r="A9836" s="11"/>
      <c r="B9836" s="8"/>
    </row>
    <row r="9837" spans="1:2" x14ac:dyDescent="0.3">
      <c r="A9837" s="11"/>
      <c r="B9837" s="8"/>
    </row>
    <row r="9838" spans="1:2" x14ac:dyDescent="0.3">
      <c r="A9838" s="11"/>
      <c r="B9838" s="8"/>
    </row>
    <row r="9839" spans="1:2" x14ac:dyDescent="0.3">
      <c r="A9839" s="11"/>
      <c r="B9839" s="8"/>
    </row>
    <row r="9840" spans="1:2" x14ac:dyDescent="0.3">
      <c r="A9840" s="11"/>
      <c r="B9840" s="8"/>
    </row>
    <row r="9841" spans="1:2" x14ac:dyDescent="0.3">
      <c r="A9841" s="11"/>
      <c r="B9841" s="8"/>
    </row>
    <row r="9842" spans="1:2" x14ac:dyDescent="0.3">
      <c r="A9842" s="11"/>
      <c r="B9842" s="8"/>
    </row>
    <row r="9843" spans="1:2" x14ac:dyDescent="0.3">
      <c r="A9843" s="11"/>
      <c r="B9843" s="8"/>
    </row>
    <row r="9844" spans="1:2" x14ac:dyDescent="0.3">
      <c r="A9844" s="11"/>
      <c r="B9844" s="8"/>
    </row>
    <row r="9845" spans="1:2" x14ac:dyDescent="0.3">
      <c r="A9845" s="11"/>
      <c r="B9845" s="8"/>
    </row>
    <row r="9846" spans="1:2" x14ac:dyDescent="0.3">
      <c r="A9846" s="11"/>
      <c r="B9846" s="8"/>
    </row>
    <row r="9847" spans="1:2" x14ac:dyDescent="0.3">
      <c r="A9847" s="11"/>
      <c r="B9847" s="8"/>
    </row>
    <row r="9848" spans="1:2" x14ac:dyDescent="0.3">
      <c r="A9848" s="11"/>
      <c r="B9848" s="8"/>
    </row>
    <row r="9849" spans="1:2" x14ac:dyDescent="0.3">
      <c r="A9849" s="11"/>
      <c r="B9849" s="8"/>
    </row>
    <row r="9850" spans="1:2" x14ac:dyDescent="0.3">
      <c r="A9850" s="11"/>
      <c r="B9850" s="8"/>
    </row>
    <row r="9851" spans="1:2" x14ac:dyDescent="0.3">
      <c r="A9851" s="11"/>
      <c r="B9851" s="8"/>
    </row>
    <row r="9852" spans="1:2" x14ac:dyDescent="0.3">
      <c r="A9852" s="11"/>
      <c r="B9852" s="8"/>
    </row>
    <row r="9853" spans="1:2" x14ac:dyDescent="0.3">
      <c r="A9853" s="11"/>
      <c r="B9853" s="8"/>
    </row>
    <row r="9854" spans="1:2" x14ac:dyDescent="0.3">
      <c r="A9854" s="11"/>
      <c r="B9854" s="8"/>
    </row>
    <row r="9855" spans="1:2" x14ac:dyDescent="0.3">
      <c r="A9855" s="11"/>
      <c r="B9855" s="8"/>
    </row>
    <row r="9856" spans="1:2" x14ac:dyDescent="0.3">
      <c r="A9856" s="11"/>
      <c r="B9856" s="8"/>
    </row>
    <row r="9857" spans="1:2" x14ac:dyDescent="0.3">
      <c r="A9857" s="11"/>
      <c r="B9857" s="8"/>
    </row>
    <row r="9858" spans="1:2" x14ac:dyDescent="0.3">
      <c r="A9858" s="11"/>
      <c r="B9858" s="8"/>
    </row>
    <row r="9859" spans="1:2" x14ac:dyDescent="0.3">
      <c r="A9859" s="11"/>
      <c r="B9859" s="8"/>
    </row>
    <row r="9860" spans="1:2" x14ac:dyDescent="0.3">
      <c r="A9860" s="11"/>
      <c r="B9860" s="8"/>
    </row>
    <row r="9861" spans="1:2" x14ac:dyDescent="0.3">
      <c r="A9861" s="11"/>
      <c r="B9861" s="8"/>
    </row>
    <row r="9862" spans="1:2" x14ac:dyDescent="0.3">
      <c r="A9862" s="11"/>
      <c r="B9862" s="8"/>
    </row>
    <row r="9863" spans="1:2" x14ac:dyDescent="0.3">
      <c r="A9863" s="11"/>
      <c r="B9863" s="8"/>
    </row>
    <row r="9864" spans="1:2" x14ac:dyDescent="0.3">
      <c r="A9864" s="11"/>
      <c r="B9864" s="8"/>
    </row>
    <row r="9865" spans="1:2" x14ac:dyDescent="0.3">
      <c r="A9865" s="11"/>
      <c r="B9865" s="8"/>
    </row>
    <row r="9866" spans="1:2" x14ac:dyDescent="0.3">
      <c r="A9866" s="11"/>
      <c r="B9866" s="8"/>
    </row>
    <row r="9867" spans="1:2" x14ac:dyDescent="0.3">
      <c r="A9867" s="11"/>
      <c r="B9867" s="8"/>
    </row>
    <row r="9868" spans="1:2" x14ac:dyDescent="0.3">
      <c r="A9868" s="11"/>
      <c r="B9868" s="8"/>
    </row>
    <row r="9869" spans="1:2" x14ac:dyDescent="0.3">
      <c r="A9869" s="11"/>
      <c r="B9869" s="8"/>
    </row>
    <row r="9870" spans="1:2" x14ac:dyDescent="0.3">
      <c r="A9870" s="11"/>
      <c r="B9870" s="8"/>
    </row>
    <row r="9871" spans="1:2" x14ac:dyDescent="0.3">
      <c r="A9871" s="11"/>
      <c r="B9871" s="8"/>
    </row>
    <row r="9872" spans="1:2" x14ac:dyDescent="0.3">
      <c r="A9872" s="11"/>
      <c r="B9872" s="8"/>
    </row>
    <row r="9873" spans="1:2" x14ac:dyDescent="0.3">
      <c r="A9873" s="11"/>
      <c r="B9873" s="8"/>
    </row>
    <row r="9874" spans="1:2" x14ac:dyDescent="0.3">
      <c r="A9874" s="11"/>
      <c r="B9874" s="8"/>
    </row>
    <row r="9875" spans="1:2" x14ac:dyDescent="0.3">
      <c r="A9875" s="11"/>
      <c r="B9875" s="8"/>
    </row>
    <row r="9876" spans="1:2" x14ac:dyDescent="0.3">
      <c r="A9876" s="11"/>
      <c r="B9876" s="8"/>
    </row>
    <row r="9877" spans="1:2" x14ac:dyDescent="0.3">
      <c r="A9877" s="11"/>
      <c r="B9877" s="8"/>
    </row>
    <row r="9878" spans="1:2" x14ac:dyDescent="0.3">
      <c r="A9878" s="11"/>
      <c r="B9878" s="8"/>
    </row>
    <row r="9879" spans="1:2" x14ac:dyDescent="0.3">
      <c r="A9879" s="11"/>
      <c r="B9879" s="8"/>
    </row>
    <row r="9880" spans="1:2" x14ac:dyDescent="0.3">
      <c r="A9880" s="11"/>
      <c r="B9880" s="8"/>
    </row>
    <row r="9881" spans="1:2" x14ac:dyDescent="0.3">
      <c r="A9881" s="11"/>
      <c r="B9881" s="8"/>
    </row>
    <row r="9882" spans="1:2" x14ac:dyDescent="0.3">
      <c r="A9882" s="11"/>
      <c r="B9882" s="8"/>
    </row>
    <row r="9883" spans="1:2" x14ac:dyDescent="0.3">
      <c r="A9883" s="11"/>
      <c r="B9883" s="8"/>
    </row>
    <row r="9884" spans="1:2" x14ac:dyDescent="0.3">
      <c r="A9884" s="11"/>
      <c r="B9884" s="8"/>
    </row>
    <row r="9885" spans="1:2" x14ac:dyDescent="0.3">
      <c r="A9885" s="11"/>
      <c r="B9885" s="8"/>
    </row>
    <row r="9886" spans="1:2" x14ac:dyDescent="0.3">
      <c r="A9886" s="11"/>
      <c r="B9886" s="8"/>
    </row>
    <row r="9887" spans="1:2" x14ac:dyDescent="0.3">
      <c r="A9887" s="11"/>
      <c r="B9887" s="8"/>
    </row>
    <row r="9888" spans="1:2" x14ac:dyDescent="0.3">
      <c r="A9888" s="11"/>
      <c r="B9888" s="8"/>
    </row>
    <row r="9889" spans="1:2" x14ac:dyDescent="0.3">
      <c r="A9889" s="11"/>
      <c r="B9889" s="8"/>
    </row>
    <row r="9890" spans="1:2" x14ac:dyDescent="0.3">
      <c r="A9890" s="11"/>
      <c r="B9890" s="8"/>
    </row>
    <row r="9891" spans="1:2" x14ac:dyDescent="0.3">
      <c r="A9891" s="11"/>
      <c r="B9891" s="8"/>
    </row>
    <row r="9892" spans="1:2" x14ac:dyDescent="0.3">
      <c r="A9892" s="11"/>
      <c r="B9892" s="8"/>
    </row>
    <row r="9893" spans="1:2" x14ac:dyDescent="0.3">
      <c r="A9893" s="11"/>
      <c r="B9893" s="8"/>
    </row>
    <row r="9894" spans="1:2" x14ac:dyDescent="0.3">
      <c r="A9894" s="11"/>
      <c r="B9894" s="8"/>
    </row>
    <row r="9895" spans="1:2" x14ac:dyDescent="0.3">
      <c r="A9895" s="11"/>
      <c r="B9895" s="8"/>
    </row>
    <row r="9896" spans="1:2" x14ac:dyDescent="0.3">
      <c r="A9896" s="11"/>
      <c r="B9896" s="8"/>
    </row>
    <row r="9897" spans="1:2" x14ac:dyDescent="0.3">
      <c r="A9897" s="11"/>
      <c r="B9897" s="8"/>
    </row>
    <row r="9898" spans="1:2" x14ac:dyDescent="0.3">
      <c r="A9898" s="11"/>
      <c r="B9898" s="8"/>
    </row>
    <row r="9899" spans="1:2" x14ac:dyDescent="0.3">
      <c r="A9899" s="11"/>
      <c r="B9899" s="8"/>
    </row>
    <row r="9900" spans="1:2" x14ac:dyDescent="0.3">
      <c r="A9900" s="11"/>
      <c r="B9900" s="8"/>
    </row>
    <row r="9901" spans="1:2" x14ac:dyDescent="0.3">
      <c r="A9901" s="11"/>
      <c r="B9901" s="8"/>
    </row>
    <row r="9902" spans="1:2" x14ac:dyDescent="0.3">
      <c r="A9902" s="11"/>
      <c r="B9902" s="8"/>
    </row>
    <row r="9903" spans="1:2" x14ac:dyDescent="0.3">
      <c r="A9903" s="11"/>
      <c r="B9903" s="8"/>
    </row>
    <row r="9904" spans="1:2" x14ac:dyDescent="0.3">
      <c r="A9904" s="11"/>
      <c r="B9904" s="8"/>
    </row>
    <row r="9905" spans="1:2" x14ac:dyDescent="0.3">
      <c r="A9905" s="11"/>
      <c r="B9905" s="8"/>
    </row>
    <row r="9906" spans="1:2" x14ac:dyDescent="0.3">
      <c r="A9906" s="11"/>
      <c r="B9906" s="8"/>
    </row>
    <row r="9907" spans="1:2" x14ac:dyDescent="0.3">
      <c r="A9907" s="11"/>
      <c r="B9907" s="8"/>
    </row>
    <row r="9908" spans="1:2" x14ac:dyDescent="0.3">
      <c r="A9908" s="11"/>
      <c r="B9908" s="8"/>
    </row>
    <row r="9909" spans="1:2" x14ac:dyDescent="0.3">
      <c r="A9909" s="11"/>
      <c r="B9909" s="8"/>
    </row>
    <row r="9910" spans="1:2" x14ac:dyDescent="0.3">
      <c r="A9910" s="11"/>
      <c r="B9910" s="8"/>
    </row>
    <row r="9911" spans="1:2" x14ac:dyDescent="0.3">
      <c r="A9911" s="11"/>
      <c r="B9911" s="8"/>
    </row>
    <row r="9912" spans="1:2" x14ac:dyDescent="0.3">
      <c r="A9912" s="11"/>
      <c r="B9912" s="8"/>
    </row>
    <row r="9913" spans="1:2" x14ac:dyDescent="0.3">
      <c r="A9913" s="11"/>
      <c r="B9913" s="8"/>
    </row>
    <row r="9914" spans="1:2" x14ac:dyDescent="0.3">
      <c r="A9914" s="11"/>
      <c r="B9914" s="8"/>
    </row>
    <row r="9915" spans="1:2" x14ac:dyDescent="0.3">
      <c r="A9915" s="11"/>
      <c r="B9915" s="8"/>
    </row>
    <row r="9916" spans="1:2" x14ac:dyDescent="0.3">
      <c r="A9916" s="11"/>
      <c r="B9916" s="8"/>
    </row>
    <row r="9917" spans="1:2" x14ac:dyDescent="0.3">
      <c r="A9917" s="11"/>
      <c r="B9917" s="8"/>
    </row>
    <row r="9918" spans="1:2" x14ac:dyDescent="0.3">
      <c r="A9918" s="11"/>
      <c r="B9918" s="8"/>
    </row>
    <row r="9919" spans="1:2" x14ac:dyDescent="0.3">
      <c r="A9919" s="11"/>
      <c r="B9919" s="8"/>
    </row>
    <row r="9920" spans="1:2" x14ac:dyDescent="0.3">
      <c r="A9920" s="11"/>
      <c r="B9920" s="8"/>
    </row>
    <row r="9921" spans="1:2" x14ac:dyDescent="0.3">
      <c r="A9921" s="11"/>
      <c r="B9921" s="8"/>
    </row>
    <row r="9922" spans="1:2" x14ac:dyDescent="0.3">
      <c r="A9922" s="11"/>
      <c r="B9922" s="8"/>
    </row>
    <row r="9923" spans="1:2" x14ac:dyDescent="0.3">
      <c r="A9923" s="11"/>
      <c r="B9923" s="8"/>
    </row>
    <row r="9924" spans="1:2" x14ac:dyDescent="0.3">
      <c r="A9924" s="11"/>
      <c r="B9924" s="8"/>
    </row>
    <row r="9925" spans="1:2" x14ac:dyDescent="0.3">
      <c r="A9925" s="11"/>
      <c r="B9925" s="8"/>
    </row>
    <row r="9926" spans="1:2" x14ac:dyDescent="0.3">
      <c r="A9926" s="11"/>
      <c r="B9926" s="8"/>
    </row>
    <row r="9927" spans="1:2" x14ac:dyDescent="0.3">
      <c r="A9927" s="11"/>
      <c r="B9927" s="8"/>
    </row>
    <row r="9928" spans="1:2" x14ac:dyDescent="0.3">
      <c r="A9928" s="11"/>
      <c r="B9928" s="8"/>
    </row>
    <row r="9929" spans="1:2" x14ac:dyDescent="0.3">
      <c r="A9929" s="11"/>
      <c r="B9929" s="8"/>
    </row>
    <row r="9930" spans="1:2" x14ac:dyDescent="0.3">
      <c r="A9930" s="11"/>
      <c r="B9930" s="8"/>
    </row>
    <row r="9931" spans="1:2" x14ac:dyDescent="0.3">
      <c r="A9931" s="11"/>
      <c r="B9931" s="8"/>
    </row>
    <row r="9932" spans="1:2" x14ac:dyDescent="0.3">
      <c r="A9932" s="11"/>
      <c r="B9932" s="8"/>
    </row>
    <row r="9933" spans="1:2" x14ac:dyDescent="0.3">
      <c r="A9933" s="11"/>
      <c r="B9933" s="8"/>
    </row>
    <row r="9934" spans="1:2" x14ac:dyDescent="0.3">
      <c r="A9934" s="11"/>
      <c r="B9934" s="8"/>
    </row>
    <row r="9935" spans="1:2" x14ac:dyDescent="0.3">
      <c r="A9935" s="11"/>
      <c r="B9935" s="8"/>
    </row>
    <row r="9936" spans="1:2" x14ac:dyDescent="0.3">
      <c r="A9936" s="11"/>
      <c r="B9936" s="8"/>
    </row>
    <row r="9937" spans="1:2" x14ac:dyDescent="0.3">
      <c r="A9937" s="11"/>
      <c r="B9937" s="8"/>
    </row>
    <row r="9938" spans="1:2" x14ac:dyDescent="0.3">
      <c r="A9938" s="11"/>
      <c r="B9938" s="8"/>
    </row>
    <row r="9939" spans="1:2" x14ac:dyDescent="0.3">
      <c r="A9939" s="11"/>
      <c r="B9939" s="8"/>
    </row>
    <row r="9940" spans="1:2" x14ac:dyDescent="0.3">
      <c r="A9940" s="11"/>
      <c r="B9940" s="8"/>
    </row>
    <row r="9941" spans="1:2" x14ac:dyDescent="0.3">
      <c r="A9941" s="11"/>
      <c r="B9941" s="8"/>
    </row>
    <row r="9942" spans="1:2" x14ac:dyDescent="0.3">
      <c r="A9942" s="11"/>
      <c r="B9942" s="8"/>
    </row>
    <row r="9943" spans="1:2" x14ac:dyDescent="0.3">
      <c r="A9943" s="11"/>
      <c r="B9943" s="8"/>
    </row>
    <row r="9944" spans="1:2" x14ac:dyDescent="0.3">
      <c r="A9944" s="11"/>
      <c r="B9944" s="8"/>
    </row>
    <row r="9945" spans="1:2" x14ac:dyDescent="0.3">
      <c r="A9945" s="11"/>
      <c r="B9945" s="8"/>
    </row>
    <row r="9946" spans="1:2" x14ac:dyDescent="0.3">
      <c r="A9946" s="11"/>
      <c r="B9946" s="8"/>
    </row>
    <row r="9947" spans="1:2" x14ac:dyDescent="0.3">
      <c r="A9947" s="11"/>
      <c r="B9947" s="8"/>
    </row>
    <row r="9948" spans="1:2" x14ac:dyDescent="0.3">
      <c r="A9948" s="11"/>
      <c r="B9948" s="8"/>
    </row>
    <row r="9949" spans="1:2" x14ac:dyDescent="0.3">
      <c r="A9949" s="11"/>
      <c r="B9949" s="8"/>
    </row>
    <row r="9950" spans="1:2" x14ac:dyDescent="0.3">
      <c r="A9950" s="11"/>
      <c r="B9950" s="8"/>
    </row>
    <row r="9951" spans="1:2" x14ac:dyDescent="0.3">
      <c r="A9951" s="11"/>
      <c r="B9951" s="8"/>
    </row>
    <row r="9952" spans="1:2" x14ac:dyDescent="0.3">
      <c r="A9952" s="11"/>
      <c r="B9952" s="8"/>
    </row>
    <row r="9953" spans="1:2" x14ac:dyDescent="0.3">
      <c r="A9953" s="11"/>
      <c r="B9953" s="8"/>
    </row>
    <row r="9954" spans="1:2" x14ac:dyDescent="0.3">
      <c r="A9954" s="11"/>
      <c r="B9954" s="8"/>
    </row>
    <row r="9955" spans="1:2" x14ac:dyDescent="0.3">
      <c r="A9955" s="11"/>
      <c r="B9955" s="8"/>
    </row>
    <row r="9956" spans="1:2" x14ac:dyDescent="0.3">
      <c r="A9956" s="11"/>
      <c r="B9956" s="8"/>
    </row>
    <row r="9957" spans="1:2" x14ac:dyDescent="0.3">
      <c r="A9957" s="11"/>
      <c r="B9957" s="8"/>
    </row>
    <row r="9958" spans="1:2" x14ac:dyDescent="0.3">
      <c r="A9958" s="11"/>
      <c r="B9958" s="8"/>
    </row>
    <row r="9959" spans="1:2" x14ac:dyDescent="0.3">
      <c r="A9959" s="11"/>
      <c r="B9959" s="8"/>
    </row>
    <row r="9960" spans="1:2" x14ac:dyDescent="0.3">
      <c r="A9960" s="11"/>
      <c r="B9960" s="8"/>
    </row>
    <row r="9961" spans="1:2" x14ac:dyDescent="0.3">
      <c r="A9961" s="11"/>
      <c r="B9961" s="8"/>
    </row>
    <row r="9962" spans="1:2" x14ac:dyDescent="0.3">
      <c r="A9962" s="11"/>
      <c r="B9962" s="8"/>
    </row>
    <row r="9963" spans="1:2" x14ac:dyDescent="0.3">
      <c r="A9963" s="11"/>
      <c r="B9963" s="8"/>
    </row>
    <row r="9964" spans="1:2" x14ac:dyDescent="0.3">
      <c r="A9964" s="11"/>
      <c r="B9964" s="8"/>
    </row>
    <row r="9965" spans="1:2" x14ac:dyDescent="0.3">
      <c r="A9965" s="11"/>
      <c r="B9965" s="8"/>
    </row>
    <row r="9966" spans="1:2" x14ac:dyDescent="0.3">
      <c r="A9966" s="11"/>
      <c r="B9966" s="8"/>
    </row>
    <row r="9967" spans="1:2" x14ac:dyDescent="0.3">
      <c r="A9967" s="11"/>
      <c r="B9967" s="8"/>
    </row>
    <row r="9968" spans="1:2" x14ac:dyDescent="0.3">
      <c r="A9968" s="11"/>
      <c r="B9968" s="8"/>
    </row>
    <row r="9969" spans="1:2" x14ac:dyDescent="0.3">
      <c r="A9969" s="11"/>
      <c r="B9969" s="8"/>
    </row>
    <row r="9970" spans="1:2" x14ac:dyDescent="0.3">
      <c r="A9970" s="11"/>
      <c r="B9970" s="8"/>
    </row>
    <row r="9971" spans="1:2" x14ac:dyDescent="0.3">
      <c r="A9971" s="11"/>
      <c r="B9971" s="8"/>
    </row>
    <row r="9972" spans="1:2" x14ac:dyDescent="0.3">
      <c r="A9972" s="11"/>
      <c r="B9972" s="8"/>
    </row>
    <row r="9973" spans="1:2" x14ac:dyDescent="0.3">
      <c r="A9973" s="11"/>
      <c r="B9973" s="8"/>
    </row>
    <row r="9974" spans="1:2" x14ac:dyDescent="0.3">
      <c r="A9974" s="11"/>
      <c r="B9974" s="8"/>
    </row>
    <row r="9975" spans="1:2" x14ac:dyDescent="0.3">
      <c r="A9975" s="11"/>
      <c r="B9975" s="8"/>
    </row>
    <row r="9976" spans="1:2" x14ac:dyDescent="0.3">
      <c r="A9976" s="11"/>
      <c r="B9976" s="8"/>
    </row>
    <row r="9977" spans="1:2" x14ac:dyDescent="0.3">
      <c r="A9977" s="11"/>
      <c r="B9977" s="8"/>
    </row>
    <row r="9978" spans="1:2" x14ac:dyDescent="0.3">
      <c r="A9978" s="11"/>
      <c r="B9978" s="8"/>
    </row>
    <row r="9979" spans="1:2" x14ac:dyDescent="0.3">
      <c r="A9979" s="11"/>
      <c r="B9979" s="8"/>
    </row>
    <row r="9980" spans="1:2" x14ac:dyDescent="0.3">
      <c r="A9980" s="11"/>
      <c r="B9980" s="8"/>
    </row>
    <row r="9981" spans="1:2" x14ac:dyDescent="0.3">
      <c r="A9981" s="11"/>
      <c r="B9981" s="8"/>
    </row>
    <row r="9982" spans="1:2" x14ac:dyDescent="0.3">
      <c r="A9982" s="11"/>
      <c r="B9982" s="8"/>
    </row>
    <row r="9983" spans="1:2" x14ac:dyDescent="0.3">
      <c r="A9983" s="11"/>
      <c r="B9983" s="8"/>
    </row>
    <row r="9984" spans="1:2" x14ac:dyDescent="0.3">
      <c r="A9984" s="11"/>
      <c r="B9984" s="8"/>
    </row>
    <row r="9985" spans="1:2" x14ac:dyDescent="0.3">
      <c r="A9985" s="11"/>
      <c r="B9985" s="8"/>
    </row>
    <row r="9986" spans="1:2" x14ac:dyDescent="0.3">
      <c r="A9986" s="11"/>
      <c r="B9986" s="8"/>
    </row>
    <row r="9987" spans="1:2" x14ac:dyDescent="0.3">
      <c r="A9987" s="11"/>
      <c r="B9987" s="8"/>
    </row>
    <row r="9988" spans="1:2" x14ac:dyDescent="0.3">
      <c r="A9988" s="11"/>
      <c r="B9988" s="8"/>
    </row>
    <row r="9989" spans="1:2" x14ac:dyDescent="0.3">
      <c r="A9989" s="11"/>
      <c r="B9989" s="8"/>
    </row>
    <row r="9990" spans="1:2" x14ac:dyDescent="0.3">
      <c r="A9990" s="11"/>
      <c r="B9990" s="8"/>
    </row>
    <row r="9991" spans="1:2" x14ac:dyDescent="0.3">
      <c r="A9991" s="11"/>
      <c r="B9991" s="8"/>
    </row>
    <row r="9992" spans="1:2" x14ac:dyDescent="0.3">
      <c r="A9992" s="11"/>
      <c r="B9992" s="8"/>
    </row>
    <row r="9993" spans="1:2" x14ac:dyDescent="0.3">
      <c r="A9993" s="11"/>
      <c r="B9993" s="8"/>
    </row>
    <row r="9994" spans="1:2" x14ac:dyDescent="0.3">
      <c r="A9994" s="11"/>
      <c r="B9994" s="8"/>
    </row>
    <row r="9995" spans="1:2" x14ac:dyDescent="0.3">
      <c r="A9995" s="11"/>
      <c r="B9995" s="8"/>
    </row>
    <row r="9996" spans="1:2" x14ac:dyDescent="0.3">
      <c r="A9996" s="11"/>
      <c r="B9996" s="8"/>
    </row>
    <row r="9997" spans="1:2" x14ac:dyDescent="0.3">
      <c r="A9997" s="11"/>
      <c r="B9997" s="8"/>
    </row>
    <row r="9998" spans="1:2" x14ac:dyDescent="0.3">
      <c r="A9998" s="11"/>
      <c r="B9998" s="8"/>
    </row>
    <row r="9999" spans="1:2" x14ac:dyDescent="0.3">
      <c r="A9999" s="11"/>
      <c r="B9999" s="8"/>
    </row>
    <row r="10000" spans="1:2" x14ac:dyDescent="0.3">
      <c r="A10000" s="11"/>
      <c r="B10000" s="8"/>
    </row>
    <row r="10001" spans="1:2" x14ac:dyDescent="0.3">
      <c r="A10001" s="11"/>
      <c r="B10001" s="8"/>
    </row>
    <row r="10002" spans="1:2" x14ac:dyDescent="0.3">
      <c r="A10002" s="11"/>
      <c r="B10002" s="8"/>
    </row>
    <row r="10003" spans="1:2" x14ac:dyDescent="0.3">
      <c r="A10003" s="11"/>
      <c r="B10003" s="8"/>
    </row>
    <row r="10004" spans="1:2" x14ac:dyDescent="0.3">
      <c r="A10004" s="11"/>
      <c r="B10004" s="8"/>
    </row>
    <row r="10005" spans="1:2" x14ac:dyDescent="0.3">
      <c r="A10005" s="11"/>
      <c r="B10005" s="8"/>
    </row>
    <row r="10006" spans="1:2" x14ac:dyDescent="0.3">
      <c r="A10006" s="11"/>
      <c r="B10006" s="8"/>
    </row>
    <row r="10007" spans="1:2" x14ac:dyDescent="0.3">
      <c r="A10007" s="11"/>
      <c r="B10007" s="8"/>
    </row>
    <row r="10008" spans="1:2" x14ac:dyDescent="0.3">
      <c r="A10008" s="11"/>
      <c r="B10008" s="8"/>
    </row>
    <row r="10009" spans="1:2" x14ac:dyDescent="0.3">
      <c r="A10009" s="11"/>
      <c r="B10009" s="8"/>
    </row>
    <row r="10010" spans="1:2" x14ac:dyDescent="0.3">
      <c r="A10010" s="11"/>
      <c r="B10010" s="8"/>
    </row>
    <row r="10011" spans="1:2" x14ac:dyDescent="0.3">
      <c r="A10011" s="11"/>
      <c r="B10011" s="8"/>
    </row>
    <row r="10012" spans="1:2" x14ac:dyDescent="0.3">
      <c r="A10012" s="11"/>
      <c r="B10012" s="8"/>
    </row>
    <row r="10013" spans="1:2" x14ac:dyDescent="0.3">
      <c r="A10013" s="11"/>
      <c r="B10013" s="8"/>
    </row>
    <row r="10014" spans="1:2" x14ac:dyDescent="0.3">
      <c r="A10014" s="11"/>
      <c r="B10014" s="8"/>
    </row>
    <row r="10015" spans="1:2" x14ac:dyDescent="0.3">
      <c r="A10015" s="11"/>
      <c r="B10015" s="8"/>
    </row>
    <row r="10016" spans="1:2" x14ac:dyDescent="0.3">
      <c r="A10016" s="11"/>
      <c r="B10016" s="8"/>
    </row>
    <row r="10017" spans="1:2" x14ac:dyDescent="0.3">
      <c r="A10017" s="11"/>
      <c r="B10017" s="8"/>
    </row>
    <row r="10018" spans="1:2" x14ac:dyDescent="0.3">
      <c r="A10018" s="11"/>
      <c r="B10018" s="8"/>
    </row>
    <row r="10019" spans="1:2" x14ac:dyDescent="0.3">
      <c r="A10019" s="11"/>
      <c r="B10019" s="8"/>
    </row>
    <row r="10020" spans="1:2" x14ac:dyDescent="0.3">
      <c r="A10020" s="11"/>
      <c r="B10020" s="8"/>
    </row>
    <row r="10021" spans="1:2" x14ac:dyDescent="0.3">
      <c r="A10021" s="11"/>
      <c r="B10021" s="8"/>
    </row>
    <row r="10022" spans="1:2" x14ac:dyDescent="0.3">
      <c r="A10022" s="11"/>
      <c r="B10022" s="8"/>
    </row>
    <row r="10023" spans="1:2" x14ac:dyDescent="0.3">
      <c r="A10023" s="11"/>
      <c r="B10023" s="8"/>
    </row>
    <row r="10024" spans="1:2" x14ac:dyDescent="0.3">
      <c r="A10024" s="11"/>
      <c r="B10024" s="8"/>
    </row>
    <row r="10025" spans="1:2" x14ac:dyDescent="0.3">
      <c r="A10025" s="11"/>
      <c r="B10025" s="8"/>
    </row>
    <row r="10026" spans="1:2" x14ac:dyDescent="0.3">
      <c r="A10026" s="11"/>
      <c r="B10026" s="8"/>
    </row>
    <row r="10027" spans="1:2" x14ac:dyDescent="0.3">
      <c r="A10027" s="11"/>
      <c r="B10027" s="8"/>
    </row>
    <row r="10028" spans="1:2" x14ac:dyDescent="0.3">
      <c r="A10028" s="11"/>
      <c r="B10028" s="8"/>
    </row>
    <row r="10029" spans="1:2" x14ac:dyDescent="0.3">
      <c r="A10029" s="11"/>
      <c r="B10029" s="8"/>
    </row>
    <row r="10030" spans="1:2" x14ac:dyDescent="0.3">
      <c r="A10030" s="11"/>
      <c r="B10030" s="8"/>
    </row>
    <row r="10031" spans="1:2" x14ac:dyDescent="0.3">
      <c r="A10031" s="11"/>
      <c r="B10031" s="8"/>
    </row>
    <row r="10032" spans="1:2" x14ac:dyDescent="0.3">
      <c r="A10032" s="11"/>
      <c r="B10032" s="8"/>
    </row>
    <row r="10033" spans="1:2" x14ac:dyDescent="0.3">
      <c r="A10033" s="11"/>
      <c r="B10033" s="8"/>
    </row>
    <row r="10034" spans="1:2" x14ac:dyDescent="0.3">
      <c r="A10034" s="11"/>
      <c r="B10034" s="8"/>
    </row>
    <row r="10035" spans="1:2" x14ac:dyDescent="0.3">
      <c r="A10035" s="11"/>
      <c r="B10035" s="8"/>
    </row>
    <row r="10036" spans="1:2" x14ac:dyDescent="0.3">
      <c r="A10036" s="11"/>
      <c r="B10036" s="8"/>
    </row>
    <row r="10037" spans="1:2" x14ac:dyDescent="0.3">
      <c r="A10037" s="11"/>
      <c r="B10037" s="8"/>
    </row>
    <row r="10038" spans="1:2" x14ac:dyDescent="0.3">
      <c r="A10038" s="11"/>
      <c r="B10038" s="8"/>
    </row>
    <row r="10039" spans="1:2" x14ac:dyDescent="0.3">
      <c r="A10039" s="11"/>
      <c r="B10039" s="8"/>
    </row>
    <row r="10040" spans="1:2" x14ac:dyDescent="0.3">
      <c r="A10040" s="11"/>
      <c r="B10040" s="8"/>
    </row>
    <row r="10041" spans="1:2" x14ac:dyDescent="0.3">
      <c r="A10041" s="11"/>
      <c r="B10041" s="8"/>
    </row>
    <row r="10042" spans="1:2" x14ac:dyDescent="0.3">
      <c r="A10042" s="11"/>
      <c r="B10042" s="8"/>
    </row>
    <row r="10043" spans="1:2" x14ac:dyDescent="0.3">
      <c r="A10043" s="11"/>
      <c r="B10043" s="8"/>
    </row>
    <row r="10044" spans="1:2" x14ac:dyDescent="0.3">
      <c r="A10044" s="11"/>
      <c r="B10044" s="8"/>
    </row>
    <row r="10045" spans="1:2" x14ac:dyDescent="0.3">
      <c r="A10045" s="11"/>
      <c r="B10045" s="8"/>
    </row>
    <row r="10046" spans="1:2" x14ac:dyDescent="0.3">
      <c r="A10046" s="11"/>
      <c r="B10046" s="8"/>
    </row>
    <row r="10047" spans="1:2" x14ac:dyDescent="0.3">
      <c r="A10047" s="11"/>
      <c r="B10047" s="8"/>
    </row>
    <row r="10048" spans="1:2" x14ac:dyDescent="0.3">
      <c r="A10048" s="11"/>
      <c r="B10048" s="8"/>
    </row>
    <row r="10049" spans="1:2" x14ac:dyDescent="0.3">
      <c r="A10049" s="11"/>
      <c r="B10049" s="8"/>
    </row>
    <row r="10050" spans="1:2" x14ac:dyDescent="0.3">
      <c r="A10050" s="11"/>
      <c r="B10050" s="8"/>
    </row>
    <row r="10051" spans="1:2" x14ac:dyDescent="0.3">
      <c r="A10051" s="11"/>
      <c r="B10051" s="8"/>
    </row>
    <row r="10052" spans="1:2" x14ac:dyDescent="0.3">
      <c r="A10052" s="11"/>
      <c r="B10052" s="8"/>
    </row>
    <row r="10053" spans="1:2" x14ac:dyDescent="0.3">
      <c r="A10053" s="11"/>
      <c r="B10053" s="8"/>
    </row>
    <row r="10054" spans="1:2" x14ac:dyDescent="0.3">
      <c r="A10054" s="11"/>
      <c r="B10054" s="8"/>
    </row>
    <row r="10055" spans="1:2" x14ac:dyDescent="0.3">
      <c r="A10055" s="11"/>
      <c r="B10055" s="8"/>
    </row>
    <row r="10056" spans="1:2" x14ac:dyDescent="0.3">
      <c r="A10056" s="11"/>
      <c r="B10056" s="8"/>
    </row>
    <row r="10057" spans="1:2" x14ac:dyDescent="0.3">
      <c r="A10057" s="11"/>
      <c r="B10057" s="8"/>
    </row>
    <row r="10058" spans="1:2" x14ac:dyDescent="0.3">
      <c r="A10058" s="11"/>
      <c r="B10058" s="8"/>
    </row>
    <row r="10059" spans="1:2" x14ac:dyDescent="0.3">
      <c r="A10059" s="11"/>
      <c r="B10059" s="8"/>
    </row>
    <row r="10060" spans="1:2" x14ac:dyDescent="0.3">
      <c r="A10060" s="11"/>
      <c r="B10060" s="8"/>
    </row>
    <row r="10061" spans="1:2" x14ac:dyDescent="0.3">
      <c r="A10061" s="11"/>
      <c r="B10061" s="8"/>
    </row>
    <row r="10062" spans="1:2" x14ac:dyDescent="0.3">
      <c r="A10062" s="11"/>
      <c r="B10062" s="8"/>
    </row>
    <row r="10063" spans="1:2" x14ac:dyDescent="0.3">
      <c r="A10063" s="11"/>
      <c r="B10063" s="8"/>
    </row>
    <row r="10064" spans="1:2" x14ac:dyDescent="0.3">
      <c r="A10064" s="11"/>
      <c r="B10064" s="8"/>
    </row>
    <row r="10065" spans="1:2" x14ac:dyDescent="0.3">
      <c r="A10065" s="11"/>
      <c r="B10065" s="8"/>
    </row>
    <row r="10066" spans="1:2" x14ac:dyDescent="0.3">
      <c r="A10066" s="11"/>
      <c r="B10066" s="8"/>
    </row>
    <row r="10067" spans="1:2" x14ac:dyDescent="0.3">
      <c r="A10067" s="11"/>
      <c r="B10067" s="8"/>
    </row>
    <row r="10068" spans="1:2" x14ac:dyDescent="0.3">
      <c r="A10068" s="11"/>
      <c r="B10068" s="8"/>
    </row>
    <row r="10069" spans="1:2" x14ac:dyDescent="0.3">
      <c r="A10069" s="11"/>
      <c r="B10069" s="8"/>
    </row>
    <row r="10070" spans="1:2" x14ac:dyDescent="0.3">
      <c r="A10070" s="11"/>
      <c r="B10070" s="8"/>
    </row>
    <row r="10071" spans="1:2" x14ac:dyDescent="0.3">
      <c r="A10071" s="11"/>
      <c r="B10071" s="8"/>
    </row>
    <row r="10072" spans="1:2" x14ac:dyDescent="0.3">
      <c r="A10072" s="11"/>
      <c r="B10072" s="8"/>
    </row>
    <row r="10073" spans="1:2" x14ac:dyDescent="0.3">
      <c r="A10073" s="11"/>
      <c r="B10073" s="8"/>
    </row>
    <row r="10074" spans="1:2" x14ac:dyDescent="0.3">
      <c r="A10074" s="11"/>
      <c r="B10074" s="8"/>
    </row>
    <row r="10075" spans="1:2" x14ac:dyDescent="0.3">
      <c r="A10075" s="11"/>
      <c r="B10075" s="8"/>
    </row>
    <row r="10076" spans="1:2" x14ac:dyDescent="0.3">
      <c r="A10076" s="11"/>
      <c r="B10076" s="8"/>
    </row>
    <row r="10077" spans="1:2" x14ac:dyDescent="0.3">
      <c r="A10077" s="11"/>
      <c r="B10077" s="8"/>
    </row>
    <row r="10078" spans="1:2" x14ac:dyDescent="0.3">
      <c r="A10078" s="11"/>
      <c r="B10078" s="8"/>
    </row>
    <row r="10079" spans="1:2" x14ac:dyDescent="0.3">
      <c r="A10079" s="11"/>
      <c r="B10079" s="8"/>
    </row>
    <row r="10080" spans="1:2" x14ac:dyDescent="0.3">
      <c r="A10080" s="11"/>
      <c r="B10080" s="8"/>
    </row>
    <row r="10081" spans="1:2" x14ac:dyDescent="0.3">
      <c r="A10081" s="11"/>
      <c r="B10081" s="8"/>
    </row>
    <row r="10082" spans="1:2" x14ac:dyDescent="0.3">
      <c r="A10082" s="11"/>
      <c r="B10082" s="8"/>
    </row>
    <row r="10083" spans="1:2" x14ac:dyDescent="0.3">
      <c r="A10083" s="11"/>
      <c r="B10083" s="8"/>
    </row>
    <row r="10084" spans="1:2" x14ac:dyDescent="0.3">
      <c r="A10084" s="11"/>
      <c r="B10084" s="8"/>
    </row>
    <row r="10085" spans="1:2" x14ac:dyDescent="0.3">
      <c r="A10085" s="11"/>
      <c r="B10085" s="8"/>
    </row>
    <row r="10086" spans="1:2" x14ac:dyDescent="0.3">
      <c r="A10086" s="11"/>
      <c r="B10086" s="8"/>
    </row>
    <row r="10087" spans="1:2" x14ac:dyDescent="0.3">
      <c r="A10087" s="11"/>
      <c r="B10087" s="8"/>
    </row>
    <row r="10088" spans="1:2" x14ac:dyDescent="0.3">
      <c r="A10088" s="11"/>
      <c r="B10088" s="8"/>
    </row>
    <row r="10089" spans="1:2" x14ac:dyDescent="0.3">
      <c r="A10089" s="11"/>
      <c r="B10089" s="8"/>
    </row>
    <row r="10090" spans="1:2" x14ac:dyDescent="0.3">
      <c r="A10090" s="11"/>
      <c r="B10090" s="8"/>
    </row>
    <row r="10091" spans="1:2" x14ac:dyDescent="0.3">
      <c r="A10091" s="11"/>
      <c r="B10091" s="8"/>
    </row>
    <row r="10092" spans="1:2" x14ac:dyDescent="0.3">
      <c r="A10092" s="11"/>
      <c r="B10092" s="8"/>
    </row>
    <row r="10093" spans="1:2" x14ac:dyDescent="0.3">
      <c r="A10093" s="11"/>
      <c r="B10093" s="8"/>
    </row>
    <row r="10094" spans="1:2" x14ac:dyDescent="0.3">
      <c r="A10094" s="11"/>
      <c r="B10094" s="8"/>
    </row>
    <row r="10095" spans="1:2" x14ac:dyDescent="0.3">
      <c r="A10095" s="11"/>
      <c r="B10095" s="8"/>
    </row>
    <row r="10096" spans="1:2" x14ac:dyDescent="0.3">
      <c r="A10096" s="11"/>
      <c r="B10096" s="8"/>
    </row>
    <row r="10097" spans="1:2" x14ac:dyDescent="0.3">
      <c r="A10097" s="11"/>
      <c r="B10097" s="8"/>
    </row>
    <row r="10098" spans="1:2" x14ac:dyDescent="0.3">
      <c r="A10098" s="11"/>
      <c r="B10098" s="8"/>
    </row>
    <row r="10099" spans="1:2" x14ac:dyDescent="0.3">
      <c r="A10099" s="11"/>
      <c r="B10099" s="8"/>
    </row>
    <row r="10100" spans="1:2" x14ac:dyDescent="0.3">
      <c r="A10100" s="11"/>
      <c r="B10100" s="8"/>
    </row>
    <row r="10101" spans="1:2" x14ac:dyDescent="0.3">
      <c r="A10101" s="11"/>
      <c r="B10101" s="8"/>
    </row>
    <row r="10102" spans="1:2" x14ac:dyDescent="0.3">
      <c r="A10102" s="11"/>
      <c r="B10102" s="8"/>
    </row>
    <row r="10103" spans="1:2" x14ac:dyDescent="0.3">
      <c r="A10103" s="11"/>
      <c r="B10103" s="8"/>
    </row>
    <row r="10104" spans="1:2" x14ac:dyDescent="0.3">
      <c r="A10104" s="11"/>
      <c r="B10104" s="8"/>
    </row>
    <row r="10105" spans="1:2" x14ac:dyDescent="0.3">
      <c r="A10105" s="11"/>
      <c r="B10105" s="8"/>
    </row>
    <row r="10106" spans="1:2" x14ac:dyDescent="0.3">
      <c r="A10106" s="11"/>
      <c r="B10106" s="8"/>
    </row>
    <row r="10107" spans="1:2" x14ac:dyDescent="0.3">
      <c r="A10107" s="11"/>
      <c r="B10107" s="8"/>
    </row>
    <row r="10108" spans="1:2" x14ac:dyDescent="0.3">
      <c r="A10108" s="11"/>
      <c r="B10108" s="8"/>
    </row>
    <row r="10109" spans="1:2" x14ac:dyDescent="0.3">
      <c r="A10109" s="11"/>
      <c r="B10109" s="8"/>
    </row>
    <row r="10110" spans="1:2" x14ac:dyDescent="0.3">
      <c r="A10110" s="11"/>
      <c r="B10110" s="8"/>
    </row>
    <row r="10111" spans="1:2" x14ac:dyDescent="0.3">
      <c r="A10111" s="11"/>
      <c r="B10111" s="8"/>
    </row>
    <row r="10112" spans="1:2" x14ac:dyDescent="0.3">
      <c r="A10112" s="11"/>
      <c r="B10112" s="8"/>
    </row>
    <row r="10113" spans="1:2" x14ac:dyDescent="0.3">
      <c r="A10113" s="11"/>
      <c r="B10113" s="8"/>
    </row>
    <row r="10114" spans="1:2" x14ac:dyDescent="0.3">
      <c r="A10114" s="11"/>
      <c r="B10114" s="8"/>
    </row>
    <row r="10115" spans="1:2" x14ac:dyDescent="0.3">
      <c r="A10115" s="11"/>
      <c r="B10115" s="8"/>
    </row>
    <row r="10116" spans="1:2" x14ac:dyDescent="0.3">
      <c r="A10116" s="11"/>
      <c r="B10116" s="8"/>
    </row>
    <row r="10117" spans="1:2" x14ac:dyDescent="0.3">
      <c r="A10117" s="11"/>
      <c r="B10117" s="8"/>
    </row>
    <row r="10118" spans="1:2" x14ac:dyDescent="0.3">
      <c r="A10118" s="11"/>
      <c r="B10118" s="8"/>
    </row>
    <row r="10119" spans="1:2" x14ac:dyDescent="0.3">
      <c r="A10119" s="11"/>
      <c r="B10119" s="8"/>
    </row>
    <row r="10120" spans="1:2" x14ac:dyDescent="0.3">
      <c r="A10120" s="11"/>
      <c r="B10120" s="8"/>
    </row>
    <row r="10121" spans="1:2" x14ac:dyDescent="0.3">
      <c r="A10121" s="11"/>
      <c r="B10121" s="8"/>
    </row>
    <row r="10122" spans="1:2" x14ac:dyDescent="0.3">
      <c r="A10122" s="11"/>
      <c r="B10122" s="8"/>
    </row>
    <row r="10123" spans="1:2" x14ac:dyDescent="0.3">
      <c r="A10123" s="11"/>
      <c r="B10123" s="8"/>
    </row>
    <row r="10124" spans="1:2" x14ac:dyDescent="0.3">
      <c r="A10124" s="11"/>
      <c r="B10124" s="8"/>
    </row>
    <row r="10125" spans="1:2" x14ac:dyDescent="0.3">
      <c r="A10125" s="11"/>
      <c r="B10125" s="8"/>
    </row>
    <row r="10126" spans="1:2" x14ac:dyDescent="0.3">
      <c r="A10126" s="11"/>
      <c r="B10126" s="8"/>
    </row>
    <row r="10127" spans="1:2" x14ac:dyDescent="0.3">
      <c r="A10127" s="11"/>
      <c r="B10127" s="8"/>
    </row>
    <row r="10128" spans="1:2" x14ac:dyDescent="0.3">
      <c r="A10128" s="11"/>
      <c r="B10128" s="8"/>
    </row>
    <row r="10129" spans="1:2" x14ac:dyDescent="0.3">
      <c r="A10129" s="11"/>
      <c r="B10129" s="8"/>
    </row>
    <row r="10130" spans="1:2" x14ac:dyDescent="0.3">
      <c r="A10130" s="11"/>
      <c r="B10130" s="8"/>
    </row>
    <row r="10131" spans="1:2" x14ac:dyDescent="0.3">
      <c r="A10131" s="11"/>
      <c r="B10131" s="8"/>
    </row>
    <row r="10132" spans="1:2" x14ac:dyDescent="0.3">
      <c r="A10132" s="11"/>
      <c r="B10132" s="8"/>
    </row>
    <row r="10133" spans="1:2" x14ac:dyDescent="0.3">
      <c r="A10133" s="11"/>
      <c r="B10133" s="8"/>
    </row>
    <row r="10134" spans="1:2" x14ac:dyDescent="0.3">
      <c r="A10134" s="11"/>
      <c r="B10134" s="8"/>
    </row>
    <row r="10135" spans="1:2" x14ac:dyDescent="0.3">
      <c r="A10135" s="11"/>
      <c r="B10135" s="8"/>
    </row>
    <row r="10136" spans="1:2" x14ac:dyDescent="0.3">
      <c r="A10136" s="11"/>
      <c r="B10136" s="8"/>
    </row>
    <row r="10137" spans="1:2" x14ac:dyDescent="0.3">
      <c r="A10137" s="11"/>
      <c r="B10137" s="8"/>
    </row>
    <row r="10138" spans="1:2" x14ac:dyDescent="0.3">
      <c r="A10138" s="11"/>
      <c r="B10138" s="8"/>
    </row>
    <row r="10139" spans="1:2" x14ac:dyDescent="0.3">
      <c r="A10139" s="11"/>
      <c r="B10139" s="8"/>
    </row>
    <row r="10140" spans="1:2" x14ac:dyDescent="0.3">
      <c r="A10140" s="11"/>
      <c r="B10140" s="8"/>
    </row>
    <row r="10141" spans="1:2" x14ac:dyDescent="0.3">
      <c r="A10141" s="11"/>
      <c r="B10141" s="8"/>
    </row>
    <row r="10142" spans="1:2" x14ac:dyDescent="0.3">
      <c r="A10142" s="11"/>
      <c r="B10142" s="8"/>
    </row>
    <row r="10143" spans="1:2" x14ac:dyDescent="0.3">
      <c r="A10143" s="11"/>
      <c r="B10143" s="8"/>
    </row>
    <row r="10144" spans="1:2" x14ac:dyDescent="0.3">
      <c r="A10144" s="11"/>
      <c r="B10144" s="8"/>
    </row>
    <row r="10145" spans="1:2" x14ac:dyDescent="0.3">
      <c r="A10145" s="11"/>
      <c r="B10145" s="8"/>
    </row>
    <row r="10146" spans="1:2" x14ac:dyDescent="0.3">
      <c r="A10146" s="11"/>
      <c r="B10146" s="8"/>
    </row>
    <row r="10147" spans="1:2" x14ac:dyDescent="0.3">
      <c r="A10147" s="11"/>
      <c r="B10147" s="8"/>
    </row>
    <row r="10148" spans="1:2" x14ac:dyDescent="0.3">
      <c r="A10148" s="11"/>
      <c r="B10148" s="8"/>
    </row>
    <row r="10149" spans="1:2" x14ac:dyDescent="0.3">
      <c r="A10149" s="11"/>
      <c r="B10149" s="8"/>
    </row>
    <row r="10150" spans="1:2" x14ac:dyDescent="0.3">
      <c r="A10150" s="11"/>
      <c r="B10150" s="8"/>
    </row>
    <row r="10151" spans="1:2" x14ac:dyDescent="0.3">
      <c r="A10151" s="11"/>
      <c r="B10151" s="8"/>
    </row>
    <row r="10152" spans="1:2" x14ac:dyDescent="0.3">
      <c r="A10152" s="11"/>
      <c r="B10152" s="8"/>
    </row>
    <row r="10153" spans="1:2" x14ac:dyDescent="0.3">
      <c r="A10153" s="11"/>
      <c r="B10153" s="8"/>
    </row>
    <row r="10154" spans="1:2" x14ac:dyDescent="0.3">
      <c r="A10154" s="11"/>
      <c r="B10154" s="8"/>
    </row>
    <row r="10155" spans="1:2" x14ac:dyDescent="0.3">
      <c r="A10155" s="11"/>
      <c r="B10155" s="8"/>
    </row>
    <row r="10156" spans="1:2" x14ac:dyDescent="0.3">
      <c r="A10156" s="11"/>
      <c r="B10156" s="8"/>
    </row>
    <row r="10157" spans="1:2" x14ac:dyDescent="0.3">
      <c r="A10157" s="11"/>
      <c r="B10157" s="8"/>
    </row>
    <row r="10158" spans="1:2" x14ac:dyDescent="0.3">
      <c r="A10158" s="11"/>
      <c r="B10158" s="8"/>
    </row>
    <row r="10159" spans="1:2" x14ac:dyDescent="0.3">
      <c r="A10159" s="11"/>
      <c r="B10159" s="8"/>
    </row>
    <row r="10160" spans="1:2" x14ac:dyDescent="0.3">
      <c r="A10160" s="11"/>
      <c r="B10160" s="8"/>
    </row>
    <row r="10161" spans="1:2" x14ac:dyDescent="0.3">
      <c r="A10161" s="11"/>
      <c r="B10161" s="8"/>
    </row>
    <row r="10162" spans="1:2" x14ac:dyDescent="0.3">
      <c r="A10162" s="11"/>
      <c r="B10162" s="8"/>
    </row>
    <row r="10163" spans="1:2" x14ac:dyDescent="0.3">
      <c r="A10163" s="11"/>
      <c r="B10163" s="8"/>
    </row>
    <row r="10164" spans="1:2" x14ac:dyDescent="0.3">
      <c r="A10164" s="11"/>
      <c r="B10164" s="8"/>
    </row>
    <row r="10165" spans="1:2" x14ac:dyDescent="0.3">
      <c r="A10165" s="11"/>
      <c r="B10165" s="8"/>
    </row>
    <row r="10166" spans="1:2" x14ac:dyDescent="0.3">
      <c r="A10166" s="11"/>
      <c r="B10166" s="8"/>
    </row>
    <row r="10167" spans="1:2" x14ac:dyDescent="0.3">
      <c r="A10167" s="11"/>
      <c r="B10167" s="8"/>
    </row>
    <row r="10168" spans="1:2" x14ac:dyDescent="0.3">
      <c r="A10168" s="11"/>
      <c r="B10168" s="8"/>
    </row>
    <row r="10169" spans="1:2" x14ac:dyDescent="0.3">
      <c r="A10169" s="11"/>
      <c r="B10169" s="8"/>
    </row>
    <row r="10170" spans="1:2" x14ac:dyDescent="0.3">
      <c r="A10170" s="11"/>
      <c r="B10170" s="8"/>
    </row>
    <row r="10171" spans="1:2" x14ac:dyDescent="0.3">
      <c r="A10171" s="11"/>
      <c r="B10171" s="8"/>
    </row>
    <row r="10172" spans="1:2" x14ac:dyDescent="0.3">
      <c r="A10172" s="11"/>
      <c r="B10172" s="8"/>
    </row>
    <row r="10173" spans="1:2" x14ac:dyDescent="0.3">
      <c r="A10173" s="11"/>
      <c r="B10173" s="8"/>
    </row>
    <row r="10174" spans="1:2" x14ac:dyDescent="0.3">
      <c r="A10174" s="11"/>
      <c r="B10174" s="8"/>
    </row>
    <row r="10175" spans="1:2" x14ac:dyDescent="0.3">
      <c r="A10175" s="11"/>
      <c r="B10175" s="8"/>
    </row>
    <row r="10176" spans="1:2" x14ac:dyDescent="0.3">
      <c r="A10176" s="11"/>
      <c r="B10176" s="8"/>
    </row>
    <row r="10177" spans="1:2" x14ac:dyDescent="0.3">
      <c r="A10177" s="11"/>
      <c r="B10177" s="8"/>
    </row>
    <row r="10178" spans="1:2" x14ac:dyDescent="0.3">
      <c r="A10178" s="11"/>
      <c r="B10178" s="8"/>
    </row>
    <row r="10179" spans="1:2" x14ac:dyDescent="0.3">
      <c r="A10179" s="11"/>
      <c r="B10179" s="8"/>
    </row>
    <row r="10180" spans="1:2" x14ac:dyDescent="0.3">
      <c r="A10180" s="11"/>
      <c r="B10180" s="8"/>
    </row>
    <row r="10181" spans="1:2" x14ac:dyDescent="0.3">
      <c r="A10181" s="11"/>
      <c r="B10181" s="8"/>
    </row>
    <row r="10182" spans="1:2" x14ac:dyDescent="0.3">
      <c r="A10182" s="11"/>
      <c r="B10182" s="8"/>
    </row>
    <row r="10183" spans="1:2" x14ac:dyDescent="0.3">
      <c r="A10183" s="11"/>
      <c r="B10183" s="8"/>
    </row>
    <row r="10184" spans="1:2" x14ac:dyDescent="0.3">
      <c r="A10184" s="11"/>
      <c r="B10184" s="8"/>
    </row>
    <row r="10185" spans="1:2" x14ac:dyDescent="0.3">
      <c r="A10185" s="11"/>
      <c r="B10185" s="8"/>
    </row>
    <row r="10186" spans="1:2" x14ac:dyDescent="0.3">
      <c r="A10186" s="11"/>
      <c r="B10186" s="8"/>
    </row>
    <row r="10187" spans="1:2" x14ac:dyDescent="0.3">
      <c r="A10187" s="11"/>
      <c r="B10187" s="8"/>
    </row>
    <row r="10188" spans="1:2" x14ac:dyDescent="0.3">
      <c r="A10188" s="11"/>
      <c r="B10188" s="8"/>
    </row>
    <row r="10189" spans="1:2" x14ac:dyDescent="0.3">
      <c r="A10189" s="11"/>
      <c r="B10189" s="8"/>
    </row>
    <row r="10190" spans="1:2" x14ac:dyDescent="0.3">
      <c r="A10190" s="11"/>
      <c r="B10190" s="8"/>
    </row>
    <row r="10191" spans="1:2" x14ac:dyDescent="0.3">
      <c r="A10191" s="11"/>
      <c r="B10191" s="8"/>
    </row>
    <row r="10192" spans="1:2" x14ac:dyDescent="0.3">
      <c r="A10192" s="11"/>
      <c r="B10192" s="8"/>
    </row>
    <row r="10193" spans="1:2" x14ac:dyDescent="0.3">
      <c r="A10193" s="11"/>
      <c r="B10193" s="8"/>
    </row>
    <row r="10194" spans="1:2" x14ac:dyDescent="0.3">
      <c r="A10194" s="11"/>
      <c r="B10194" s="8"/>
    </row>
    <row r="10195" spans="1:2" x14ac:dyDescent="0.3">
      <c r="A10195" s="11"/>
      <c r="B10195" s="8"/>
    </row>
    <row r="10196" spans="1:2" x14ac:dyDescent="0.3">
      <c r="A10196" s="11"/>
      <c r="B10196" s="8"/>
    </row>
    <row r="10197" spans="1:2" x14ac:dyDescent="0.3">
      <c r="A10197" s="11"/>
      <c r="B10197" s="8"/>
    </row>
    <row r="10198" spans="1:2" x14ac:dyDescent="0.3">
      <c r="A10198" s="11"/>
      <c r="B10198" s="8"/>
    </row>
    <row r="10199" spans="1:2" x14ac:dyDescent="0.3">
      <c r="A10199" s="11"/>
      <c r="B10199" s="8"/>
    </row>
    <row r="10200" spans="1:2" x14ac:dyDescent="0.3">
      <c r="A10200" s="11"/>
      <c r="B10200" s="8"/>
    </row>
    <row r="10201" spans="1:2" x14ac:dyDescent="0.3">
      <c r="A10201" s="11"/>
      <c r="B10201" s="8"/>
    </row>
    <row r="10202" spans="1:2" x14ac:dyDescent="0.3">
      <c r="A10202" s="11"/>
      <c r="B10202" s="8"/>
    </row>
    <row r="10203" spans="1:2" x14ac:dyDescent="0.3">
      <c r="A10203" s="11"/>
      <c r="B10203" s="8"/>
    </row>
    <row r="10204" spans="1:2" x14ac:dyDescent="0.3">
      <c r="A10204" s="11"/>
      <c r="B10204" s="8"/>
    </row>
    <row r="10205" spans="1:2" x14ac:dyDescent="0.3">
      <c r="A10205" s="11"/>
      <c r="B10205" s="8"/>
    </row>
    <row r="10206" spans="1:2" x14ac:dyDescent="0.3">
      <c r="A10206" s="11"/>
      <c r="B10206" s="8"/>
    </row>
    <row r="10207" spans="1:2" x14ac:dyDescent="0.3">
      <c r="A10207" s="11"/>
      <c r="B10207" s="8"/>
    </row>
    <row r="10208" spans="1:2" x14ac:dyDescent="0.3">
      <c r="A10208" s="11"/>
      <c r="B10208" s="8"/>
    </row>
    <row r="10209" spans="1:2" x14ac:dyDescent="0.3">
      <c r="A10209" s="11"/>
      <c r="B10209" s="8"/>
    </row>
    <row r="10210" spans="1:2" x14ac:dyDescent="0.3">
      <c r="A10210" s="11"/>
      <c r="B10210" s="8"/>
    </row>
    <row r="10211" spans="1:2" x14ac:dyDescent="0.3">
      <c r="A10211" s="11"/>
      <c r="B10211" s="8"/>
    </row>
    <row r="10212" spans="1:2" x14ac:dyDescent="0.3">
      <c r="A10212" s="11"/>
      <c r="B10212" s="8"/>
    </row>
    <row r="10213" spans="1:2" x14ac:dyDescent="0.3">
      <c r="A10213" s="11"/>
      <c r="B10213" s="8"/>
    </row>
    <row r="10214" spans="1:2" x14ac:dyDescent="0.3">
      <c r="A10214" s="11"/>
      <c r="B10214" s="8"/>
    </row>
    <row r="10215" spans="1:2" x14ac:dyDescent="0.3">
      <c r="A10215" s="11"/>
      <c r="B10215" s="8"/>
    </row>
    <row r="10216" spans="1:2" x14ac:dyDescent="0.3">
      <c r="A10216" s="11"/>
      <c r="B10216" s="8"/>
    </row>
    <row r="10217" spans="1:2" x14ac:dyDescent="0.3">
      <c r="A10217" s="11"/>
      <c r="B10217" s="8"/>
    </row>
    <row r="10218" spans="1:2" x14ac:dyDescent="0.3">
      <c r="A10218" s="11"/>
      <c r="B10218" s="8"/>
    </row>
    <row r="10219" spans="1:2" x14ac:dyDescent="0.3">
      <c r="A10219" s="11"/>
      <c r="B10219" s="8"/>
    </row>
    <row r="10220" spans="1:2" x14ac:dyDescent="0.3">
      <c r="A10220" s="11"/>
      <c r="B10220" s="8"/>
    </row>
    <row r="10221" spans="1:2" x14ac:dyDescent="0.3">
      <c r="A10221" s="11"/>
      <c r="B10221" s="8"/>
    </row>
    <row r="10222" spans="1:2" x14ac:dyDescent="0.3">
      <c r="A10222" s="11"/>
      <c r="B10222" s="8"/>
    </row>
    <row r="10223" spans="1:2" x14ac:dyDescent="0.3">
      <c r="A10223" s="11"/>
      <c r="B10223" s="8"/>
    </row>
    <row r="10224" spans="1:2" x14ac:dyDescent="0.3">
      <c r="A10224" s="11"/>
      <c r="B10224" s="8"/>
    </row>
    <row r="10225" spans="1:2" x14ac:dyDescent="0.3">
      <c r="A10225" s="11"/>
      <c r="B10225" s="8"/>
    </row>
    <row r="10226" spans="1:2" x14ac:dyDescent="0.3">
      <c r="A10226" s="11"/>
      <c r="B10226" s="8"/>
    </row>
    <row r="10227" spans="1:2" x14ac:dyDescent="0.3">
      <c r="A10227" s="11"/>
      <c r="B10227" s="8"/>
    </row>
    <row r="10228" spans="1:2" x14ac:dyDescent="0.3">
      <c r="A10228" s="11"/>
      <c r="B10228" s="8"/>
    </row>
    <row r="10229" spans="1:2" x14ac:dyDescent="0.3">
      <c r="A10229" s="11"/>
      <c r="B10229" s="8"/>
    </row>
    <row r="10230" spans="1:2" x14ac:dyDescent="0.3">
      <c r="A10230" s="11"/>
      <c r="B10230" s="8"/>
    </row>
    <row r="10231" spans="1:2" x14ac:dyDescent="0.3">
      <c r="A10231" s="11"/>
      <c r="B10231" s="8"/>
    </row>
    <row r="10232" spans="1:2" x14ac:dyDescent="0.3">
      <c r="A10232" s="11"/>
      <c r="B10232" s="8"/>
    </row>
    <row r="10233" spans="1:2" x14ac:dyDescent="0.3">
      <c r="A10233" s="11"/>
      <c r="B10233" s="8"/>
    </row>
    <row r="10234" spans="1:2" x14ac:dyDescent="0.3">
      <c r="A10234" s="11"/>
      <c r="B10234" s="8"/>
    </row>
    <row r="10235" spans="1:2" x14ac:dyDescent="0.3">
      <c r="A10235" s="11"/>
      <c r="B10235" s="8"/>
    </row>
    <row r="10236" spans="1:2" x14ac:dyDescent="0.3">
      <c r="A10236" s="11"/>
      <c r="B10236" s="8"/>
    </row>
    <row r="10237" spans="1:2" x14ac:dyDescent="0.3">
      <c r="A10237" s="11"/>
      <c r="B10237" s="8"/>
    </row>
    <row r="10238" spans="1:2" x14ac:dyDescent="0.3">
      <c r="A10238" s="11"/>
      <c r="B10238" s="8"/>
    </row>
    <row r="10239" spans="1:2" x14ac:dyDescent="0.3">
      <c r="A10239" s="11"/>
      <c r="B10239" s="8"/>
    </row>
    <row r="10240" spans="1:2" x14ac:dyDescent="0.3">
      <c r="A10240" s="11"/>
      <c r="B10240" s="8"/>
    </row>
    <row r="10241" spans="1:2" x14ac:dyDescent="0.3">
      <c r="A10241" s="11"/>
      <c r="B10241" s="8"/>
    </row>
    <row r="10242" spans="1:2" x14ac:dyDescent="0.3">
      <c r="A10242" s="11"/>
      <c r="B10242" s="8"/>
    </row>
    <row r="10243" spans="1:2" x14ac:dyDescent="0.3">
      <c r="A10243" s="11"/>
      <c r="B10243" s="8"/>
    </row>
    <row r="10244" spans="1:2" x14ac:dyDescent="0.3">
      <c r="A10244" s="11"/>
      <c r="B10244" s="8"/>
    </row>
    <row r="10245" spans="1:2" x14ac:dyDescent="0.3">
      <c r="A10245" s="11"/>
      <c r="B10245" s="8"/>
    </row>
    <row r="10246" spans="1:2" x14ac:dyDescent="0.3">
      <c r="A10246" s="11"/>
      <c r="B10246" s="8"/>
    </row>
    <row r="10247" spans="1:2" x14ac:dyDescent="0.3">
      <c r="A10247" s="11"/>
      <c r="B10247" s="8"/>
    </row>
    <row r="10248" spans="1:2" x14ac:dyDescent="0.3">
      <c r="A10248" s="11"/>
      <c r="B10248" s="8"/>
    </row>
    <row r="10249" spans="1:2" x14ac:dyDescent="0.3">
      <c r="A10249" s="11"/>
      <c r="B10249" s="8"/>
    </row>
    <row r="10250" spans="1:2" x14ac:dyDescent="0.3">
      <c r="A10250" s="11"/>
      <c r="B10250" s="8"/>
    </row>
    <row r="10251" spans="1:2" x14ac:dyDescent="0.3">
      <c r="A10251" s="11"/>
      <c r="B10251" s="8"/>
    </row>
    <row r="10252" spans="1:2" x14ac:dyDescent="0.3">
      <c r="A10252" s="11"/>
      <c r="B10252" s="8"/>
    </row>
    <row r="10253" spans="1:2" x14ac:dyDescent="0.3">
      <c r="A10253" s="11"/>
      <c r="B10253" s="8"/>
    </row>
    <row r="10254" spans="1:2" x14ac:dyDescent="0.3">
      <c r="A10254" s="11"/>
      <c r="B10254" s="8"/>
    </row>
    <row r="10255" spans="1:2" x14ac:dyDescent="0.3">
      <c r="A10255" s="11"/>
      <c r="B10255" s="8"/>
    </row>
    <row r="10256" spans="1:2" x14ac:dyDescent="0.3">
      <c r="A10256" s="11"/>
      <c r="B10256" s="8"/>
    </row>
    <row r="10257" spans="1:2" x14ac:dyDescent="0.3">
      <c r="A10257" s="11"/>
      <c r="B10257" s="8"/>
    </row>
    <row r="10258" spans="1:2" x14ac:dyDescent="0.3">
      <c r="A10258" s="11"/>
      <c r="B10258" s="8"/>
    </row>
    <row r="10259" spans="1:2" x14ac:dyDescent="0.3">
      <c r="A10259" s="11"/>
      <c r="B10259" s="8"/>
    </row>
    <row r="10260" spans="1:2" x14ac:dyDescent="0.3">
      <c r="A10260" s="11"/>
      <c r="B10260" s="8"/>
    </row>
    <row r="10261" spans="1:2" x14ac:dyDescent="0.3">
      <c r="A10261" s="11"/>
      <c r="B10261" s="8"/>
    </row>
    <row r="10262" spans="1:2" x14ac:dyDescent="0.3">
      <c r="A10262" s="11"/>
      <c r="B10262" s="8"/>
    </row>
    <row r="10263" spans="1:2" x14ac:dyDescent="0.3">
      <c r="A10263" s="11"/>
      <c r="B10263" s="8"/>
    </row>
    <row r="10264" spans="1:2" x14ac:dyDescent="0.3">
      <c r="A10264" s="11"/>
      <c r="B10264" s="8"/>
    </row>
    <row r="10265" spans="1:2" x14ac:dyDescent="0.3">
      <c r="A10265" s="11"/>
      <c r="B10265" s="8"/>
    </row>
    <row r="10266" spans="1:2" x14ac:dyDescent="0.3">
      <c r="A10266" s="11"/>
      <c r="B10266" s="8"/>
    </row>
    <row r="10267" spans="1:2" x14ac:dyDescent="0.3">
      <c r="A10267" s="11"/>
      <c r="B10267" s="8"/>
    </row>
    <row r="10268" spans="1:2" x14ac:dyDescent="0.3">
      <c r="A10268" s="11"/>
      <c r="B10268" s="8"/>
    </row>
    <row r="10269" spans="1:2" x14ac:dyDescent="0.3">
      <c r="A10269" s="11"/>
      <c r="B10269" s="8"/>
    </row>
    <row r="10270" spans="1:2" x14ac:dyDescent="0.3">
      <c r="A10270" s="11"/>
      <c r="B10270" s="8"/>
    </row>
    <row r="10271" spans="1:2" x14ac:dyDescent="0.3">
      <c r="A10271" s="11"/>
      <c r="B10271" s="8"/>
    </row>
    <row r="10272" spans="1:2" x14ac:dyDescent="0.3">
      <c r="A10272" s="11"/>
      <c r="B10272" s="8"/>
    </row>
    <row r="10273" spans="1:2" x14ac:dyDescent="0.3">
      <c r="A10273" s="11"/>
      <c r="B10273" s="8"/>
    </row>
    <row r="10274" spans="1:2" x14ac:dyDescent="0.3">
      <c r="A10274" s="11"/>
      <c r="B10274" s="8"/>
    </row>
    <row r="10275" spans="1:2" x14ac:dyDescent="0.3">
      <c r="A10275" s="11"/>
      <c r="B10275" s="8"/>
    </row>
    <row r="10276" spans="1:2" x14ac:dyDescent="0.3">
      <c r="A10276" s="11"/>
      <c r="B10276" s="8"/>
    </row>
    <row r="10277" spans="1:2" x14ac:dyDescent="0.3">
      <c r="A10277" s="11"/>
      <c r="B10277" s="8"/>
    </row>
    <row r="10278" spans="1:2" x14ac:dyDescent="0.3">
      <c r="A10278" s="11"/>
      <c r="B10278" s="8"/>
    </row>
    <row r="10279" spans="1:2" x14ac:dyDescent="0.3">
      <c r="A10279" s="11"/>
      <c r="B10279" s="8"/>
    </row>
    <row r="10280" spans="1:2" x14ac:dyDescent="0.3">
      <c r="A10280" s="11"/>
      <c r="B10280" s="8"/>
    </row>
    <row r="10281" spans="1:2" x14ac:dyDescent="0.3">
      <c r="A10281" s="11"/>
      <c r="B10281" s="8"/>
    </row>
    <row r="10282" spans="1:2" x14ac:dyDescent="0.3">
      <c r="A10282" s="11"/>
      <c r="B10282" s="8"/>
    </row>
    <row r="10283" spans="1:2" x14ac:dyDescent="0.3">
      <c r="A10283" s="11"/>
      <c r="B10283" s="8"/>
    </row>
    <row r="10284" spans="1:2" x14ac:dyDescent="0.3">
      <c r="A10284" s="11"/>
      <c r="B10284" s="8"/>
    </row>
    <row r="10285" spans="1:2" x14ac:dyDescent="0.3">
      <c r="A10285" s="11"/>
      <c r="B10285" s="8"/>
    </row>
    <row r="10286" spans="1:2" x14ac:dyDescent="0.3">
      <c r="A10286" s="11"/>
      <c r="B10286" s="8"/>
    </row>
    <row r="10287" spans="1:2" x14ac:dyDescent="0.3">
      <c r="A10287" s="11"/>
      <c r="B10287" s="8"/>
    </row>
    <row r="10288" spans="1:2" x14ac:dyDescent="0.3">
      <c r="A10288" s="11"/>
      <c r="B10288" s="8"/>
    </row>
    <row r="10289" spans="1:2" x14ac:dyDescent="0.3">
      <c r="A10289" s="11"/>
      <c r="B10289" s="8"/>
    </row>
    <row r="10290" spans="1:2" x14ac:dyDescent="0.3">
      <c r="A10290" s="11"/>
      <c r="B10290" s="8"/>
    </row>
    <row r="10291" spans="1:2" x14ac:dyDescent="0.3">
      <c r="A10291" s="11"/>
      <c r="B10291" s="8"/>
    </row>
    <row r="10292" spans="1:2" x14ac:dyDescent="0.3">
      <c r="A10292" s="11"/>
      <c r="B10292" s="8"/>
    </row>
    <row r="10293" spans="1:2" x14ac:dyDescent="0.3">
      <c r="A10293" s="11"/>
      <c r="B10293" s="8"/>
    </row>
    <row r="10294" spans="1:2" x14ac:dyDescent="0.3">
      <c r="A10294" s="11"/>
      <c r="B10294" s="8"/>
    </row>
    <row r="10295" spans="1:2" x14ac:dyDescent="0.3">
      <c r="A10295" s="11"/>
      <c r="B10295" s="8"/>
    </row>
    <row r="10296" spans="1:2" x14ac:dyDescent="0.3">
      <c r="A10296" s="11"/>
      <c r="B10296" s="8"/>
    </row>
    <row r="10297" spans="1:2" x14ac:dyDescent="0.3">
      <c r="A10297" s="11"/>
      <c r="B10297" s="8"/>
    </row>
    <row r="10298" spans="1:2" x14ac:dyDescent="0.3">
      <c r="A10298" s="11"/>
      <c r="B10298" s="8"/>
    </row>
    <row r="10299" spans="1:2" x14ac:dyDescent="0.3">
      <c r="A10299" s="11"/>
      <c r="B10299" s="8"/>
    </row>
    <row r="10300" spans="1:2" x14ac:dyDescent="0.3">
      <c r="A10300" s="11"/>
      <c r="B10300" s="8"/>
    </row>
    <row r="10301" spans="1:2" x14ac:dyDescent="0.3">
      <c r="A10301" s="11"/>
      <c r="B10301" s="8"/>
    </row>
    <row r="10302" spans="1:2" x14ac:dyDescent="0.3">
      <c r="A10302" s="11"/>
      <c r="B10302" s="8"/>
    </row>
    <row r="10303" spans="1:2" x14ac:dyDescent="0.3">
      <c r="A10303" s="11"/>
      <c r="B10303" s="8"/>
    </row>
    <row r="10304" spans="1:2" x14ac:dyDescent="0.3">
      <c r="A10304" s="11"/>
      <c r="B10304" s="8"/>
    </row>
    <row r="10305" spans="1:2" x14ac:dyDescent="0.3">
      <c r="A10305" s="11"/>
      <c r="B10305" s="8"/>
    </row>
    <row r="10306" spans="1:2" x14ac:dyDescent="0.3">
      <c r="A10306" s="11"/>
      <c r="B10306" s="8"/>
    </row>
    <row r="10307" spans="1:2" x14ac:dyDescent="0.3">
      <c r="A10307" s="11"/>
      <c r="B10307" s="8"/>
    </row>
    <row r="10308" spans="1:2" x14ac:dyDescent="0.3">
      <c r="A10308" s="11"/>
      <c r="B10308" s="8"/>
    </row>
    <row r="10309" spans="1:2" x14ac:dyDescent="0.3">
      <c r="A10309" s="11"/>
      <c r="B10309" s="8"/>
    </row>
    <row r="10310" spans="1:2" x14ac:dyDescent="0.3">
      <c r="A10310" s="11"/>
      <c r="B10310" s="8"/>
    </row>
    <row r="10311" spans="1:2" x14ac:dyDescent="0.3">
      <c r="A10311" s="11"/>
      <c r="B10311" s="8"/>
    </row>
    <row r="10312" spans="1:2" x14ac:dyDescent="0.3">
      <c r="A10312" s="11"/>
      <c r="B10312" s="8"/>
    </row>
    <row r="10313" spans="1:2" x14ac:dyDescent="0.3">
      <c r="A10313" s="11"/>
      <c r="B10313" s="8"/>
    </row>
    <row r="10314" spans="1:2" x14ac:dyDescent="0.3">
      <c r="A10314" s="11"/>
      <c r="B10314" s="8"/>
    </row>
    <row r="10315" spans="1:2" x14ac:dyDescent="0.3">
      <c r="A10315" s="11"/>
      <c r="B10315" s="8"/>
    </row>
    <row r="10316" spans="1:2" x14ac:dyDescent="0.3">
      <c r="A10316" s="11"/>
      <c r="B10316" s="8"/>
    </row>
    <row r="10317" spans="1:2" x14ac:dyDescent="0.3">
      <c r="A10317" s="11"/>
      <c r="B10317" s="8"/>
    </row>
    <row r="10318" spans="1:2" x14ac:dyDescent="0.3">
      <c r="A10318" s="11"/>
      <c r="B10318" s="8"/>
    </row>
    <row r="10319" spans="1:2" x14ac:dyDescent="0.3">
      <c r="A10319" s="11"/>
      <c r="B10319" s="8"/>
    </row>
    <row r="10320" spans="1:2" x14ac:dyDescent="0.3">
      <c r="A10320" s="11"/>
      <c r="B10320" s="8"/>
    </row>
    <row r="10321" spans="1:2" x14ac:dyDescent="0.3">
      <c r="A10321" s="11"/>
      <c r="B10321" s="8"/>
    </row>
    <row r="10322" spans="1:2" x14ac:dyDescent="0.3">
      <c r="A10322" s="11"/>
      <c r="B10322" s="8"/>
    </row>
    <row r="10323" spans="1:2" x14ac:dyDescent="0.3">
      <c r="A10323" s="11"/>
      <c r="B10323" s="8"/>
    </row>
    <row r="10324" spans="1:2" x14ac:dyDescent="0.3">
      <c r="A10324" s="11"/>
      <c r="B10324" s="8"/>
    </row>
    <row r="10325" spans="1:2" x14ac:dyDescent="0.3">
      <c r="A10325" s="11"/>
      <c r="B10325" s="8"/>
    </row>
    <row r="10326" spans="1:2" x14ac:dyDescent="0.3">
      <c r="A10326" s="11"/>
      <c r="B10326" s="8"/>
    </row>
    <row r="10327" spans="1:2" x14ac:dyDescent="0.3">
      <c r="A10327" s="11"/>
      <c r="B10327" s="8"/>
    </row>
    <row r="10328" spans="1:2" x14ac:dyDescent="0.3">
      <c r="A10328" s="11"/>
      <c r="B10328" s="8"/>
    </row>
    <row r="10329" spans="1:2" x14ac:dyDescent="0.3">
      <c r="A10329" s="11"/>
      <c r="B10329" s="8"/>
    </row>
    <row r="10330" spans="1:2" x14ac:dyDescent="0.3">
      <c r="A10330" s="11"/>
      <c r="B10330" s="8"/>
    </row>
    <row r="10331" spans="1:2" x14ac:dyDescent="0.3">
      <c r="A10331" s="11"/>
      <c r="B10331" s="8"/>
    </row>
    <row r="10332" spans="1:2" x14ac:dyDescent="0.3">
      <c r="A10332" s="11"/>
      <c r="B10332" s="8"/>
    </row>
    <row r="10333" spans="1:2" x14ac:dyDescent="0.3">
      <c r="A10333" s="11"/>
      <c r="B10333" s="8"/>
    </row>
    <row r="10334" spans="1:2" x14ac:dyDescent="0.3">
      <c r="A10334" s="11"/>
      <c r="B10334" s="8"/>
    </row>
    <row r="10335" spans="1:2" x14ac:dyDescent="0.3">
      <c r="A10335" s="11"/>
      <c r="B10335" s="8"/>
    </row>
    <row r="10336" spans="1:2" x14ac:dyDescent="0.3">
      <c r="A10336" s="11"/>
      <c r="B10336" s="8"/>
    </row>
    <row r="10337" spans="1:2" x14ac:dyDescent="0.3">
      <c r="A10337" s="11"/>
      <c r="B10337" s="8"/>
    </row>
    <row r="10338" spans="1:2" x14ac:dyDescent="0.3">
      <c r="A10338" s="11"/>
      <c r="B10338" s="8"/>
    </row>
    <row r="10339" spans="1:2" x14ac:dyDescent="0.3">
      <c r="A10339" s="11"/>
      <c r="B10339" s="8"/>
    </row>
    <row r="10340" spans="1:2" x14ac:dyDescent="0.3">
      <c r="A10340" s="11"/>
      <c r="B10340" s="8"/>
    </row>
    <row r="10341" spans="1:2" x14ac:dyDescent="0.3">
      <c r="A10341" s="11"/>
      <c r="B10341" s="8"/>
    </row>
    <row r="10342" spans="1:2" x14ac:dyDescent="0.3">
      <c r="A10342" s="11"/>
      <c r="B10342" s="8"/>
    </row>
    <row r="10343" spans="1:2" x14ac:dyDescent="0.3">
      <c r="A10343" s="11"/>
      <c r="B10343" s="8"/>
    </row>
    <row r="10344" spans="1:2" x14ac:dyDescent="0.3">
      <c r="A10344" s="11"/>
      <c r="B10344" s="8"/>
    </row>
    <row r="10345" spans="1:2" x14ac:dyDescent="0.3">
      <c r="A10345" s="11"/>
      <c r="B10345" s="8"/>
    </row>
    <row r="10346" spans="1:2" x14ac:dyDescent="0.3">
      <c r="A10346" s="11"/>
      <c r="B10346" s="8"/>
    </row>
    <row r="10347" spans="1:2" x14ac:dyDescent="0.3">
      <c r="A10347" s="11"/>
      <c r="B10347" s="8"/>
    </row>
    <row r="10348" spans="1:2" x14ac:dyDescent="0.3">
      <c r="A10348" s="11"/>
      <c r="B10348" s="8"/>
    </row>
    <row r="10349" spans="1:2" x14ac:dyDescent="0.3">
      <c r="A10349" s="11"/>
      <c r="B10349" s="8"/>
    </row>
    <row r="10350" spans="1:2" x14ac:dyDescent="0.3">
      <c r="A10350" s="11"/>
      <c r="B10350" s="8"/>
    </row>
    <row r="10351" spans="1:2" x14ac:dyDescent="0.3">
      <c r="A10351" s="11"/>
      <c r="B10351" s="8"/>
    </row>
    <row r="10352" spans="1:2" x14ac:dyDescent="0.3">
      <c r="A10352" s="11"/>
      <c r="B10352" s="8"/>
    </row>
    <row r="10353" spans="1:2" x14ac:dyDescent="0.3">
      <c r="A10353" s="11"/>
      <c r="B10353" s="8"/>
    </row>
    <row r="10354" spans="1:2" x14ac:dyDescent="0.3">
      <c r="A10354" s="11"/>
      <c r="B10354" s="8"/>
    </row>
    <row r="10355" spans="1:2" x14ac:dyDescent="0.3">
      <c r="A10355" s="11"/>
      <c r="B10355" s="8"/>
    </row>
    <row r="10356" spans="1:2" x14ac:dyDescent="0.3">
      <c r="A10356" s="11"/>
      <c r="B10356" s="8"/>
    </row>
    <row r="10357" spans="1:2" x14ac:dyDescent="0.3">
      <c r="A10357" s="11"/>
      <c r="B10357" s="8"/>
    </row>
    <row r="10358" spans="1:2" x14ac:dyDescent="0.3">
      <c r="A10358" s="11"/>
      <c r="B10358" s="8"/>
    </row>
    <row r="10359" spans="1:2" x14ac:dyDescent="0.3">
      <c r="A10359" s="11"/>
      <c r="B10359" s="8"/>
    </row>
    <row r="10360" spans="1:2" x14ac:dyDescent="0.3">
      <c r="A10360" s="11"/>
      <c r="B10360" s="8"/>
    </row>
    <row r="10361" spans="1:2" x14ac:dyDescent="0.3">
      <c r="A10361" s="11"/>
      <c r="B10361" s="8"/>
    </row>
    <row r="10362" spans="1:2" x14ac:dyDescent="0.3">
      <c r="A10362" s="11"/>
      <c r="B10362" s="8"/>
    </row>
    <row r="10363" spans="1:2" x14ac:dyDescent="0.3">
      <c r="A10363" s="11"/>
      <c r="B10363" s="8"/>
    </row>
    <row r="10364" spans="1:2" x14ac:dyDescent="0.3">
      <c r="A10364" s="11"/>
      <c r="B10364" s="8"/>
    </row>
    <row r="10365" spans="1:2" x14ac:dyDescent="0.3">
      <c r="A10365" s="11"/>
      <c r="B10365" s="8"/>
    </row>
    <row r="10366" spans="1:2" x14ac:dyDescent="0.3">
      <c r="A10366" s="11"/>
      <c r="B10366" s="8"/>
    </row>
    <row r="10367" spans="1:2" x14ac:dyDescent="0.3">
      <c r="A10367" s="11"/>
      <c r="B10367" s="8"/>
    </row>
    <row r="10368" spans="1:2" x14ac:dyDescent="0.3">
      <c r="A10368" s="11"/>
      <c r="B10368" s="8"/>
    </row>
    <row r="10369" spans="1:2" x14ac:dyDescent="0.3">
      <c r="A10369" s="11"/>
      <c r="B10369" s="8"/>
    </row>
    <row r="10370" spans="1:2" x14ac:dyDescent="0.3">
      <c r="A10370" s="11"/>
      <c r="B10370" s="8"/>
    </row>
    <row r="10371" spans="1:2" x14ac:dyDescent="0.3">
      <c r="A10371" s="11"/>
      <c r="B10371" s="8"/>
    </row>
    <row r="10372" spans="1:2" x14ac:dyDescent="0.3">
      <c r="A10372" s="11"/>
      <c r="B10372" s="8"/>
    </row>
    <row r="10373" spans="1:2" x14ac:dyDescent="0.3">
      <c r="A10373" s="11"/>
      <c r="B10373" s="8"/>
    </row>
    <row r="10374" spans="1:2" x14ac:dyDescent="0.3">
      <c r="A10374" s="11"/>
      <c r="B10374" s="8"/>
    </row>
    <row r="10375" spans="1:2" x14ac:dyDescent="0.3">
      <c r="A10375" s="11"/>
      <c r="B10375" s="8"/>
    </row>
    <row r="10376" spans="1:2" x14ac:dyDescent="0.3">
      <c r="A10376" s="11"/>
      <c r="B10376" s="8"/>
    </row>
    <row r="10377" spans="1:2" x14ac:dyDescent="0.3">
      <c r="A10377" s="11"/>
      <c r="B10377" s="8"/>
    </row>
    <row r="10378" spans="1:2" x14ac:dyDescent="0.3">
      <c r="A10378" s="11"/>
      <c r="B10378" s="8"/>
    </row>
    <row r="10379" spans="1:2" x14ac:dyDescent="0.3">
      <c r="A10379" s="11"/>
      <c r="B10379" s="8"/>
    </row>
    <row r="10380" spans="1:2" x14ac:dyDescent="0.3">
      <c r="A10380" s="11"/>
      <c r="B10380" s="8"/>
    </row>
    <row r="10381" spans="1:2" x14ac:dyDescent="0.3">
      <c r="A10381" s="11"/>
      <c r="B10381" s="8"/>
    </row>
    <row r="10382" spans="1:2" x14ac:dyDescent="0.3">
      <c r="A10382" s="11"/>
      <c r="B10382" s="8"/>
    </row>
    <row r="10383" spans="1:2" x14ac:dyDescent="0.3">
      <c r="A10383" s="11"/>
      <c r="B10383" s="8"/>
    </row>
    <row r="10384" spans="1:2" x14ac:dyDescent="0.3">
      <c r="A10384" s="11"/>
      <c r="B10384" s="8"/>
    </row>
    <row r="10385" spans="1:2" x14ac:dyDescent="0.3">
      <c r="A10385" s="11"/>
      <c r="B10385" s="8"/>
    </row>
    <row r="10386" spans="1:2" x14ac:dyDescent="0.3">
      <c r="A10386" s="11"/>
      <c r="B10386" s="8"/>
    </row>
    <row r="10387" spans="1:2" x14ac:dyDescent="0.3">
      <c r="A10387" s="11"/>
      <c r="B10387" s="8"/>
    </row>
    <row r="10388" spans="1:2" x14ac:dyDescent="0.3">
      <c r="A10388" s="11"/>
      <c r="B10388" s="8"/>
    </row>
    <row r="10389" spans="1:2" x14ac:dyDescent="0.3">
      <c r="A10389" s="11"/>
      <c r="B10389" s="8"/>
    </row>
    <row r="10390" spans="1:2" x14ac:dyDescent="0.3">
      <c r="A10390" s="11"/>
      <c r="B10390" s="8"/>
    </row>
    <row r="10391" spans="1:2" x14ac:dyDescent="0.3">
      <c r="A10391" s="11"/>
      <c r="B10391" s="8"/>
    </row>
    <row r="10392" spans="1:2" x14ac:dyDescent="0.3">
      <c r="A10392" s="11"/>
      <c r="B10392" s="8"/>
    </row>
    <row r="10393" spans="1:2" x14ac:dyDescent="0.3">
      <c r="A10393" s="11"/>
      <c r="B10393" s="8"/>
    </row>
    <row r="10394" spans="1:2" x14ac:dyDescent="0.3">
      <c r="A10394" s="11"/>
      <c r="B10394" s="8"/>
    </row>
    <row r="10395" spans="1:2" x14ac:dyDescent="0.3">
      <c r="A10395" s="11"/>
      <c r="B10395" s="8"/>
    </row>
    <row r="10396" spans="1:2" x14ac:dyDescent="0.3">
      <c r="A10396" s="11"/>
      <c r="B10396" s="8"/>
    </row>
    <row r="10397" spans="1:2" x14ac:dyDescent="0.3">
      <c r="A10397" s="11"/>
      <c r="B10397" s="8"/>
    </row>
    <row r="10398" spans="1:2" x14ac:dyDescent="0.3">
      <c r="A10398" s="11"/>
      <c r="B10398" s="8"/>
    </row>
    <row r="10399" spans="1:2" x14ac:dyDescent="0.3">
      <c r="A10399" s="11"/>
      <c r="B10399" s="8"/>
    </row>
    <row r="10400" spans="1:2" x14ac:dyDescent="0.3">
      <c r="A10400" s="11"/>
      <c r="B10400" s="8"/>
    </row>
    <row r="10401" spans="1:2" x14ac:dyDescent="0.3">
      <c r="A10401" s="11"/>
      <c r="B10401" s="8"/>
    </row>
    <row r="10402" spans="1:2" x14ac:dyDescent="0.3">
      <c r="A10402" s="11"/>
      <c r="B10402" s="8"/>
    </row>
    <row r="10403" spans="1:2" x14ac:dyDescent="0.3">
      <c r="A10403" s="11"/>
      <c r="B10403" s="8"/>
    </row>
    <row r="10404" spans="1:2" x14ac:dyDescent="0.3">
      <c r="A10404" s="11"/>
      <c r="B10404" s="8"/>
    </row>
    <row r="10405" spans="1:2" x14ac:dyDescent="0.3">
      <c r="A10405" s="11"/>
      <c r="B10405" s="8"/>
    </row>
    <row r="10406" spans="1:2" x14ac:dyDescent="0.3">
      <c r="A10406" s="11"/>
      <c r="B10406" s="8"/>
    </row>
    <row r="10407" spans="1:2" x14ac:dyDescent="0.3">
      <c r="A10407" s="11"/>
      <c r="B10407" s="8"/>
    </row>
    <row r="10408" spans="1:2" x14ac:dyDescent="0.3">
      <c r="A10408" s="11"/>
      <c r="B10408" s="8"/>
    </row>
    <row r="10409" spans="1:2" x14ac:dyDescent="0.3">
      <c r="A10409" s="11"/>
      <c r="B10409" s="8"/>
    </row>
    <row r="10410" spans="1:2" x14ac:dyDescent="0.3">
      <c r="A10410" s="11"/>
      <c r="B10410" s="8"/>
    </row>
    <row r="10411" spans="1:2" x14ac:dyDescent="0.3">
      <c r="A10411" s="11"/>
      <c r="B10411" s="8"/>
    </row>
    <row r="10412" spans="1:2" x14ac:dyDescent="0.3">
      <c r="A10412" s="11"/>
      <c r="B10412" s="8"/>
    </row>
    <row r="10413" spans="1:2" x14ac:dyDescent="0.3">
      <c r="A10413" s="11"/>
      <c r="B10413" s="8"/>
    </row>
    <row r="10414" spans="1:2" x14ac:dyDescent="0.3">
      <c r="A10414" s="11"/>
      <c r="B10414" s="8"/>
    </row>
    <row r="10415" spans="1:2" x14ac:dyDescent="0.3">
      <c r="A10415" s="11"/>
      <c r="B10415" s="8"/>
    </row>
    <row r="10416" spans="1:2" x14ac:dyDescent="0.3">
      <c r="A10416" s="11"/>
      <c r="B10416" s="8"/>
    </row>
    <row r="10417" spans="1:2" x14ac:dyDescent="0.3">
      <c r="A10417" s="11"/>
      <c r="B10417" s="8"/>
    </row>
    <row r="10418" spans="1:2" x14ac:dyDescent="0.3">
      <c r="A10418" s="11"/>
      <c r="B10418" s="8"/>
    </row>
    <row r="10419" spans="1:2" x14ac:dyDescent="0.3">
      <c r="A10419" s="11"/>
      <c r="B10419" s="8"/>
    </row>
    <row r="10420" spans="1:2" x14ac:dyDescent="0.3">
      <c r="A10420" s="11"/>
      <c r="B10420" s="8"/>
    </row>
    <row r="10421" spans="1:2" x14ac:dyDescent="0.3">
      <c r="A10421" s="11"/>
      <c r="B10421" s="8"/>
    </row>
    <row r="10422" spans="1:2" x14ac:dyDescent="0.3">
      <c r="A10422" s="11"/>
      <c r="B10422" s="8"/>
    </row>
    <row r="10423" spans="1:2" x14ac:dyDescent="0.3">
      <c r="A10423" s="11"/>
      <c r="B10423" s="8"/>
    </row>
    <row r="10424" spans="1:2" x14ac:dyDescent="0.3">
      <c r="A10424" s="11"/>
      <c r="B10424" s="8"/>
    </row>
    <row r="10425" spans="1:2" x14ac:dyDescent="0.3">
      <c r="A10425" s="11"/>
      <c r="B10425" s="8"/>
    </row>
    <row r="10426" spans="1:2" x14ac:dyDescent="0.3">
      <c r="A10426" s="11"/>
      <c r="B10426" s="8"/>
    </row>
    <row r="10427" spans="1:2" x14ac:dyDescent="0.3">
      <c r="A10427" s="11"/>
      <c r="B10427" s="8"/>
    </row>
    <row r="10428" spans="1:2" x14ac:dyDescent="0.3">
      <c r="A10428" s="11"/>
      <c r="B10428" s="8"/>
    </row>
    <row r="10429" spans="1:2" x14ac:dyDescent="0.3">
      <c r="A10429" s="11"/>
      <c r="B10429" s="8"/>
    </row>
    <row r="10430" spans="1:2" x14ac:dyDescent="0.3">
      <c r="A10430" s="11"/>
      <c r="B10430" s="8"/>
    </row>
    <row r="10431" spans="1:2" x14ac:dyDescent="0.3">
      <c r="A10431" s="11"/>
      <c r="B10431" s="8"/>
    </row>
    <row r="10432" spans="1:2" x14ac:dyDescent="0.3">
      <c r="A10432" s="11"/>
      <c r="B10432" s="8"/>
    </row>
    <row r="10433" spans="1:2" x14ac:dyDescent="0.3">
      <c r="A10433" s="11"/>
      <c r="B10433" s="8"/>
    </row>
    <row r="10434" spans="1:2" x14ac:dyDescent="0.3">
      <c r="A10434" s="11"/>
      <c r="B10434" s="8"/>
    </row>
    <row r="10435" spans="1:2" x14ac:dyDescent="0.3">
      <c r="A10435" s="11"/>
      <c r="B10435" s="8"/>
    </row>
    <row r="10436" spans="1:2" x14ac:dyDescent="0.3">
      <c r="A10436" s="11"/>
      <c r="B10436" s="8"/>
    </row>
    <row r="10437" spans="1:2" x14ac:dyDescent="0.3">
      <c r="A10437" s="11"/>
      <c r="B10437" s="8"/>
    </row>
    <row r="10438" spans="1:2" x14ac:dyDescent="0.3">
      <c r="A10438" s="11"/>
      <c r="B10438" s="8"/>
    </row>
    <row r="10439" spans="1:2" x14ac:dyDescent="0.3">
      <c r="A10439" s="11"/>
      <c r="B10439" s="8"/>
    </row>
    <row r="10440" spans="1:2" x14ac:dyDescent="0.3">
      <c r="A10440" s="11"/>
      <c r="B10440" s="8"/>
    </row>
    <row r="10441" spans="1:2" x14ac:dyDescent="0.3">
      <c r="A10441" s="11"/>
      <c r="B10441" s="8"/>
    </row>
    <row r="10442" spans="1:2" x14ac:dyDescent="0.3">
      <c r="A10442" s="11"/>
      <c r="B10442" s="8"/>
    </row>
    <row r="10443" spans="1:2" x14ac:dyDescent="0.3">
      <c r="A10443" s="11"/>
      <c r="B10443" s="8"/>
    </row>
    <row r="10444" spans="1:2" x14ac:dyDescent="0.3">
      <c r="A10444" s="11"/>
      <c r="B10444" s="8"/>
    </row>
    <row r="10445" spans="1:2" x14ac:dyDescent="0.3">
      <c r="A10445" s="11"/>
      <c r="B10445" s="8"/>
    </row>
    <row r="10446" spans="1:2" x14ac:dyDescent="0.3">
      <c r="A10446" s="11"/>
      <c r="B10446" s="8"/>
    </row>
    <row r="10447" spans="1:2" x14ac:dyDescent="0.3">
      <c r="A10447" s="11"/>
      <c r="B10447" s="8"/>
    </row>
    <row r="10448" spans="1:2" x14ac:dyDescent="0.3">
      <c r="A10448" s="11"/>
      <c r="B10448" s="8"/>
    </row>
    <row r="10449" spans="1:2" x14ac:dyDescent="0.3">
      <c r="A10449" s="11"/>
      <c r="B10449" s="8"/>
    </row>
    <row r="10450" spans="1:2" x14ac:dyDescent="0.3">
      <c r="A10450" s="11"/>
      <c r="B10450" s="8"/>
    </row>
    <row r="10451" spans="1:2" x14ac:dyDescent="0.3">
      <c r="A10451" s="11"/>
      <c r="B10451" s="8"/>
    </row>
    <row r="10452" spans="1:2" x14ac:dyDescent="0.3">
      <c r="A10452" s="11"/>
      <c r="B10452" s="8"/>
    </row>
    <row r="10453" spans="1:2" x14ac:dyDescent="0.3">
      <c r="A10453" s="11"/>
      <c r="B10453" s="8"/>
    </row>
    <row r="10454" spans="1:2" x14ac:dyDescent="0.3">
      <c r="A10454" s="11"/>
      <c r="B10454" s="8"/>
    </row>
    <row r="10455" spans="1:2" x14ac:dyDescent="0.3">
      <c r="A10455" s="11"/>
      <c r="B10455" s="8"/>
    </row>
    <row r="10456" spans="1:2" x14ac:dyDescent="0.3">
      <c r="A10456" s="11"/>
      <c r="B10456" s="8"/>
    </row>
    <row r="10457" spans="1:2" x14ac:dyDescent="0.3">
      <c r="A10457" s="11"/>
      <c r="B10457" s="8"/>
    </row>
    <row r="10458" spans="1:2" x14ac:dyDescent="0.3">
      <c r="A10458" s="11"/>
      <c r="B10458" s="8"/>
    </row>
    <row r="10459" spans="1:2" x14ac:dyDescent="0.3">
      <c r="A10459" s="11"/>
      <c r="B10459" s="8"/>
    </row>
    <row r="10460" spans="1:2" x14ac:dyDescent="0.3">
      <c r="A10460" s="11"/>
      <c r="B10460" s="8"/>
    </row>
    <row r="10461" spans="1:2" x14ac:dyDescent="0.3">
      <c r="A10461" s="11"/>
      <c r="B10461" s="8"/>
    </row>
    <row r="10462" spans="1:2" x14ac:dyDescent="0.3">
      <c r="A10462" s="11"/>
      <c r="B10462" s="8"/>
    </row>
    <row r="10463" spans="1:2" x14ac:dyDescent="0.3">
      <c r="A10463" s="11"/>
      <c r="B10463" s="8"/>
    </row>
    <row r="10464" spans="1:2" x14ac:dyDescent="0.3">
      <c r="A10464" s="11"/>
      <c r="B10464" s="8"/>
    </row>
    <row r="10465" spans="1:2" x14ac:dyDescent="0.3">
      <c r="A10465" s="11"/>
      <c r="B10465" s="8"/>
    </row>
    <row r="10466" spans="1:2" x14ac:dyDescent="0.3">
      <c r="A10466" s="11"/>
      <c r="B10466" s="8"/>
    </row>
    <row r="10467" spans="1:2" x14ac:dyDescent="0.3">
      <c r="A10467" s="11"/>
      <c r="B10467" s="8"/>
    </row>
    <row r="10468" spans="1:2" x14ac:dyDescent="0.3">
      <c r="A10468" s="11"/>
      <c r="B10468" s="8"/>
    </row>
    <row r="10469" spans="1:2" x14ac:dyDescent="0.3">
      <c r="A10469" s="11"/>
      <c r="B10469" s="8"/>
    </row>
    <row r="10470" spans="1:2" x14ac:dyDescent="0.3">
      <c r="A10470" s="11"/>
      <c r="B10470" s="8"/>
    </row>
    <row r="10471" spans="1:2" x14ac:dyDescent="0.3">
      <c r="A10471" s="11"/>
      <c r="B10471" s="8"/>
    </row>
    <row r="10472" spans="1:2" x14ac:dyDescent="0.3">
      <c r="A10472" s="11"/>
      <c r="B10472" s="8"/>
    </row>
    <row r="10473" spans="1:2" x14ac:dyDescent="0.3">
      <c r="A10473" s="11"/>
      <c r="B10473" s="8"/>
    </row>
    <row r="10474" spans="1:2" x14ac:dyDescent="0.3">
      <c r="A10474" s="11"/>
      <c r="B10474" s="8"/>
    </row>
    <row r="10475" spans="1:2" x14ac:dyDescent="0.3">
      <c r="A10475" s="11"/>
      <c r="B10475" s="8"/>
    </row>
    <row r="10476" spans="1:2" x14ac:dyDescent="0.3">
      <c r="A10476" s="11"/>
      <c r="B10476" s="8"/>
    </row>
    <row r="10477" spans="1:2" x14ac:dyDescent="0.3">
      <c r="A10477" s="11"/>
      <c r="B10477" s="8"/>
    </row>
    <row r="10478" spans="1:2" x14ac:dyDescent="0.3">
      <c r="A10478" s="11"/>
      <c r="B10478" s="8"/>
    </row>
    <row r="10479" spans="1:2" x14ac:dyDescent="0.3">
      <c r="A10479" s="11"/>
      <c r="B10479" s="8"/>
    </row>
    <row r="10480" spans="1:2" x14ac:dyDescent="0.3">
      <c r="A10480" s="11"/>
      <c r="B10480" s="8"/>
    </row>
    <row r="10481" spans="1:2" x14ac:dyDescent="0.3">
      <c r="A10481" s="11"/>
      <c r="B10481" s="8"/>
    </row>
    <row r="10482" spans="1:2" x14ac:dyDescent="0.3">
      <c r="A10482" s="11"/>
      <c r="B10482" s="8"/>
    </row>
    <row r="10483" spans="1:2" x14ac:dyDescent="0.3">
      <c r="A10483" s="11"/>
      <c r="B10483" s="8"/>
    </row>
    <row r="10484" spans="1:2" x14ac:dyDescent="0.3">
      <c r="A10484" s="11"/>
      <c r="B10484" s="8"/>
    </row>
    <row r="10485" spans="1:2" x14ac:dyDescent="0.3">
      <c r="A10485" s="11"/>
      <c r="B10485" s="8"/>
    </row>
    <row r="10486" spans="1:2" x14ac:dyDescent="0.3">
      <c r="A10486" s="11"/>
      <c r="B10486" s="8"/>
    </row>
    <row r="10487" spans="1:2" x14ac:dyDescent="0.3">
      <c r="A10487" s="11"/>
      <c r="B10487" s="8"/>
    </row>
    <row r="10488" spans="1:2" x14ac:dyDescent="0.3">
      <c r="A10488" s="11"/>
      <c r="B10488" s="8"/>
    </row>
    <row r="10489" spans="1:2" x14ac:dyDescent="0.3">
      <c r="A10489" s="11"/>
      <c r="B10489" s="8"/>
    </row>
    <row r="10490" spans="1:2" x14ac:dyDescent="0.3">
      <c r="A10490" s="11"/>
      <c r="B10490" s="8"/>
    </row>
    <row r="10491" spans="1:2" x14ac:dyDescent="0.3">
      <c r="A10491" s="11"/>
      <c r="B10491" s="8"/>
    </row>
    <row r="10492" spans="1:2" x14ac:dyDescent="0.3">
      <c r="A10492" s="11"/>
      <c r="B10492" s="8"/>
    </row>
    <row r="10493" spans="1:2" x14ac:dyDescent="0.3">
      <c r="A10493" s="11"/>
      <c r="B10493" s="8"/>
    </row>
    <row r="10494" spans="1:2" x14ac:dyDescent="0.3">
      <c r="A10494" s="11"/>
      <c r="B10494" s="8"/>
    </row>
    <row r="10495" spans="1:2" x14ac:dyDescent="0.3">
      <c r="A10495" s="11"/>
      <c r="B10495" s="8"/>
    </row>
    <row r="10496" spans="1:2" x14ac:dyDescent="0.3">
      <c r="A10496" s="11"/>
      <c r="B10496" s="8"/>
    </row>
    <row r="10497" spans="1:2" x14ac:dyDescent="0.3">
      <c r="A10497" s="11"/>
      <c r="B10497" s="8"/>
    </row>
    <row r="10498" spans="1:2" x14ac:dyDescent="0.3">
      <c r="A10498" s="11"/>
      <c r="B10498" s="8"/>
    </row>
    <row r="10499" spans="1:2" x14ac:dyDescent="0.3">
      <c r="A10499" s="11"/>
      <c r="B10499" s="8"/>
    </row>
    <row r="10500" spans="1:2" x14ac:dyDescent="0.3">
      <c r="A10500" s="11"/>
      <c r="B10500" s="8"/>
    </row>
    <row r="10501" spans="1:2" x14ac:dyDescent="0.3">
      <c r="A10501" s="11"/>
      <c r="B10501" s="8"/>
    </row>
    <row r="10502" spans="1:2" x14ac:dyDescent="0.3">
      <c r="A10502" s="11"/>
      <c r="B10502" s="8"/>
    </row>
    <row r="10503" spans="1:2" x14ac:dyDescent="0.3">
      <c r="A10503" s="11"/>
      <c r="B10503" s="8"/>
    </row>
    <row r="10504" spans="1:2" x14ac:dyDescent="0.3">
      <c r="A10504" s="11"/>
      <c r="B10504" s="8"/>
    </row>
    <row r="10505" spans="1:2" x14ac:dyDescent="0.3">
      <c r="A10505" s="11"/>
      <c r="B10505" s="8"/>
    </row>
    <row r="10506" spans="1:2" x14ac:dyDescent="0.3">
      <c r="A10506" s="11"/>
      <c r="B10506" s="8"/>
    </row>
    <row r="10507" spans="1:2" x14ac:dyDescent="0.3">
      <c r="A10507" s="11"/>
      <c r="B10507" s="8"/>
    </row>
    <row r="10508" spans="1:2" x14ac:dyDescent="0.3">
      <c r="A10508" s="11"/>
      <c r="B10508" s="8"/>
    </row>
    <row r="10509" spans="1:2" x14ac:dyDescent="0.3">
      <c r="A10509" s="11"/>
      <c r="B10509" s="8"/>
    </row>
    <row r="10510" spans="1:2" x14ac:dyDescent="0.3">
      <c r="A10510" s="11"/>
      <c r="B10510" s="8"/>
    </row>
    <row r="10511" spans="1:2" x14ac:dyDescent="0.3">
      <c r="A10511" s="11"/>
      <c r="B10511" s="8"/>
    </row>
    <row r="10512" spans="1:2" x14ac:dyDescent="0.3">
      <c r="A10512" s="11"/>
      <c r="B10512" s="8"/>
    </row>
    <row r="10513" spans="1:2" x14ac:dyDescent="0.3">
      <c r="A10513" s="11"/>
      <c r="B10513" s="8"/>
    </row>
    <row r="10514" spans="1:2" x14ac:dyDescent="0.3">
      <c r="A10514" s="11"/>
      <c r="B10514" s="8"/>
    </row>
    <row r="10515" spans="1:2" x14ac:dyDescent="0.3">
      <c r="A10515" s="11"/>
      <c r="B10515" s="8"/>
    </row>
    <row r="10516" spans="1:2" x14ac:dyDescent="0.3">
      <c r="A10516" s="11"/>
      <c r="B10516" s="8"/>
    </row>
    <row r="10517" spans="1:2" x14ac:dyDescent="0.3">
      <c r="A10517" s="11"/>
      <c r="B10517" s="8"/>
    </row>
    <row r="10518" spans="1:2" x14ac:dyDescent="0.3">
      <c r="A10518" s="11"/>
      <c r="B10518" s="8"/>
    </row>
    <row r="10519" spans="1:2" x14ac:dyDescent="0.3">
      <c r="A10519" s="11"/>
      <c r="B10519" s="8"/>
    </row>
    <row r="10520" spans="1:2" x14ac:dyDescent="0.3">
      <c r="A10520" s="11"/>
      <c r="B10520" s="8"/>
    </row>
    <row r="10521" spans="1:2" x14ac:dyDescent="0.3">
      <c r="A10521" s="11"/>
      <c r="B10521" s="8"/>
    </row>
    <row r="10522" spans="1:2" x14ac:dyDescent="0.3">
      <c r="A10522" s="11"/>
      <c r="B10522" s="8"/>
    </row>
    <row r="10523" spans="1:2" x14ac:dyDescent="0.3">
      <c r="A10523" s="11"/>
      <c r="B10523" s="8"/>
    </row>
    <row r="10524" spans="1:2" x14ac:dyDescent="0.3">
      <c r="A10524" s="11"/>
      <c r="B10524" s="8"/>
    </row>
    <row r="10525" spans="1:2" x14ac:dyDescent="0.3">
      <c r="A10525" s="11"/>
      <c r="B10525" s="8"/>
    </row>
    <row r="10526" spans="1:2" x14ac:dyDescent="0.3">
      <c r="A10526" s="11"/>
      <c r="B10526" s="8"/>
    </row>
    <row r="10527" spans="1:2" x14ac:dyDescent="0.3">
      <c r="A10527" s="11"/>
      <c r="B10527" s="8"/>
    </row>
    <row r="10528" spans="1:2" x14ac:dyDescent="0.3">
      <c r="A10528" s="11"/>
      <c r="B10528" s="8"/>
    </row>
    <row r="10529" spans="1:2" x14ac:dyDescent="0.3">
      <c r="A10529" s="11"/>
      <c r="B10529" s="8"/>
    </row>
    <row r="10530" spans="1:2" x14ac:dyDescent="0.3">
      <c r="A10530" s="11"/>
      <c r="B10530" s="8"/>
    </row>
    <row r="10531" spans="1:2" x14ac:dyDescent="0.3">
      <c r="A10531" s="11"/>
      <c r="B10531" s="8"/>
    </row>
    <row r="10532" spans="1:2" x14ac:dyDescent="0.3">
      <c r="A10532" s="11"/>
      <c r="B10532" s="8"/>
    </row>
    <row r="10533" spans="1:2" x14ac:dyDescent="0.3">
      <c r="A10533" s="11"/>
      <c r="B10533" s="8"/>
    </row>
    <row r="10534" spans="1:2" x14ac:dyDescent="0.3">
      <c r="A10534" s="11"/>
      <c r="B10534" s="8"/>
    </row>
    <row r="10535" spans="1:2" x14ac:dyDescent="0.3">
      <c r="A10535" s="11"/>
      <c r="B10535" s="8"/>
    </row>
    <row r="10536" spans="1:2" x14ac:dyDescent="0.3">
      <c r="A10536" s="11"/>
      <c r="B10536" s="8"/>
    </row>
    <row r="10537" spans="1:2" x14ac:dyDescent="0.3">
      <c r="A10537" s="11"/>
      <c r="B10537" s="8"/>
    </row>
    <row r="10538" spans="1:2" x14ac:dyDescent="0.3">
      <c r="A10538" s="11"/>
      <c r="B10538" s="8"/>
    </row>
    <row r="10539" spans="1:2" x14ac:dyDescent="0.3">
      <c r="A10539" s="11"/>
      <c r="B10539" s="8"/>
    </row>
    <row r="10540" spans="1:2" x14ac:dyDescent="0.3">
      <c r="A10540" s="11"/>
      <c r="B10540" s="8"/>
    </row>
    <row r="10541" spans="1:2" x14ac:dyDescent="0.3">
      <c r="A10541" s="11"/>
      <c r="B10541" s="8"/>
    </row>
    <row r="10542" spans="1:2" x14ac:dyDescent="0.3">
      <c r="A10542" s="11"/>
      <c r="B10542" s="8"/>
    </row>
    <row r="10543" spans="1:2" x14ac:dyDescent="0.3">
      <c r="A10543" s="11"/>
      <c r="B10543" s="8"/>
    </row>
    <row r="10544" spans="1:2" x14ac:dyDescent="0.3">
      <c r="A10544" s="11"/>
      <c r="B10544" s="8"/>
    </row>
    <row r="10545" spans="1:2" x14ac:dyDescent="0.3">
      <c r="A10545" s="11"/>
      <c r="B10545" s="8"/>
    </row>
    <row r="10546" spans="1:2" x14ac:dyDescent="0.3">
      <c r="A10546" s="11"/>
      <c r="B10546" s="8"/>
    </row>
    <row r="10547" spans="1:2" x14ac:dyDescent="0.3">
      <c r="A10547" s="11"/>
      <c r="B10547" s="8"/>
    </row>
    <row r="10548" spans="1:2" x14ac:dyDescent="0.3">
      <c r="A10548" s="11"/>
      <c r="B10548" s="8"/>
    </row>
    <row r="10549" spans="1:2" x14ac:dyDescent="0.3">
      <c r="A10549" s="11"/>
      <c r="B10549" s="8"/>
    </row>
    <row r="10550" spans="1:2" x14ac:dyDescent="0.3">
      <c r="A10550" s="11"/>
      <c r="B10550" s="8"/>
    </row>
    <row r="10551" spans="1:2" x14ac:dyDescent="0.3">
      <c r="A10551" s="11"/>
      <c r="B10551" s="8"/>
    </row>
    <row r="10552" spans="1:2" x14ac:dyDescent="0.3">
      <c r="A10552" s="11"/>
      <c r="B10552" s="8"/>
    </row>
    <row r="10553" spans="1:2" x14ac:dyDescent="0.3">
      <c r="A10553" s="11"/>
      <c r="B10553" s="8"/>
    </row>
    <row r="10554" spans="1:2" x14ac:dyDescent="0.3">
      <c r="A10554" s="11"/>
      <c r="B10554" s="8"/>
    </row>
    <row r="10555" spans="1:2" x14ac:dyDescent="0.3">
      <c r="A10555" s="11"/>
      <c r="B10555" s="8"/>
    </row>
    <row r="10556" spans="1:2" x14ac:dyDescent="0.3">
      <c r="A10556" s="11"/>
      <c r="B10556" s="8"/>
    </row>
    <row r="10557" spans="1:2" x14ac:dyDescent="0.3">
      <c r="A10557" s="11"/>
      <c r="B10557" s="8"/>
    </row>
    <row r="10558" spans="1:2" x14ac:dyDescent="0.3">
      <c r="A10558" s="11"/>
      <c r="B10558" s="8"/>
    </row>
    <row r="10559" spans="1:2" x14ac:dyDescent="0.3">
      <c r="A10559" s="11"/>
      <c r="B10559" s="8"/>
    </row>
    <row r="10560" spans="1:2" x14ac:dyDescent="0.3">
      <c r="A10560" s="11"/>
      <c r="B10560" s="8"/>
    </row>
    <row r="10561" spans="1:2" x14ac:dyDescent="0.3">
      <c r="A10561" s="11"/>
      <c r="B10561" s="8"/>
    </row>
    <row r="10562" spans="1:2" x14ac:dyDescent="0.3">
      <c r="A10562" s="11"/>
      <c r="B10562" s="8"/>
    </row>
    <row r="10563" spans="1:2" x14ac:dyDescent="0.3">
      <c r="A10563" s="11"/>
      <c r="B10563" s="8"/>
    </row>
    <row r="10564" spans="1:2" x14ac:dyDescent="0.3">
      <c r="A10564" s="11"/>
      <c r="B10564" s="8"/>
    </row>
    <row r="10565" spans="1:2" x14ac:dyDescent="0.3">
      <c r="A10565" s="11"/>
      <c r="B10565" s="8"/>
    </row>
    <row r="10566" spans="1:2" x14ac:dyDescent="0.3">
      <c r="A10566" s="11"/>
      <c r="B10566" s="8"/>
    </row>
    <row r="10567" spans="1:2" x14ac:dyDescent="0.3">
      <c r="A10567" s="11"/>
      <c r="B10567" s="8"/>
    </row>
    <row r="10568" spans="1:2" x14ac:dyDescent="0.3">
      <c r="A10568" s="11"/>
      <c r="B10568" s="8"/>
    </row>
    <row r="10569" spans="1:2" x14ac:dyDescent="0.3">
      <c r="A10569" s="11"/>
      <c r="B10569" s="8"/>
    </row>
    <row r="10570" spans="1:2" x14ac:dyDescent="0.3">
      <c r="A10570" s="11"/>
      <c r="B10570" s="8"/>
    </row>
    <row r="10571" spans="1:2" x14ac:dyDescent="0.3">
      <c r="A10571" s="11"/>
      <c r="B10571" s="8"/>
    </row>
    <row r="10572" spans="1:2" x14ac:dyDescent="0.3">
      <c r="A10572" s="11"/>
      <c r="B10572" s="8"/>
    </row>
    <row r="10573" spans="1:2" x14ac:dyDescent="0.3">
      <c r="A10573" s="11"/>
      <c r="B10573" s="8"/>
    </row>
    <row r="10574" spans="1:2" x14ac:dyDescent="0.3">
      <c r="A10574" s="11"/>
      <c r="B10574" s="8"/>
    </row>
    <row r="10575" spans="1:2" x14ac:dyDescent="0.3">
      <c r="A10575" s="11"/>
      <c r="B10575" s="8"/>
    </row>
    <row r="10576" spans="1:2" x14ac:dyDescent="0.3">
      <c r="A10576" s="11"/>
      <c r="B10576" s="8"/>
    </row>
    <row r="10577" spans="1:2" x14ac:dyDescent="0.3">
      <c r="A10577" s="11"/>
      <c r="B10577" s="8"/>
    </row>
    <row r="10578" spans="1:2" x14ac:dyDescent="0.3">
      <c r="A10578" s="11"/>
      <c r="B10578" s="8"/>
    </row>
    <row r="10579" spans="1:2" x14ac:dyDescent="0.3">
      <c r="A10579" s="11"/>
      <c r="B10579" s="8"/>
    </row>
    <row r="10580" spans="1:2" x14ac:dyDescent="0.3">
      <c r="A10580" s="11"/>
      <c r="B10580" s="8"/>
    </row>
    <row r="10581" spans="1:2" x14ac:dyDescent="0.3">
      <c r="A10581" s="11"/>
      <c r="B10581" s="8"/>
    </row>
    <row r="10582" spans="1:2" x14ac:dyDescent="0.3">
      <c r="A10582" s="11"/>
      <c r="B10582" s="8"/>
    </row>
    <row r="10583" spans="1:2" x14ac:dyDescent="0.3">
      <c r="A10583" s="11"/>
      <c r="B10583" s="8"/>
    </row>
    <row r="10584" spans="1:2" x14ac:dyDescent="0.3">
      <c r="A10584" s="11"/>
      <c r="B10584" s="8"/>
    </row>
    <row r="10585" spans="1:2" x14ac:dyDescent="0.3">
      <c r="A10585" s="11"/>
      <c r="B10585" s="8"/>
    </row>
    <row r="10586" spans="1:2" x14ac:dyDescent="0.3">
      <c r="A10586" s="11"/>
      <c r="B10586" s="8"/>
    </row>
    <row r="10587" spans="1:2" x14ac:dyDescent="0.3">
      <c r="A10587" s="11"/>
      <c r="B10587" s="8"/>
    </row>
    <row r="10588" spans="1:2" x14ac:dyDescent="0.3">
      <c r="A10588" s="11"/>
      <c r="B10588" s="8"/>
    </row>
    <row r="10589" spans="1:2" x14ac:dyDescent="0.3">
      <c r="A10589" s="11"/>
      <c r="B10589" s="8"/>
    </row>
    <row r="10590" spans="1:2" x14ac:dyDescent="0.3">
      <c r="A10590" s="11"/>
      <c r="B10590" s="8"/>
    </row>
    <row r="10591" spans="1:2" x14ac:dyDescent="0.3">
      <c r="A10591" s="11"/>
      <c r="B10591" s="8"/>
    </row>
    <row r="10592" spans="1:2" x14ac:dyDescent="0.3">
      <c r="A10592" s="11"/>
      <c r="B10592" s="8"/>
    </row>
    <row r="10593" spans="1:2" x14ac:dyDescent="0.3">
      <c r="A10593" s="11"/>
      <c r="B10593" s="8"/>
    </row>
    <row r="10594" spans="1:2" x14ac:dyDescent="0.3">
      <c r="A10594" s="11"/>
      <c r="B10594" s="8"/>
    </row>
    <row r="10595" spans="1:2" x14ac:dyDescent="0.3">
      <c r="A10595" s="11"/>
      <c r="B10595" s="8"/>
    </row>
    <row r="10596" spans="1:2" x14ac:dyDescent="0.3">
      <c r="A10596" s="11"/>
      <c r="B10596" s="8"/>
    </row>
    <row r="10597" spans="1:2" x14ac:dyDescent="0.3">
      <c r="A10597" s="11"/>
      <c r="B10597" s="8"/>
    </row>
    <row r="10598" spans="1:2" x14ac:dyDescent="0.3">
      <c r="A10598" s="11"/>
      <c r="B10598" s="8"/>
    </row>
    <row r="10599" spans="1:2" x14ac:dyDescent="0.3">
      <c r="A10599" s="11"/>
      <c r="B10599" s="8"/>
    </row>
    <row r="10600" spans="1:2" x14ac:dyDescent="0.3">
      <c r="A10600" s="11"/>
      <c r="B10600" s="8"/>
    </row>
    <row r="10601" spans="1:2" x14ac:dyDescent="0.3">
      <c r="A10601" s="11"/>
      <c r="B10601" s="8"/>
    </row>
    <row r="10602" spans="1:2" x14ac:dyDescent="0.3">
      <c r="A10602" s="11"/>
      <c r="B10602" s="8"/>
    </row>
    <row r="10603" spans="1:2" x14ac:dyDescent="0.3">
      <c r="A10603" s="11"/>
      <c r="B10603" s="8"/>
    </row>
    <row r="10604" spans="1:2" x14ac:dyDescent="0.3">
      <c r="A10604" s="11"/>
      <c r="B10604" s="8"/>
    </row>
    <row r="10605" spans="1:2" x14ac:dyDescent="0.3">
      <c r="A10605" s="11"/>
      <c r="B10605" s="8"/>
    </row>
    <row r="10606" spans="1:2" x14ac:dyDescent="0.3">
      <c r="A10606" s="11"/>
      <c r="B10606" s="8"/>
    </row>
    <row r="10607" spans="1:2" x14ac:dyDescent="0.3">
      <c r="A10607" s="11"/>
      <c r="B10607" s="8"/>
    </row>
    <row r="10608" spans="1:2" x14ac:dyDescent="0.3">
      <c r="A10608" s="11"/>
      <c r="B10608" s="8"/>
    </row>
    <row r="10609" spans="1:2" x14ac:dyDescent="0.3">
      <c r="A10609" s="11"/>
      <c r="B10609" s="8"/>
    </row>
    <row r="10610" spans="1:2" x14ac:dyDescent="0.3">
      <c r="A10610" s="11"/>
      <c r="B10610" s="8"/>
    </row>
    <row r="10611" spans="1:2" x14ac:dyDescent="0.3">
      <c r="A10611" s="11"/>
      <c r="B10611" s="8"/>
    </row>
    <row r="10612" spans="1:2" x14ac:dyDescent="0.3">
      <c r="A10612" s="11"/>
      <c r="B10612" s="8"/>
    </row>
    <row r="10613" spans="1:2" x14ac:dyDescent="0.3">
      <c r="A10613" s="11"/>
      <c r="B10613" s="8"/>
    </row>
    <row r="10614" spans="1:2" x14ac:dyDescent="0.3">
      <c r="A10614" s="11"/>
      <c r="B10614" s="8"/>
    </row>
    <row r="10615" spans="1:2" x14ac:dyDescent="0.3">
      <c r="A10615" s="11"/>
      <c r="B10615" s="8"/>
    </row>
    <row r="10616" spans="1:2" x14ac:dyDescent="0.3">
      <c r="A10616" s="11"/>
      <c r="B10616" s="8"/>
    </row>
    <row r="10617" spans="1:2" x14ac:dyDescent="0.3">
      <c r="A10617" s="11"/>
      <c r="B10617" s="8"/>
    </row>
    <row r="10618" spans="1:2" x14ac:dyDescent="0.3">
      <c r="A10618" s="11"/>
      <c r="B10618" s="8"/>
    </row>
    <row r="10619" spans="1:2" x14ac:dyDescent="0.3">
      <c r="A10619" s="11"/>
      <c r="B10619" s="8"/>
    </row>
    <row r="10620" spans="1:2" x14ac:dyDescent="0.3">
      <c r="A10620" s="11"/>
      <c r="B10620" s="8"/>
    </row>
    <row r="10621" spans="1:2" x14ac:dyDescent="0.3">
      <c r="A10621" s="11"/>
      <c r="B10621" s="8"/>
    </row>
    <row r="10622" spans="1:2" x14ac:dyDescent="0.3">
      <c r="A10622" s="11"/>
      <c r="B10622" s="8"/>
    </row>
    <row r="10623" spans="1:2" x14ac:dyDescent="0.3">
      <c r="A10623" s="11"/>
      <c r="B10623" s="8"/>
    </row>
    <row r="10624" spans="1:2" x14ac:dyDescent="0.3">
      <c r="A10624" s="11"/>
      <c r="B10624" s="8"/>
    </row>
    <row r="10625" spans="1:2" x14ac:dyDescent="0.3">
      <c r="A10625" s="11"/>
      <c r="B10625" s="8"/>
    </row>
    <row r="10626" spans="1:2" x14ac:dyDescent="0.3">
      <c r="A10626" s="11"/>
      <c r="B10626" s="8"/>
    </row>
    <row r="10627" spans="1:2" x14ac:dyDescent="0.3">
      <c r="A10627" s="11"/>
      <c r="B10627" s="8"/>
    </row>
    <row r="10628" spans="1:2" x14ac:dyDescent="0.3">
      <c r="A10628" s="11"/>
      <c r="B10628" s="8"/>
    </row>
    <row r="10629" spans="1:2" x14ac:dyDescent="0.3">
      <c r="A10629" s="11"/>
      <c r="B10629" s="8"/>
    </row>
    <row r="10630" spans="1:2" x14ac:dyDescent="0.3">
      <c r="A10630" s="11"/>
      <c r="B10630" s="8"/>
    </row>
    <row r="10631" spans="1:2" x14ac:dyDescent="0.3">
      <c r="A10631" s="11"/>
      <c r="B10631" s="8"/>
    </row>
    <row r="10632" spans="1:2" x14ac:dyDescent="0.3">
      <c r="A10632" s="11"/>
      <c r="B10632" s="8"/>
    </row>
    <row r="10633" spans="1:2" x14ac:dyDescent="0.3">
      <c r="A10633" s="11"/>
      <c r="B10633" s="8"/>
    </row>
    <row r="10634" spans="1:2" x14ac:dyDescent="0.3">
      <c r="A10634" s="11"/>
      <c r="B10634" s="8"/>
    </row>
    <row r="10635" spans="1:2" x14ac:dyDescent="0.3">
      <c r="A10635" s="11"/>
      <c r="B10635" s="8"/>
    </row>
    <row r="10636" spans="1:2" x14ac:dyDescent="0.3">
      <c r="A10636" s="11"/>
      <c r="B10636" s="8"/>
    </row>
    <row r="10637" spans="1:2" x14ac:dyDescent="0.3">
      <c r="A10637" s="11"/>
      <c r="B10637" s="8"/>
    </row>
    <row r="10638" spans="1:2" x14ac:dyDescent="0.3">
      <c r="A10638" s="11"/>
      <c r="B10638" s="8"/>
    </row>
    <row r="10639" spans="1:2" x14ac:dyDescent="0.3">
      <c r="A10639" s="11"/>
      <c r="B10639" s="8"/>
    </row>
    <row r="10640" spans="1:2" x14ac:dyDescent="0.3">
      <c r="A10640" s="11"/>
      <c r="B10640" s="8"/>
    </row>
    <row r="10641" spans="1:2" x14ac:dyDescent="0.3">
      <c r="A10641" s="11"/>
      <c r="B10641" s="8"/>
    </row>
    <row r="10642" spans="1:2" x14ac:dyDescent="0.3">
      <c r="A10642" s="11"/>
      <c r="B10642" s="8"/>
    </row>
    <row r="10643" spans="1:2" x14ac:dyDescent="0.3">
      <c r="A10643" s="11"/>
      <c r="B10643" s="8"/>
    </row>
    <row r="10644" spans="1:2" x14ac:dyDescent="0.3">
      <c r="A10644" s="11"/>
      <c r="B10644" s="8"/>
    </row>
    <row r="10645" spans="1:2" x14ac:dyDescent="0.3">
      <c r="A10645" s="11"/>
      <c r="B10645" s="8"/>
    </row>
    <row r="10646" spans="1:2" x14ac:dyDescent="0.3">
      <c r="A10646" s="11"/>
      <c r="B10646" s="8"/>
    </row>
    <row r="10647" spans="1:2" x14ac:dyDescent="0.3">
      <c r="A10647" s="11"/>
      <c r="B10647" s="8"/>
    </row>
    <row r="10648" spans="1:2" x14ac:dyDescent="0.3">
      <c r="A10648" s="11"/>
      <c r="B10648" s="8"/>
    </row>
    <row r="10649" spans="1:2" x14ac:dyDescent="0.3">
      <c r="A10649" s="11"/>
      <c r="B10649" s="8"/>
    </row>
    <row r="10650" spans="1:2" x14ac:dyDescent="0.3">
      <c r="A10650" s="11"/>
      <c r="B10650" s="8"/>
    </row>
    <row r="10651" spans="1:2" x14ac:dyDescent="0.3">
      <c r="A10651" s="11"/>
      <c r="B10651" s="8"/>
    </row>
    <row r="10652" spans="1:2" x14ac:dyDescent="0.3">
      <c r="A10652" s="11"/>
      <c r="B10652" s="8"/>
    </row>
    <row r="10653" spans="1:2" x14ac:dyDescent="0.3">
      <c r="A10653" s="11"/>
      <c r="B10653" s="8"/>
    </row>
    <row r="10654" spans="1:2" x14ac:dyDescent="0.3">
      <c r="A10654" s="11"/>
      <c r="B10654" s="8"/>
    </row>
    <row r="10655" spans="1:2" x14ac:dyDescent="0.3">
      <c r="A10655" s="11"/>
      <c r="B10655" s="8"/>
    </row>
    <row r="10656" spans="1:2" x14ac:dyDescent="0.3">
      <c r="A10656" s="11"/>
      <c r="B10656" s="8"/>
    </row>
    <row r="10657" spans="1:2" x14ac:dyDescent="0.3">
      <c r="A10657" s="11"/>
      <c r="B10657" s="8"/>
    </row>
    <row r="10658" spans="1:2" x14ac:dyDescent="0.3">
      <c r="A10658" s="11"/>
      <c r="B10658" s="8"/>
    </row>
    <row r="10659" spans="1:2" x14ac:dyDescent="0.3">
      <c r="A10659" s="11"/>
      <c r="B10659" s="8"/>
    </row>
    <row r="10660" spans="1:2" x14ac:dyDescent="0.3">
      <c r="A10660" s="11"/>
      <c r="B10660" s="8"/>
    </row>
    <row r="10661" spans="1:2" x14ac:dyDescent="0.3">
      <c r="A10661" s="11"/>
      <c r="B10661" s="8"/>
    </row>
    <row r="10662" spans="1:2" x14ac:dyDescent="0.3">
      <c r="A10662" s="11"/>
      <c r="B10662" s="8"/>
    </row>
    <row r="10663" spans="1:2" x14ac:dyDescent="0.3">
      <c r="A10663" s="11"/>
      <c r="B10663" s="8"/>
    </row>
    <row r="10664" spans="1:2" x14ac:dyDescent="0.3">
      <c r="A10664" s="11"/>
      <c r="B10664" s="8"/>
    </row>
    <row r="10665" spans="1:2" x14ac:dyDescent="0.3">
      <c r="A10665" s="11"/>
      <c r="B10665" s="8"/>
    </row>
    <row r="10666" spans="1:2" x14ac:dyDescent="0.3">
      <c r="A10666" s="11"/>
      <c r="B10666" s="8"/>
    </row>
    <row r="10667" spans="1:2" x14ac:dyDescent="0.3">
      <c r="A10667" s="11"/>
      <c r="B10667" s="8"/>
    </row>
    <row r="10668" spans="1:2" x14ac:dyDescent="0.3">
      <c r="A10668" s="11"/>
      <c r="B10668" s="8"/>
    </row>
    <row r="10669" spans="1:2" x14ac:dyDescent="0.3">
      <c r="A10669" s="11"/>
      <c r="B10669" s="8"/>
    </row>
    <row r="10670" spans="1:2" x14ac:dyDescent="0.3">
      <c r="A10670" s="11"/>
      <c r="B10670" s="8"/>
    </row>
    <row r="10671" spans="1:2" x14ac:dyDescent="0.3">
      <c r="A10671" s="11"/>
      <c r="B10671" s="8"/>
    </row>
    <row r="10672" spans="1:2" x14ac:dyDescent="0.3">
      <c r="A10672" s="11"/>
      <c r="B10672" s="8"/>
    </row>
    <row r="10673" spans="1:2" x14ac:dyDescent="0.3">
      <c r="A10673" s="11"/>
      <c r="B10673" s="8"/>
    </row>
    <row r="10674" spans="1:2" x14ac:dyDescent="0.3">
      <c r="A10674" s="11"/>
      <c r="B10674" s="8"/>
    </row>
    <row r="10675" spans="1:2" x14ac:dyDescent="0.3">
      <c r="A10675" s="11"/>
      <c r="B10675" s="8"/>
    </row>
    <row r="10676" spans="1:2" x14ac:dyDescent="0.3">
      <c r="A10676" s="11"/>
      <c r="B10676" s="8"/>
    </row>
    <row r="10677" spans="1:2" x14ac:dyDescent="0.3">
      <c r="A10677" s="11"/>
      <c r="B10677" s="8"/>
    </row>
    <row r="10678" spans="1:2" x14ac:dyDescent="0.3">
      <c r="A10678" s="11"/>
      <c r="B10678" s="8"/>
    </row>
    <row r="10679" spans="1:2" x14ac:dyDescent="0.3">
      <c r="A10679" s="11"/>
      <c r="B10679" s="8"/>
    </row>
    <row r="10680" spans="1:2" x14ac:dyDescent="0.3">
      <c r="A10680" s="11"/>
      <c r="B10680" s="8"/>
    </row>
    <row r="10681" spans="1:2" x14ac:dyDescent="0.3">
      <c r="A10681" s="11"/>
      <c r="B10681" s="8"/>
    </row>
    <row r="10682" spans="1:2" x14ac:dyDescent="0.3">
      <c r="A10682" s="11"/>
      <c r="B10682" s="8"/>
    </row>
    <row r="10683" spans="1:2" x14ac:dyDescent="0.3">
      <c r="A10683" s="11"/>
      <c r="B10683" s="8"/>
    </row>
    <row r="10684" spans="1:2" x14ac:dyDescent="0.3">
      <c r="A10684" s="11"/>
      <c r="B10684" s="8"/>
    </row>
    <row r="10685" spans="1:2" x14ac:dyDescent="0.3">
      <c r="A10685" s="11"/>
      <c r="B10685" s="8"/>
    </row>
    <row r="10686" spans="1:2" x14ac:dyDescent="0.3">
      <c r="A10686" s="11"/>
      <c r="B10686" s="8"/>
    </row>
    <row r="10687" spans="1:2" x14ac:dyDescent="0.3">
      <c r="A10687" s="11"/>
      <c r="B10687" s="8"/>
    </row>
    <row r="10688" spans="1:2" x14ac:dyDescent="0.3">
      <c r="A10688" s="11"/>
      <c r="B10688" s="8"/>
    </row>
    <row r="10689" spans="1:2" x14ac:dyDescent="0.3">
      <c r="A10689" s="11"/>
      <c r="B10689" s="8"/>
    </row>
    <row r="10690" spans="1:2" x14ac:dyDescent="0.3">
      <c r="A10690" s="11"/>
      <c r="B10690" s="8"/>
    </row>
    <row r="10691" spans="1:2" x14ac:dyDescent="0.3">
      <c r="A10691" s="11"/>
      <c r="B10691" s="8"/>
    </row>
    <row r="10692" spans="1:2" x14ac:dyDescent="0.3">
      <c r="A10692" s="11"/>
      <c r="B10692" s="8"/>
    </row>
    <row r="10693" spans="1:2" x14ac:dyDescent="0.3">
      <c r="A10693" s="11"/>
      <c r="B10693" s="8"/>
    </row>
    <row r="10694" spans="1:2" x14ac:dyDescent="0.3">
      <c r="A10694" s="11"/>
      <c r="B10694" s="8"/>
    </row>
    <row r="10695" spans="1:2" x14ac:dyDescent="0.3">
      <c r="A10695" s="11"/>
      <c r="B10695" s="8"/>
    </row>
    <row r="10696" spans="1:2" x14ac:dyDescent="0.3">
      <c r="A10696" s="11"/>
      <c r="B10696" s="8"/>
    </row>
    <row r="10697" spans="1:2" x14ac:dyDescent="0.3">
      <c r="A10697" s="11"/>
      <c r="B10697" s="8"/>
    </row>
    <row r="10698" spans="1:2" x14ac:dyDescent="0.3">
      <c r="A10698" s="11"/>
      <c r="B10698" s="8"/>
    </row>
    <row r="10699" spans="1:2" x14ac:dyDescent="0.3">
      <c r="A10699" s="11"/>
      <c r="B10699" s="8"/>
    </row>
    <row r="10700" spans="1:2" x14ac:dyDescent="0.3">
      <c r="A10700" s="11"/>
      <c r="B10700" s="8"/>
    </row>
    <row r="10701" spans="1:2" x14ac:dyDescent="0.3">
      <c r="A10701" s="11"/>
      <c r="B10701" s="8"/>
    </row>
    <row r="10702" spans="1:2" x14ac:dyDescent="0.3">
      <c r="A10702" s="11"/>
      <c r="B10702" s="8"/>
    </row>
    <row r="10703" spans="1:2" x14ac:dyDescent="0.3">
      <c r="A10703" s="11"/>
      <c r="B10703" s="8"/>
    </row>
    <row r="10704" spans="1:2" x14ac:dyDescent="0.3">
      <c r="A10704" s="11"/>
      <c r="B10704" s="8"/>
    </row>
    <row r="10705" spans="1:2" x14ac:dyDescent="0.3">
      <c r="A10705" s="11"/>
      <c r="B10705" s="8"/>
    </row>
    <row r="10706" spans="1:2" x14ac:dyDescent="0.3">
      <c r="A10706" s="11"/>
      <c r="B10706" s="8"/>
    </row>
    <row r="10707" spans="1:2" x14ac:dyDescent="0.3">
      <c r="A10707" s="11"/>
      <c r="B10707" s="8"/>
    </row>
    <row r="10708" spans="1:2" x14ac:dyDescent="0.3">
      <c r="A10708" s="11"/>
      <c r="B10708" s="8"/>
    </row>
    <row r="10709" spans="1:2" x14ac:dyDescent="0.3">
      <c r="A10709" s="11"/>
      <c r="B10709" s="8"/>
    </row>
    <row r="10710" spans="1:2" x14ac:dyDescent="0.3">
      <c r="A10710" s="11"/>
      <c r="B10710" s="8"/>
    </row>
    <row r="10711" spans="1:2" x14ac:dyDescent="0.3">
      <c r="A10711" s="11"/>
      <c r="B10711" s="8"/>
    </row>
    <row r="10712" spans="1:2" x14ac:dyDescent="0.3">
      <c r="A10712" s="11"/>
      <c r="B10712" s="8"/>
    </row>
    <row r="10713" spans="1:2" x14ac:dyDescent="0.3">
      <c r="A10713" s="11"/>
      <c r="B10713" s="8"/>
    </row>
    <row r="10714" spans="1:2" x14ac:dyDescent="0.3">
      <c r="A10714" s="11"/>
      <c r="B10714" s="8"/>
    </row>
    <row r="10715" spans="1:2" x14ac:dyDescent="0.3">
      <c r="A10715" s="11"/>
      <c r="B10715" s="8"/>
    </row>
    <row r="10716" spans="1:2" x14ac:dyDescent="0.3">
      <c r="A10716" s="11"/>
      <c r="B10716" s="8"/>
    </row>
    <row r="10717" spans="1:2" x14ac:dyDescent="0.3">
      <c r="A10717" s="11"/>
      <c r="B10717" s="8"/>
    </row>
    <row r="10718" spans="1:2" x14ac:dyDescent="0.3">
      <c r="A10718" s="11"/>
      <c r="B10718" s="8"/>
    </row>
    <row r="10719" spans="1:2" x14ac:dyDescent="0.3">
      <c r="A10719" s="11"/>
      <c r="B10719" s="8"/>
    </row>
    <row r="10720" spans="1:2" x14ac:dyDescent="0.3">
      <c r="A10720" s="11"/>
      <c r="B10720" s="8"/>
    </row>
    <row r="10721" spans="1:2" x14ac:dyDescent="0.3">
      <c r="A10721" s="11"/>
      <c r="B10721" s="8"/>
    </row>
    <row r="10722" spans="1:2" x14ac:dyDescent="0.3">
      <c r="A10722" s="11"/>
      <c r="B10722" s="8"/>
    </row>
    <row r="10723" spans="1:2" x14ac:dyDescent="0.3">
      <c r="A10723" s="11"/>
      <c r="B10723" s="8"/>
    </row>
    <row r="10724" spans="1:2" x14ac:dyDescent="0.3">
      <c r="A10724" s="11"/>
      <c r="B10724" s="8"/>
    </row>
    <row r="10725" spans="1:2" x14ac:dyDescent="0.3">
      <c r="A10725" s="11"/>
      <c r="B10725" s="8"/>
    </row>
    <row r="10726" spans="1:2" x14ac:dyDescent="0.3">
      <c r="A10726" s="11"/>
      <c r="B10726" s="8"/>
    </row>
    <row r="10727" spans="1:2" x14ac:dyDescent="0.3">
      <c r="A10727" s="11"/>
      <c r="B10727" s="8"/>
    </row>
    <row r="10728" spans="1:2" x14ac:dyDescent="0.3">
      <c r="A10728" s="11"/>
      <c r="B10728" s="8"/>
    </row>
    <row r="10729" spans="1:2" x14ac:dyDescent="0.3">
      <c r="A10729" s="11"/>
      <c r="B10729" s="8"/>
    </row>
    <row r="10730" spans="1:2" x14ac:dyDescent="0.3">
      <c r="A10730" s="11"/>
      <c r="B10730" s="8"/>
    </row>
    <row r="10731" spans="1:2" x14ac:dyDescent="0.3">
      <c r="A10731" s="11"/>
      <c r="B10731" s="8"/>
    </row>
    <row r="10732" spans="1:2" x14ac:dyDescent="0.3">
      <c r="A10732" s="11"/>
      <c r="B10732" s="8"/>
    </row>
    <row r="10733" spans="1:2" x14ac:dyDescent="0.3">
      <c r="A10733" s="11"/>
      <c r="B10733" s="8"/>
    </row>
    <row r="10734" spans="1:2" x14ac:dyDescent="0.3">
      <c r="A10734" s="11"/>
      <c r="B10734" s="8"/>
    </row>
    <row r="10735" spans="1:2" x14ac:dyDescent="0.3">
      <c r="A10735" s="11"/>
      <c r="B10735" s="8"/>
    </row>
    <row r="10736" spans="1:2" x14ac:dyDescent="0.3">
      <c r="A10736" s="11"/>
      <c r="B10736" s="8"/>
    </row>
    <row r="10737" spans="1:2" x14ac:dyDescent="0.3">
      <c r="A10737" s="11"/>
      <c r="B10737" s="8"/>
    </row>
    <row r="10738" spans="1:2" x14ac:dyDescent="0.3">
      <c r="A10738" s="11"/>
      <c r="B10738" s="8"/>
    </row>
    <row r="10739" spans="1:2" x14ac:dyDescent="0.3">
      <c r="A10739" s="11"/>
      <c r="B10739" s="8"/>
    </row>
    <row r="10740" spans="1:2" x14ac:dyDescent="0.3">
      <c r="A10740" s="11"/>
      <c r="B10740" s="8"/>
    </row>
    <row r="10741" spans="1:2" x14ac:dyDescent="0.3">
      <c r="A10741" s="11"/>
      <c r="B10741" s="8"/>
    </row>
    <row r="10742" spans="1:2" x14ac:dyDescent="0.3">
      <c r="A10742" s="11"/>
      <c r="B10742" s="8"/>
    </row>
    <row r="10743" spans="1:2" x14ac:dyDescent="0.3">
      <c r="A10743" s="11"/>
      <c r="B10743" s="8"/>
    </row>
    <row r="10744" spans="1:2" x14ac:dyDescent="0.3">
      <c r="A10744" s="11"/>
      <c r="B10744" s="8"/>
    </row>
    <row r="10745" spans="1:2" x14ac:dyDescent="0.3">
      <c r="A10745" s="11"/>
      <c r="B10745" s="8"/>
    </row>
    <row r="10746" spans="1:2" x14ac:dyDescent="0.3">
      <c r="A10746" s="11"/>
      <c r="B10746" s="8"/>
    </row>
    <row r="10747" spans="1:2" x14ac:dyDescent="0.3">
      <c r="A10747" s="11"/>
      <c r="B10747" s="8"/>
    </row>
    <row r="10748" spans="1:2" x14ac:dyDescent="0.3">
      <c r="A10748" s="11"/>
      <c r="B10748" s="8"/>
    </row>
    <row r="10749" spans="1:2" x14ac:dyDescent="0.3">
      <c r="A10749" s="11"/>
      <c r="B10749" s="8"/>
    </row>
    <row r="10750" spans="1:2" x14ac:dyDescent="0.3">
      <c r="A10750" s="11"/>
      <c r="B10750" s="8"/>
    </row>
    <row r="10751" spans="1:2" x14ac:dyDescent="0.3">
      <c r="A10751" s="11"/>
      <c r="B10751" s="8"/>
    </row>
    <row r="10752" spans="1:2" x14ac:dyDescent="0.3">
      <c r="A10752" s="11"/>
      <c r="B10752" s="8"/>
    </row>
    <row r="10753" spans="1:2" x14ac:dyDescent="0.3">
      <c r="A10753" s="11"/>
      <c r="B10753" s="8"/>
    </row>
    <row r="10754" spans="1:2" x14ac:dyDescent="0.3">
      <c r="A10754" s="11"/>
      <c r="B10754" s="8"/>
    </row>
    <row r="10755" spans="1:2" x14ac:dyDescent="0.3">
      <c r="A10755" s="11"/>
      <c r="B10755" s="8"/>
    </row>
    <row r="10756" spans="1:2" x14ac:dyDescent="0.3">
      <c r="A10756" s="11"/>
      <c r="B10756" s="8"/>
    </row>
    <row r="10757" spans="1:2" x14ac:dyDescent="0.3">
      <c r="A10757" s="11"/>
      <c r="B10757" s="8"/>
    </row>
    <row r="10758" spans="1:2" x14ac:dyDescent="0.3">
      <c r="A10758" s="11"/>
      <c r="B10758" s="8"/>
    </row>
    <row r="10759" spans="1:2" x14ac:dyDescent="0.3">
      <c r="A10759" s="11"/>
      <c r="B10759" s="8"/>
    </row>
    <row r="10760" spans="1:2" x14ac:dyDescent="0.3">
      <c r="A10760" s="11"/>
      <c r="B10760" s="8"/>
    </row>
    <row r="10761" spans="1:2" x14ac:dyDescent="0.3">
      <c r="A10761" s="11"/>
      <c r="B10761" s="8"/>
    </row>
    <row r="10762" spans="1:2" x14ac:dyDescent="0.3">
      <c r="A10762" s="11"/>
      <c r="B10762" s="8"/>
    </row>
    <row r="10763" spans="1:2" x14ac:dyDescent="0.3">
      <c r="A10763" s="11"/>
      <c r="B10763" s="8"/>
    </row>
    <row r="10764" spans="1:2" x14ac:dyDescent="0.3">
      <c r="A10764" s="11"/>
      <c r="B10764" s="8"/>
    </row>
    <row r="10765" spans="1:2" x14ac:dyDescent="0.3">
      <c r="A10765" s="11"/>
      <c r="B10765" s="8"/>
    </row>
    <row r="10766" spans="1:2" x14ac:dyDescent="0.3">
      <c r="A10766" s="11"/>
      <c r="B10766" s="8"/>
    </row>
    <row r="10767" spans="1:2" x14ac:dyDescent="0.3">
      <c r="A10767" s="11"/>
      <c r="B10767" s="8"/>
    </row>
    <row r="10768" spans="1:2" x14ac:dyDescent="0.3">
      <c r="A10768" s="11"/>
      <c r="B10768" s="8"/>
    </row>
    <row r="10769" spans="1:2" x14ac:dyDescent="0.3">
      <c r="A10769" s="11"/>
      <c r="B10769" s="8"/>
    </row>
    <row r="10770" spans="1:2" x14ac:dyDescent="0.3">
      <c r="A10770" s="11"/>
      <c r="B10770" s="8"/>
    </row>
    <row r="10771" spans="1:2" x14ac:dyDescent="0.3">
      <c r="A10771" s="11"/>
      <c r="B10771" s="8"/>
    </row>
    <row r="10772" spans="1:2" x14ac:dyDescent="0.3">
      <c r="A10772" s="11"/>
      <c r="B10772" s="8"/>
    </row>
    <row r="10773" spans="1:2" x14ac:dyDescent="0.3">
      <c r="A10773" s="11"/>
      <c r="B10773" s="8"/>
    </row>
    <row r="10774" spans="1:2" x14ac:dyDescent="0.3">
      <c r="A10774" s="11"/>
      <c r="B10774" s="8"/>
    </row>
    <row r="10775" spans="1:2" x14ac:dyDescent="0.3">
      <c r="A10775" s="11"/>
      <c r="B10775" s="8"/>
    </row>
    <row r="10776" spans="1:2" x14ac:dyDescent="0.3">
      <c r="A10776" s="11"/>
      <c r="B10776" s="8"/>
    </row>
    <row r="10777" spans="1:2" x14ac:dyDescent="0.3">
      <c r="A10777" s="11"/>
      <c r="B10777" s="8"/>
    </row>
    <row r="10778" spans="1:2" x14ac:dyDescent="0.3">
      <c r="A10778" s="11"/>
      <c r="B10778" s="8"/>
    </row>
    <row r="10779" spans="1:2" x14ac:dyDescent="0.3">
      <c r="A10779" s="11"/>
      <c r="B10779" s="8"/>
    </row>
    <row r="10780" spans="1:2" x14ac:dyDescent="0.3">
      <c r="A10780" s="11"/>
      <c r="B10780" s="8"/>
    </row>
    <row r="10781" spans="1:2" x14ac:dyDescent="0.3">
      <c r="A10781" s="11"/>
      <c r="B10781" s="8"/>
    </row>
    <row r="10782" spans="1:2" x14ac:dyDescent="0.3">
      <c r="A10782" s="11"/>
      <c r="B10782" s="8"/>
    </row>
    <row r="10783" spans="1:2" x14ac:dyDescent="0.3">
      <c r="A10783" s="11"/>
      <c r="B10783" s="8"/>
    </row>
    <row r="10784" spans="1:2" x14ac:dyDescent="0.3">
      <c r="A10784" s="11"/>
      <c r="B10784" s="8"/>
    </row>
    <row r="10785" spans="1:2" x14ac:dyDescent="0.3">
      <c r="A10785" s="11"/>
      <c r="B10785" s="8"/>
    </row>
    <row r="10786" spans="1:2" x14ac:dyDescent="0.3">
      <c r="A10786" s="11"/>
      <c r="B10786" s="8"/>
    </row>
    <row r="10787" spans="1:2" x14ac:dyDescent="0.3">
      <c r="A10787" s="11"/>
      <c r="B10787" s="8"/>
    </row>
    <row r="10788" spans="1:2" x14ac:dyDescent="0.3">
      <c r="A10788" s="11"/>
      <c r="B10788" s="8"/>
    </row>
    <row r="10789" spans="1:2" x14ac:dyDescent="0.3">
      <c r="A10789" s="11"/>
      <c r="B10789" s="8"/>
    </row>
    <row r="10790" spans="1:2" x14ac:dyDescent="0.3">
      <c r="A10790" s="11"/>
      <c r="B10790" s="8"/>
    </row>
    <row r="10791" spans="1:2" x14ac:dyDescent="0.3">
      <c r="A10791" s="11"/>
      <c r="B10791" s="8"/>
    </row>
    <row r="10792" spans="1:2" x14ac:dyDescent="0.3">
      <c r="A10792" s="11"/>
      <c r="B10792" s="8"/>
    </row>
    <row r="10793" spans="1:2" x14ac:dyDescent="0.3">
      <c r="A10793" s="11"/>
      <c r="B10793" s="8"/>
    </row>
    <row r="10794" spans="1:2" x14ac:dyDescent="0.3">
      <c r="A10794" s="11"/>
      <c r="B10794" s="8"/>
    </row>
    <row r="10795" spans="1:2" x14ac:dyDescent="0.3">
      <c r="A10795" s="11"/>
      <c r="B10795" s="8"/>
    </row>
    <row r="10796" spans="1:2" x14ac:dyDescent="0.3">
      <c r="A10796" s="11"/>
      <c r="B10796" s="8"/>
    </row>
    <row r="10797" spans="1:2" x14ac:dyDescent="0.3">
      <c r="A10797" s="11"/>
      <c r="B10797" s="8"/>
    </row>
    <row r="10798" spans="1:2" x14ac:dyDescent="0.3">
      <c r="A10798" s="11"/>
      <c r="B10798" s="8"/>
    </row>
    <row r="10799" spans="1:2" x14ac:dyDescent="0.3">
      <c r="A10799" s="11"/>
      <c r="B10799" s="8"/>
    </row>
    <row r="10800" spans="1:2" x14ac:dyDescent="0.3">
      <c r="A10800" s="11"/>
      <c r="B10800" s="8"/>
    </row>
    <row r="10801" spans="1:2" x14ac:dyDescent="0.3">
      <c r="A10801" s="11"/>
      <c r="B10801" s="8"/>
    </row>
    <row r="10802" spans="1:2" x14ac:dyDescent="0.3">
      <c r="A10802" s="11"/>
      <c r="B10802" s="8"/>
    </row>
    <row r="10803" spans="1:2" x14ac:dyDescent="0.3">
      <c r="A10803" s="11"/>
      <c r="B10803" s="8"/>
    </row>
    <row r="10804" spans="1:2" x14ac:dyDescent="0.3">
      <c r="A10804" s="11"/>
      <c r="B10804" s="8"/>
    </row>
    <row r="10805" spans="1:2" x14ac:dyDescent="0.3">
      <c r="A10805" s="11"/>
      <c r="B10805" s="8"/>
    </row>
    <row r="10806" spans="1:2" x14ac:dyDescent="0.3">
      <c r="A10806" s="11"/>
      <c r="B10806" s="8"/>
    </row>
    <row r="10807" spans="1:2" x14ac:dyDescent="0.3">
      <c r="A10807" s="11"/>
      <c r="B10807" s="8"/>
    </row>
    <row r="10808" spans="1:2" x14ac:dyDescent="0.3">
      <c r="A10808" s="11"/>
      <c r="B10808" s="8"/>
    </row>
    <row r="10809" spans="1:2" x14ac:dyDescent="0.3">
      <c r="A10809" s="11"/>
      <c r="B10809" s="8"/>
    </row>
    <row r="10810" spans="1:2" x14ac:dyDescent="0.3">
      <c r="A10810" s="11"/>
      <c r="B10810" s="8"/>
    </row>
    <row r="10811" spans="1:2" x14ac:dyDescent="0.3">
      <c r="A10811" s="11"/>
      <c r="B10811" s="8"/>
    </row>
    <row r="10812" spans="1:2" x14ac:dyDescent="0.3">
      <c r="A10812" s="11"/>
      <c r="B10812" s="8"/>
    </row>
    <row r="10813" spans="1:2" x14ac:dyDescent="0.3">
      <c r="A10813" s="11"/>
      <c r="B10813" s="8"/>
    </row>
    <row r="10814" spans="1:2" x14ac:dyDescent="0.3">
      <c r="A10814" s="11"/>
      <c r="B10814" s="8"/>
    </row>
    <row r="10815" spans="1:2" x14ac:dyDescent="0.3">
      <c r="A10815" s="11"/>
      <c r="B10815" s="8"/>
    </row>
    <row r="10816" spans="1:2" x14ac:dyDescent="0.3">
      <c r="A10816" s="11"/>
      <c r="B10816" s="8"/>
    </row>
    <row r="10817" spans="1:2" x14ac:dyDescent="0.3">
      <c r="A10817" s="11"/>
      <c r="B10817" s="8"/>
    </row>
    <row r="10818" spans="1:2" x14ac:dyDescent="0.3">
      <c r="A10818" s="11"/>
      <c r="B10818" s="8"/>
    </row>
    <row r="10819" spans="1:2" x14ac:dyDescent="0.3">
      <c r="A10819" s="11"/>
      <c r="B10819" s="8"/>
    </row>
    <row r="10820" spans="1:2" x14ac:dyDescent="0.3">
      <c r="A10820" s="11"/>
      <c r="B10820" s="8"/>
    </row>
    <row r="10821" spans="1:2" x14ac:dyDescent="0.3">
      <c r="A10821" s="11"/>
      <c r="B10821" s="8"/>
    </row>
    <row r="10822" spans="1:2" x14ac:dyDescent="0.3">
      <c r="A10822" s="11"/>
      <c r="B10822" s="8"/>
    </row>
    <row r="10823" spans="1:2" x14ac:dyDescent="0.3">
      <c r="A10823" s="11"/>
      <c r="B10823" s="8"/>
    </row>
    <row r="10824" spans="1:2" x14ac:dyDescent="0.3">
      <c r="A10824" s="11"/>
      <c r="B10824" s="8"/>
    </row>
    <row r="10825" spans="1:2" x14ac:dyDescent="0.3">
      <c r="A10825" s="11"/>
      <c r="B10825" s="8"/>
    </row>
    <row r="10826" spans="1:2" x14ac:dyDescent="0.3">
      <c r="A10826" s="11"/>
      <c r="B10826" s="8"/>
    </row>
    <row r="10827" spans="1:2" x14ac:dyDescent="0.3">
      <c r="A10827" s="11"/>
      <c r="B10827" s="8"/>
    </row>
    <row r="10828" spans="1:2" x14ac:dyDescent="0.3">
      <c r="A10828" s="11"/>
      <c r="B10828" s="8"/>
    </row>
    <row r="10829" spans="1:2" x14ac:dyDescent="0.3">
      <c r="A10829" s="11"/>
      <c r="B10829" s="8"/>
    </row>
    <row r="10830" spans="1:2" x14ac:dyDescent="0.3">
      <c r="A10830" s="11"/>
      <c r="B10830" s="8"/>
    </row>
    <row r="10831" spans="1:2" x14ac:dyDescent="0.3">
      <c r="A10831" s="11"/>
      <c r="B10831" s="8"/>
    </row>
    <row r="10832" spans="1:2" x14ac:dyDescent="0.3">
      <c r="A10832" s="11"/>
      <c r="B10832" s="8"/>
    </row>
    <row r="10833" spans="1:2" x14ac:dyDescent="0.3">
      <c r="A10833" s="11"/>
      <c r="B10833" s="8"/>
    </row>
    <row r="10834" spans="1:2" x14ac:dyDescent="0.3">
      <c r="A10834" s="11"/>
      <c r="B10834" s="8"/>
    </row>
    <row r="10835" spans="1:2" x14ac:dyDescent="0.3">
      <c r="A10835" s="11"/>
      <c r="B10835" s="8"/>
    </row>
    <row r="10836" spans="1:2" x14ac:dyDescent="0.3">
      <c r="A10836" s="11"/>
      <c r="B10836" s="8"/>
    </row>
    <row r="10837" spans="1:2" x14ac:dyDescent="0.3">
      <c r="A10837" s="11"/>
      <c r="B10837" s="8"/>
    </row>
    <row r="10838" spans="1:2" x14ac:dyDescent="0.3">
      <c r="A10838" s="11"/>
      <c r="B10838" s="8"/>
    </row>
    <row r="10839" spans="1:2" x14ac:dyDescent="0.3">
      <c r="A10839" s="11"/>
      <c r="B10839" s="8"/>
    </row>
    <row r="10840" spans="1:2" x14ac:dyDescent="0.3">
      <c r="A10840" s="11"/>
      <c r="B10840" s="8"/>
    </row>
    <row r="10841" spans="1:2" x14ac:dyDescent="0.3">
      <c r="A10841" s="11"/>
      <c r="B10841" s="8"/>
    </row>
    <row r="10842" spans="1:2" x14ac:dyDescent="0.3">
      <c r="A10842" s="11"/>
      <c r="B10842" s="8"/>
    </row>
    <row r="10843" spans="1:2" x14ac:dyDescent="0.3">
      <c r="A10843" s="11"/>
      <c r="B10843" s="8"/>
    </row>
    <row r="10844" spans="1:2" x14ac:dyDescent="0.3">
      <c r="A10844" s="11"/>
      <c r="B10844" s="8"/>
    </row>
    <row r="10845" spans="1:2" x14ac:dyDescent="0.3">
      <c r="A10845" s="11"/>
      <c r="B10845" s="8"/>
    </row>
    <row r="10846" spans="1:2" x14ac:dyDescent="0.3">
      <c r="A10846" s="11"/>
      <c r="B10846" s="8"/>
    </row>
    <row r="10847" spans="1:2" x14ac:dyDescent="0.3">
      <c r="A10847" s="11"/>
      <c r="B10847" s="8"/>
    </row>
    <row r="10848" spans="1:2" x14ac:dyDescent="0.3">
      <c r="A10848" s="11"/>
      <c r="B10848" s="8"/>
    </row>
    <row r="10849" spans="1:2" x14ac:dyDescent="0.3">
      <c r="A10849" s="11"/>
      <c r="B10849" s="8"/>
    </row>
    <row r="10850" spans="1:2" x14ac:dyDescent="0.3">
      <c r="A10850" s="11"/>
      <c r="B10850" s="8"/>
    </row>
    <row r="10851" spans="1:2" x14ac:dyDescent="0.3">
      <c r="A10851" s="11"/>
      <c r="B10851" s="8"/>
    </row>
    <row r="10852" spans="1:2" x14ac:dyDescent="0.3">
      <c r="A10852" s="11"/>
      <c r="B10852" s="8"/>
    </row>
    <row r="10853" spans="1:2" x14ac:dyDescent="0.3">
      <c r="A10853" s="11"/>
      <c r="B10853" s="8"/>
    </row>
    <row r="10854" spans="1:2" x14ac:dyDescent="0.3">
      <c r="A10854" s="11"/>
      <c r="B10854" s="8"/>
    </row>
    <row r="10855" spans="1:2" x14ac:dyDescent="0.3">
      <c r="A10855" s="11"/>
      <c r="B10855" s="8"/>
    </row>
    <row r="10856" spans="1:2" x14ac:dyDescent="0.3">
      <c r="A10856" s="11"/>
      <c r="B10856" s="8"/>
    </row>
    <row r="10857" spans="1:2" x14ac:dyDescent="0.3">
      <c r="A10857" s="11"/>
      <c r="B10857" s="8"/>
    </row>
    <row r="10858" spans="1:2" x14ac:dyDescent="0.3">
      <c r="A10858" s="11"/>
      <c r="B10858" s="8"/>
    </row>
    <row r="10859" spans="1:2" x14ac:dyDescent="0.3">
      <c r="A10859" s="11"/>
      <c r="B10859" s="8"/>
    </row>
    <row r="10860" spans="1:2" x14ac:dyDescent="0.3">
      <c r="A10860" s="11"/>
      <c r="B10860" s="8"/>
    </row>
    <row r="10861" spans="1:2" x14ac:dyDescent="0.3">
      <c r="A10861" s="11"/>
      <c r="B10861" s="8"/>
    </row>
    <row r="10862" spans="1:2" x14ac:dyDescent="0.3">
      <c r="A10862" s="11"/>
      <c r="B10862" s="8"/>
    </row>
    <row r="10863" spans="1:2" x14ac:dyDescent="0.3">
      <c r="A10863" s="11"/>
      <c r="B10863" s="8"/>
    </row>
    <row r="10864" spans="1:2" x14ac:dyDescent="0.3">
      <c r="A10864" s="11"/>
      <c r="B10864" s="8"/>
    </row>
    <row r="10865" spans="1:2" x14ac:dyDescent="0.3">
      <c r="A10865" s="11"/>
      <c r="B10865" s="8"/>
    </row>
    <row r="10866" spans="1:2" x14ac:dyDescent="0.3">
      <c r="A10866" s="11"/>
      <c r="B10866" s="8"/>
    </row>
    <row r="10867" spans="1:2" x14ac:dyDescent="0.3">
      <c r="A10867" s="11"/>
      <c r="B10867" s="8"/>
    </row>
    <row r="10868" spans="1:2" x14ac:dyDescent="0.3">
      <c r="A10868" s="11"/>
      <c r="B10868" s="8"/>
    </row>
    <row r="10869" spans="1:2" x14ac:dyDescent="0.3">
      <c r="A10869" s="11"/>
      <c r="B10869" s="8"/>
    </row>
    <row r="10870" spans="1:2" x14ac:dyDescent="0.3">
      <c r="A10870" s="11"/>
      <c r="B10870" s="8"/>
    </row>
    <row r="10871" spans="1:2" x14ac:dyDescent="0.3">
      <c r="A10871" s="11"/>
      <c r="B10871" s="8"/>
    </row>
    <row r="10872" spans="1:2" x14ac:dyDescent="0.3">
      <c r="A10872" s="11"/>
      <c r="B10872" s="8"/>
    </row>
    <row r="10873" spans="1:2" x14ac:dyDescent="0.3">
      <c r="A10873" s="11"/>
      <c r="B10873" s="8"/>
    </row>
    <row r="10874" spans="1:2" x14ac:dyDescent="0.3">
      <c r="A10874" s="11"/>
      <c r="B10874" s="8"/>
    </row>
    <row r="10875" spans="1:2" x14ac:dyDescent="0.3">
      <c r="A10875" s="11"/>
      <c r="B10875" s="8"/>
    </row>
    <row r="10876" spans="1:2" x14ac:dyDescent="0.3">
      <c r="A10876" s="11"/>
      <c r="B10876" s="8"/>
    </row>
    <row r="10877" spans="1:2" x14ac:dyDescent="0.3">
      <c r="A10877" s="11"/>
      <c r="B10877" s="8"/>
    </row>
    <row r="10878" spans="1:2" x14ac:dyDescent="0.3">
      <c r="A10878" s="11"/>
      <c r="B10878" s="8"/>
    </row>
    <row r="10879" spans="1:2" x14ac:dyDescent="0.3">
      <c r="A10879" s="11"/>
      <c r="B10879" s="8"/>
    </row>
    <row r="10880" spans="1:2" x14ac:dyDescent="0.3">
      <c r="A10880" s="11"/>
      <c r="B10880" s="8"/>
    </row>
    <row r="10881" spans="1:2" x14ac:dyDescent="0.3">
      <c r="A10881" s="11"/>
      <c r="B10881" s="8"/>
    </row>
    <row r="10882" spans="1:2" x14ac:dyDescent="0.3">
      <c r="A10882" s="11"/>
      <c r="B10882" s="8"/>
    </row>
    <row r="10883" spans="1:2" x14ac:dyDescent="0.3">
      <c r="A10883" s="11"/>
      <c r="B10883" s="8"/>
    </row>
    <row r="10884" spans="1:2" x14ac:dyDescent="0.3">
      <c r="A10884" s="11"/>
      <c r="B10884" s="8"/>
    </row>
    <row r="10885" spans="1:2" x14ac:dyDescent="0.3">
      <c r="A10885" s="11"/>
      <c r="B10885" s="8"/>
    </row>
    <row r="10886" spans="1:2" x14ac:dyDescent="0.3">
      <c r="A10886" s="11"/>
      <c r="B10886" s="8"/>
    </row>
    <row r="10887" spans="1:2" x14ac:dyDescent="0.3">
      <c r="A10887" s="11"/>
      <c r="B10887" s="8"/>
    </row>
    <row r="10888" spans="1:2" x14ac:dyDescent="0.3">
      <c r="A10888" s="11"/>
      <c r="B10888" s="8"/>
    </row>
    <row r="10889" spans="1:2" x14ac:dyDescent="0.3">
      <c r="A10889" s="11"/>
      <c r="B10889" s="8"/>
    </row>
    <row r="10890" spans="1:2" x14ac:dyDescent="0.3">
      <c r="A10890" s="11"/>
      <c r="B10890" s="8"/>
    </row>
    <row r="10891" spans="1:2" x14ac:dyDescent="0.3">
      <c r="A10891" s="11"/>
      <c r="B10891" s="8"/>
    </row>
    <row r="10892" spans="1:2" x14ac:dyDescent="0.3">
      <c r="A10892" s="11"/>
      <c r="B10892" s="8"/>
    </row>
    <row r="10893" spans="1:2" x14ac:dyDescent="0.3">
      <c r="A10893" s="11"/>
      <c r="B10893" s="8"/>
    </row>
    <row r="10894" spans="1:2" x14ac:dyDescent="0.3">
      <c r="A10894" s="11"/>
      <c r="B10894" s="8"/>
    </row>
    <row r="10895" spans="1:2" x14ac:dyDescent="0.3">
      <c r="A10895" s="11"/>
      <c r="B10895" s="8"/>
    </row>
    <row r="10896" spans="1:2" x14ac:dyDescent="0.3">
      <c r="A10896" s="11"/>
      <c r="B10896" s="8"/>
    </row>
    <row r="10897" spans="1:2" x14ac:dyDescent="0.3">
      <c r="A10897" s="11"/>
      <c r="B10897" s="8"/>
    </row>
    <row r="10898" spans="1:2" x14ac:dyDescent="0.3">
      <c r="A10898" s="11"/>
      <c r="B10898" s="8"/>
    </row>
    <row r="10899" spans="1:2" x14ac:dyDescent="0.3">
      <c r="A10899" s="11"/>
      <c r="B10899" s="8"/>
    </row>
    <row r="10900" spans="1:2" x14ac:dyDescent="0.3">
      <c r="A10900" s="11"/>
      <c r="B10900" s="8"/>
    </row>
    <row r="10901" spans="1:2" x14ac:dyDescent="0.3">
      <c r="A10901" s="11"/>
      <c r="B10901" s="8"/>
    </row>
    <row r="10902" spans="1:2" x14ac:dyDescent="0.3">
      <c r="A10902" s="11"/>
      <c r="B10902" s="8"/>
    </row>
    <row r="10903" spans="1:2" x14ac:dyDescent="0.3">
      <c r="A10903" s="11"/>
      <c r="B10903" s="8"/>
    </row>
    <row r="10904" spans="1:2" x14ac:dyDescent="0.3">
      <c r="A10904" s="11"/>
      <c r="B10904" s="8"/>
    </row>
    <row r="10905" spans="1:2" x14ac:dyDescent="0.3">
      <c r="A10905" s="11"/>
      <c r="B10905" s="8"/>
    </row>
    <row r="10906" spans="1:2" x14ac:dyDescent="0.3">
      <c r="A10906" s="11"/>
      <c r="B10906" s="8"/>
    </row>
    <row r="10907" spans="1:2" x14ac:dyDescent="0.3">
      <c r="A10907" s="11"/>
      <c r="B10907" s="8"/>
    </row>
    <row r="10908" spans="1:2" x14ac:dyDescent="0.3">
      <c r="A10908" s="11"/>
      <c r="B10908" s="8"/>
    </row>
    <row r="10909" spans="1:2" x14ac:dyDescent="0.3">
      <c r="A10909" s="11"/>
      <c r="B10909" s="8"/>
    </row>
    <row r="10910" spans="1:2" x14ac:dyDescent="0.3">
      <c r="A10910" s="11"/>
      <c r="B10910" s="8"/>
    </row>
    <row r="10911" spans="1:2" x14ac:dyDescent="0.3">
      <c r="A10911" s="11"/>
      <c r="B10911" s="8"/>
    </row>
    <row r="10912" spans="1:2" x14ac:dyDescent="0.3">
      <c r="A10912" s="11"/>
      <c r="B10912" s="8"/>
    </row>
    <row r="10913" spans="1:2" x14ac:dyDescent="0.3">
      <c r="A10913" s="11"/>
      <c r="B10913" s="8"/>
    </row>
    <row r="10914" spans="1:2" x14ac:dyDescent="0.3">
      <c r="A10914" s="11"/>
      <c r="B10914" s="8"/>
    </row>
    <row r="10915" spans="1:2" x14ac:dyDescent="0.3">
      <c r="A10915" s="11"/>
      <c r="B10915" s="8"/>
    </row>
    <row r="10916" spans="1:2" x14ac:dyDescent="0.3">
      <c r="A10916" s="11"/>
      <c r="B10916" s="8"/>
    </row>
    <row r="10917" spans="1:2" x14ac:dyDescent="0.3">
      <c r="A10917" s="11"/>
      <c r="B10917" s="8"/>
    </row>
    <row r="10918" spans="1:2" x14ac:dyDescent="0.3">
      <c r="A10918" s="11"/>
      <c r="B10918" s="8"/>
    </row>
    <row r="10919" spans="1:2" x14ac:dyDescent="0.3">
      <c r="A10919" s="11"/>
      <c r="B10919" s="8"/>
    </row>
    <row r="10920" spans="1:2" x14ac:dyDescent="0.3">
      <c r="A10920" s="11"/>
      <c r="B10920" s="8"/>
    </row>
    <row r="10921" spans="1:2" x14ac:dyDescent="0.3">
      <c r="A10921" s="11"/>
      <c r="B10921" s="8"/>
    </row>
    <row r="10922" spans="1:2" x14ac:dyDescent="0.3">
      <c r="A10922" s="11"/>
      <c r="B10922" s="8"/>
    </row>
    <row r="10923" spans="1:2" x14ac:dyDescent="0.3">
      <c r="A10923" s="11"/>
      <c r="B10923" s="8"/>
    </row>
    <row r="10924" spans="1:2" x14ac:dyDescent="0.3">
      <c r="A10924" s="11"/>
      <c r="B10924" s="8"/>
    </row>
    <row r="10925" spans="1:2" x14ac:dyDescent="0.3">
      <c r="A10925" s="11"/>
      <c r="B10925" s="8"/>
    </row>
    <row r="10926" spans="1:2" x14ac:dyDescent="0.3">
      <c r="A10926" s="11"/>
      <c r="B10926" s="8"/>
    </row>
    <row r="10927" spans="1:2" x14ac:dyDescent="0.3">
      <c r="A10927" s="11"/>
      <c r="B10927" s="8"/>
    </row>
    <row r="10928" spans="1:2" x14ac:dyDescent="0.3">
      <c r="A10928" s="11"/>
      <c r="B10928" s="8"/>
    </row>
    <row r="10929" spans="1:2" x14ac:dyDescent="0.3">
      <c r="A10929" s="11"/>
      <c r="B10929" s="8"/>
    </row>
    <row r="10930" spans="1:2" x14ac:dyDescent="0.3">
      <c r="A10930" s="11"/>
      <c r="B10930" s="8"/>
    </row>
    <row r="10931" spans="1:2" x14ac:dyDescent="0.3">
      <c r="A10931" s="11"/>
      <c r="B10931" s="8"/>
    </row>
    <row r="10932" spans="1:2" x14ac:dyDescent="0.3">
      <c r="A10932" s="11"/>
      <c r="B10932" s="8"/>
    </row>
    <row r="10933" spans="1:2" x14ac:dyDescent="0.3">
      <c r="A10933" s="11"/>
      <c r="B10933" s="8"/>
    </row>
    <row r="10934" spans="1:2" x14ac:dyDescent="0.3">
      <c r="A10934" s="11"/>
      <c r="B10934" s="8"/>
    </row>
    <row r="10935" spans="1:2" x14ac:dyDescent="0.3">
      <c r="A10935" s="11"/>
      <c r="B10935" s="8"/>
    </row>
    <row r="10936" spans="1:2" x14ac:dyDescent="0.3">
      <c r="A10936" s="11"/>
      <c r="B10936" s="8"/>
    </row>
    <row r="10937" spans="1:2" x14ac:dyDescent="0.3">
      <c r="A10937" s="11"/>
      <c r="B10937" s="8"/>
    </row>
    <row r="10938" spans="1:2" x14ac:dyDescent="0.3">
      <c r="A10938" s="11"/>
      <c r="B10938" s="8"/>
    </row>
    <row r="10939" spans="1:2" x14ac:dyDescent="0.3">
      <c r="A10939" s="11"/>
      <c r="B10939" s="8"/>
    </row>
    <row r="10940" spans="1:2" x14ac:dyDescent="0.3">
      <c r="A10940" s="11"/>
      <c r="B10940" s="8"/>
    </row>
    <row r="10941" spans="1:2" x14ac:dyDescent="0.3">
      <c r="A10941" s="11"/>
      <c r="B10941" s="8"/>
    </row>
    <row r="10942" spans="1:2" x14ac:dyDescent="0.3">
      <c r="A10942" s="11"/>
      <c r="B10942" s="8"/>
    </row>
    <row r="10943" spans="1:2" x14ac:dyDescent="0.3">
      <c r="A10943" s="11"/>
      <c r="B10943" s="8"/>
    </row>
    <row r="10944" spans="1:2" x14ac:dyDescent="0.3">
      <c r="A10944" s="11"/>
      <c r="B10944" s="8"/>
    </row>
    <row r="10945" spans="1:2" x14ac:dyDescent="0.3">
      <c r="A10945" s="11"/>
      <c r="B10945" s="8"/>
    </row>
    <row r="10946" spans="1:2" x14ac:dyDescent="0.3">
      <c r="A10946" s="11"/>
      <c r="B10946" s="8"/>
    </row>
    <row r="10947" spans="1:2" x14ac:dyDescent="0.3">
      <c r="A10947" s="11"/>
      <c r="B10947" s="8"/>
    </row>
    <row r="10948" spans="1:2" x14ac:dyDescent="0.3">
      <c r="A10948" s="11"/>
      <c r="B10948" s="8"/>
    </row>
    <row r="10949" spans="1:2" x14ac:dyDescent="0.3">
      <c r="A10949" s="11"/>
      <c r="B10949" s="8"/>
    </row>
    <row r="10950" spans="1:2" x14ac:dyDescent="0.3">
      <c r="A10950" s="11"/>
      <c r="B10950" s="8"/>
    </row>
    <row r="10951" spans="1:2" x14ac:dyDescent="0.3">
      <c r="A10951" s="11"/>
      <c r="B10951" s="8"/>
    </row>
    <row r="10952" spans="1:2" x14ac:dyDescent="0.3">
      <c r="A10952" s="11"/>
      <c r="B10952" s="8"/>
    </row>
    <row r="10953" spans="1:2" x14ac:dyDescent="0.3">
      <c r="A10953" s="11"/>
      <c r="B10953" s="8"/>
    </row>
    <row r="10954" spans="1:2" x14ac:dyDescent="0.3">
      <c r="A10954" s="11"/>
      <c r="B10954" s="8"/>
    </row>
    <row r="10955" spans="1:2" x14ac:dyDescent="0.3">
      <c r="A10955" s="11"/>
      <c r="B10955" s="8"/>
    </row>
    <row r="10956" spans="1:2" x14ac:dyDescent="0.3">
      <c r="A10956" s="11"/>
      <c r="B10956" s="8"/>
    </row>
    <row r="10957" spans="1:2" x14ac:dyDescent="0.3">
      <c r="A10957" s="11"/>
      <c r="B10957" s="8"/>
    </row>
    <row r="10958" spans="1:2" x14ac:dyDescent="0.3">
      <c r="A10958" s="11"/>
      <c r="B10958" s="8"/>
    </row>
    <row r="10959" spans="1:2" x14ac:dyDescent="0.3">
      <c r="A10959" s="11"/>
      <c r="B10959" s="8"/>
    </row>
    <row r="10960" spans="1:2" x14ac:dyDescent="0.3">
      <c r="A10960" s="11"/>
      <c r="B10960" s="8"/>
    </row>
    <row r="10961" spans="1:2" x14ac:dyDescent="0.3">
      <c r="A10961" s="11"/>
      <c r="B10961" s="8"/>
    </row>
    <row r="10962" spans="1:2" x14ac:dyDescent="0.3">
      <c r="A10962" s="11"/>
      <c r="B10962" s="8"/>
    </row>
    <row r="10963" spans="1:2" x14ac:dyDescent="0.3">
      <c r="A10963" s="11"/>
      <c r="B10963" s="8"/>
    </row>
    <row r="10964" spans="1:2" x14ac:dyDescent="0.3">
      <c r="A10964" s="11"/>
      <c r="B10964" s="8"/>
    </row>
    <row r="10965" spans="1:2" x14ac:dyDescent="0.3">
      <c r="A10965" s="11"/>
      <c r="B10965" s="8"/>
    </row>
    <row r="10966" spans="1:2" x14ac:dyDescent="0.3">
      <c r="A10966" s="11"/>
      <c r="B10966" s="8"/>
    </row>
    <row r="10967" spans="1:2" x14ac:dyDescent="0.3">
      <c r="A10967" s="11"/>
      <c r="B10967" s="8"/>
    </row>
    <row r="10968" spans="1:2" x14ac:dyDescent="0.3">
      <c r="A10968" s="11"/>
      <c r="B10968" s="8"/>
    </row>
    <row r="10969" spans="1:2" x14ac:dyDescent="0.3">
      <c r="A10969" s="11"/>
      <c r="B10969" s="8"/>
    </row>
    <row r="10970" spans="1:2" x14ac:dyDescent="0.3">
      <c r="A10970" s="11"/>
      <c r="B10970" s="8"/>
    </row>
    <row r="10971" spans="1:2" x14ac:dyDescent="0.3">
      <c r="A10971" s="11"/>
      <c r="B10971" s="8"/>
    </row>
    <row r="10972" spans="1:2" x14ac:dyDescent="0.3">
      <c r="A10972" s="11"/>
      <c r="B10972" s="8"/>
    </row>
    <row r="10973" spans="1:2" x14ac:dyDescent="0.3">
      <c r="A10973" s="11"/>
      <c r="B10973" s="8"/>
    </row>
    <row r="10974" spans="1:2" x14ac:dyDescent="0.3">
      <c r="A10974" s="11"/>
      <c r="B10974" s="8"/>
    </row>
    <row r="10975" spans="1:2" x14ac:dyDescent="0.3">
      <c r="A10975" s="11"/>
      <c r="B10975" s="8"/>
    </row>
    <row r="10976" spans="1:2" x14ac:dyDescent="0.3">
      <c r="A10976" s="11"/>
      <c r="B10976" s="8"/>
    </row>
    <row r="10977" spans="1:2" x14ac:dyDescent="0.3">
      <c r="A10977" s="11"/>
      <c r="B10977" s="8"/>
    </row>
    <row r="10978" spans="1:2" x14ac:dyDescent="0.3">
      <c r="A10978" s="11"/>
      <c r="B10978" s="8"/>
    </row>
    <row r="10979" spans="1:2" x14ac:dyDescent="0.3">
      <c r="A10979" s="11"/>
      <c r="B10979" s="8"/>
    </row>
    <row r="10980" spans="1:2" x14ac:dyDescent="0.3">
      <c r="A10980" s="11"/>
      <c r="B10980" s="8"/>
    </row>
    <row r="10981" spans="1:2" x14ac:dyDescent="0.3">
      <c r="A10981" s="11"/>
      <c r="B10981" s="8"/>
    </row>
    <row r="10982" spans="1:2" x14ac:dyDescent="0.3">
      <c r="A10982" s="11"/>
      <c r="B10982" s="8"/>
    </row>
    <row r="10983" spans="1:2" x14ac:dyDescent="0.3">
      <c r="A10983" s="11"/>
      <c r="B10983" s="8"/>
    </row>
    <row r="10984" spans="1:2" x14ac:dyDescent="0.3">
      <c r="A10984" s="11"/>
      <c r="B10984" s="8"/>
    </row>
    <row r="10985" spans="1:2" x14ac:dyDescent="0.3">
      <c r="A10985" s="11"/>
      <c r="B10985" s="8"/>
    </row>
    <row r="10986" spans="1:2" x14ac:dyDescent="0.3">
      <c r="A10986" s="11"/>
      <c r="B10986" s="8"/>
    </row>
    <row r="10987" spans="1:2" x14ac:dyDescent="0.3">
      <c r="A10987" s="11"/>
      <c r="B10987" s="8"/>
    </row>
    <row r="10988" spans="1:2" x14ac:dyDescent="0.3">
      <c r="A10988" s="11"/>
      <c r="B10988" s="8"/>
    </row>
    <row r="10989" spans="1:2" x14ac:dyDescent="0.3">
      <c r="A10989" s="11"/>
      <c r="B10989" s="8"/>
    </row>
    <row r="10990" spans="1:2" x14ac:dyDescent="0.3">
      <c r="A10990" s="11"/>
      <c r="B10990" s="8"/>
    </row>
    <row r="10991" spans="1:2" x14ac:dyDescent="0.3">
      <c r="A10991" s="11"/>
      <c r="B10991" s="8"/>
    </row>
    <row r="10992" spans="1:2" x14ac:dyDescent="0.3">
      <c r="A10992" s="11"/>
      <c r="B10992" s="8"/>
    </row>
    <row r="10993" spans="1:2" x14ac:dyDescent="0.3">
      <c r="A10993" s="11"/>
      <c r="B10993" s="8"/>
    </row>
    <row r="10994" spans="1:2" x14ac:dyDescent="0.3">
      <c r="A10994" s="11"/>
      <c r="B10994" s="8"/>
    </row>
    <row r="10995" spans="1:2" x14ac:dyDescent="0.3">
      <c r="A10995" s="11"/>
      <c r="B10995" s="8"/>
    </row>
    <row r="10996" spans="1:2" x14ac:dyDescent="0.3">
      <c r="A10996" s="11"/>
      <c r="B10996" s="8"/>
    </row>
    <row r="10997" spans="1:2" x14ac:dyDescent="0.3">
      <c r="A10997" s="11"/>
      <c r="B10997" s="8"/>
    </row>
    <row r="10998" spans="1:2" x14ac:dyDescent="0.3">
      <c r="A10998" s="11"/>
      <c r="B10998" s="8"/>
    </row>
    <row r="10999" spans="1:2" x14ac:dyDescent="0.3">
      <c r="A10999" s="11"/>
      <c r="B10999" s="8"/>
    </row>
    <row r="11000" spans="1:2" x14ac:dyDescent="0.3">
      <c r="A11000" s="11"/>
      <c r="B11000" s="8"/>
    </row>
    <row r="11001" spans="1:2" x14ac:dyDescent="0.3">
      <c r="A11001" s="11"/>
      <c r="B11001" s="8"/>
    </row>
    <row r="11002" spans="1:2" x14ac:dyDescent="0.3">
      <c r="A11002" s="11"/>
      <c r="B11002" s="8"/>
    </row>
    <row r="11003" spans="1:2" x14ac:dyDescent="0.3">
      <c r="A11003" s="11"/>
      <c r="B11003" s="8"/>
    </row>
    <row r="11004" spans="1:2" x14ac:dyDescent="0.3">
      <c r="A11004" s="11"/>
      <c r="B11004" s="8"/>
    </row>
    <row r="11005" spans="1:2" x14ac:dyDescent="0.3">
      <c r="A11005" s="11"/>
      <c r="B11005" s="8"/>
    </row>
    <row r="11006" spans="1:2" x14ac:dyDescent="0.3">
      <c r="A11006" s="11"/>
      <c r="B11006" s="8"/>
    </row>
    <row r="11007" spans="1:2" x14ac:dyDescent="0.3">
      <c r="A11007" s="11"/>
      <c r="B11007" s="8"/>
    </row>
    <row r="11008" spans="1:2" x14ac:dyDescent="0.3">
      <c r="A11008" s="11"/>
      <c r="B11008" s="8"/>
    </row>
    <row r="11009" spans="1:2" x14ac:dyDescent="0.3">
      <c r="A11009" s="11"/>
      <c r="B11009" s="8"/>
    </row>
    <row r="11010" spans="1:2" x14ac:dyDescent="0.3">
      <c r="A11010" s="11"/>
      <c r="B11010" s="8"/>
    </row>
    <row r="11011" spans="1:2" x14ac:dyDescent="0.3">
      <c r="A11011" s="11"/>
      <c r="B11011" s="8"/>
    </row>
    <row r="11012" spans="1:2" x14ac:dyDescent="0.3">
      <c r="A11012" s="11"/>
      <c r="B11012" s="8"/>
    </row>
    <row r="11013" spans="1:2" x14ac:dyDescent="0.3">
      <c r="A11013" s="11"/>
      <c r="B11013" s="8"/>
    </row>
    <row r="11014" spans="1:2" x14ac:dyDescent="0.3">
      <c r="A11014" s="11"/>
      <c r="B11014" s="8"/>
    </row>
    <row r="11015" spans="1:2" x14ac:dyDescent="0.3">
      <c r="A11015" s="11"/>
      <c r="B11015" s="8"/>
    </row>
    <row r="11016" spans="1:2" x14ac:dyDescent="0.3">
      <c r="A11016" s="11"/>
      <c r="B11016" s="8"/>
    </row>
    <row r="11017" spans="1:2" x14ac:dyDescent="0.3">
      <c r="A11017" s="11"/>
      <c r="B11017" s="8"/>
    </row>
    <row r="11018" spans="1:2" x14ac:dyDescent="0.3">
      <c r="A11018" s="11"/>
      <c r="B11018" s="8"/>
    </row>
    <row r="11019" spans="1:2" x14ac:dyDescent="0.3">
      <c r="A11019" s="11"/>
      <c r="B11019" s="8"/>
    </row>
    <row r="11020" spans="1:2" x14ac:dyDescent="0.3">
      <c r="A11020" s="11"/>
      <c r="B11020" s="8"/>
    </row>
    <row r="11021" spans="1:2" x14ac:dyDescent="0.3">
      <c r="A11021" s="11"/>
      <c r="B11021" s="8"/>
    </row>
    <row r="11022" spans="1:2" x14ac:dyDescent="0.3">
      <c r="A11022" s="11"/>
      <c r="B11022" s="8"/>
    </row>
    <row r="11023" spans="1:2" x14ac:dyDescent="0.3">
      <c r="A11023" s="11"/>
      <c r="B11023" s="8"/>
    </row>
    <row r="11024" spans="1:2" x14ac:dyDescent="0.3">
      <c r="A11024" s="11"/>
      <c r="B11024" s="8"/>
    </row>
    <row r="11025" spans="1:2" x14ac:dyDescent="0.3">
      <c r="A11025" s="11"/>
      <c r="B11025" s="8"/>
    </row>
    <row r="11026" spans="1:2" x14ac:dyDescent="0.3">
      <c r="A11026" s="11"/>
      <c r="B11026" s="8"/>
    </row>
    <row r="11027" spans="1:2" x14ac:dyDescent="0.3">
      <c r="A11027" s="11"/>
      <c r="B11027" s="8"/>
    </row>
    <row r="11028" spans="1:2" x14ac:dyDescent="0.3">
      <c r="A11028" s="11"/>
      <c r="B11028" s="8"/>
    </row>
    <row r="11029" spans="1:2" x14ac:dyDescent="0.3">
      <c r="A11029" s="11"/>
      <c r="B11029" s="8"/>
    </row>
    <row r="11030" spans="1:2" x14ac:dyDescent="0.3">
      <c r="A11030" s="11"/>
      <c r="B11030" s="8"/>
    </row>
    <row r="11031" spans="1:2" x14ac:dyDescent="0.3">
      <c r="A11031" s="11"/>
      <c r="B11031" s="8"/>
    </row>
    <row r="11032" spans="1:2" x14ac:dyDescent="0.3">
      <c r="A11032" s="11"/>
      <c r="B11032" s="8"/>
    </row>
    <row r="11033" spans="1:2" x14ac:dyDescent="0.3">
      <c r="A11033" s="11"/>
      <c r="B11033" s="8"/>
    </row>
    <row r="11034" spans="1:2" x14ac:dyDescent="0.3">
      <c r="A11034" s="11"/>
      <c r="B11034" s="8"/>
    </row>
    <row r="11035" spans="1:2" x14ac:dyDescent="0.3">
      <c r="A11035" s="11"/>
      <c r="B11035" s="8"/>
    </row>
    <row r="11036" spans="1:2" x14ac:dyDescent="0.3">
      <c r="A11036" s="11"/>
      <c r="B11036" s="8"/>
    </row>
    <row r="11037" spans="1:2" x14ac:dyDescent="0.3">
      <c r="A11037" s="11"/>
      <c r="B11037" s="8"/>
    </row>
    <row r="11038" spans="1:2" x14ac:dyDescent="0.3">
      <c r="A11038" s="11"/>
      <c r="B11038" s="8"/>
    </row>
    <row r="11039" spans="1:2" x14ac:dyDescent="0.3">
      <c r="A11039" s="11"/>
      <c r="B11039" s="8"/>
    </row>
    <row r="11040" spans="1:2" x14ac:dyDescent="0.3">
      <c r="A11040" s="11"/>
      <c r="B11040" s="8"/>
    </row>
    <row r="11041" spans="1:2" x14ac:dyDescent="0.3">
      <c r="A11041" s="11"/>
      <c r="B11041" s="8"/>
    </row>
    <row r="11042" spans="1:2" x14ac:dyDescent="0.3">
      <c r="A11042" s="11"/>
      <c r="B11042" s="8"/>
    </row>
    <row r="11043" spans="1:2" x14ac:dyDescent="0.3">
      <c r="A11043" s="11"/>
      <c r="B11043" s="8"/>
    </row>
    <row r="11044" spans="1:2" x14ac:dyDescent="0.3">
      <c r="A11044" s="11"/>
      <c r="B11044" s="8"/>
    </row>
    <row r="11045" spans="1:2" x14ac:dyDescent="0.3">
      <c r="A11045" s="11"/>
      <c r="B11045" s="8"/>
    </row>
    <row r="11046" spans="1:2" x14ac:dyDescent="0.3">
      <c r="A11046" s="11"/>
      <c r="B11046" s="8"/>
    </row>
    <row r="11047" spans="1:2" x14ac:dyDescent="0.3">
      <c r="A11047" s="11"/>
      <c r="B11047" s="8"/>
    </row>
    <row r="11048" spans="1:2" x14ac:dyDescent="0.3">
      <c r="A11048" s="11"/>
      <c r="B11048" s="8"/>
    </row>
    <row r="11049" spans="1:2" x14ac:dyDescent="0.3">
      <c r="A11049" s="11"/>
      <c r="B11049" s="8"/>
    </row>
    <row r="11050" spans="1:2" x14ac:dyDescent="0.3">
      <c r="A11050" s="11"/>
      <c r="B11050" s="8"/>
    </row>
    <row r="11051" spans="1:2" x14ac:dyDescent="0.3">
      <c r="A11051" s="11"/>
      <c r="B11051" s="8"/>
    </row>
    <row r="11052" spans="1:2" x14ac:dyDescent="0.3">
      <c r="A11052" s="11"/>
      <c r="B11052" s="8"/>
    </row>
    <row r="11053" spans="1:2" x14ac:dyDescent="0.3">
      <c r="A11053" s="11"/>
      <c r="B11053" s="8"/>
    </row>
    <row r="11054" spans="1:2" x14ac:dyDescent="0.3">
      <c r="A11054" s="11"/>
      <c r="B11054" s="8"/>
    </row>
    <row r="11055" spans="1:2" x14ac:dyDescent="0.3">
      <c r="A11055" s="11"/>
      <c r="B11055" s="8"/>
    </row>
    <row r="11056" spans="1:2" x14ac:dyDescent="0.3">
      <c r="A11056" s="11"/>
      <c r="B11056" s="8"/>
    </row>
    <row r="11057" spans="1:2" x14ac:dyDescent="0.3">
      <c r="A11057" s="11"/>
      <c r="B11057" s="8"/>
    </row>
    <row r="11058" spans="1:2" x14ac:dyDescent="0.3">
      <c r="A11058" s="11"/>
      <c r="B11058" s="8"/>
    </row>
    <row r="11059" spans="1:2" x14ac:dyDescent="0.3">
      <c r="A11059" s="11"/>
      <c r="B11059" s="8"/>
    </row>
    <row r="11060" spans="1:2" x14ac:dyDescent="0.3">
      <c r="A11060" s="11"/>
      <c r="B11060" s="8"/>
    </row>
    <row r="11061" spans="1:2" x14ac:dyDescent="0.3">
      <c r="A11061" s="11"/>
      <c r="B11061" s="8"/>
    </row>
    <row r="11062" spans="1:2" x14ac:dyDescent="0.3">
      <c r="A11062" s="11"/>
      <c r="B11062" s="8"/>
    </row>
    <row r="11063" spans="1:2" x14ac:dyDescent="0.3">
      <c r="A11063" s="11"/>
      <c r="B11063" s="8"/>
    </row>
    <row r="11064" spans="1:2" x14ac:dyDescent="0.3">
      <c r="A11064" s="11"/>
      <c r="B11064" s="8"/>
    </row>
    <row r="11065" spans="1:2" x14ac:dyDescent="0.3">
      <c r="A11065" s="11"/>
      <c r="B11065" s="8"/>
    </row>
    <row r="11066" spans="1:2" x14ac:dyDescent="0.3">
      <c r="A11066" s="11"/>
      <c r="B11066" s="8"/>
    </row>
    <row r="11067" spans="1:2" x14ac:dyDescent="0.3">
      <c r="A11067" s="11"/>
      <c r="B11067" s="8"/>
    </row>
    <row r="11068" spans="1:2" x14ac:dyDescent="0.3">
      <c r="A11068" s="11"/>
      <c r="B11068" s="8"/>
    </row>
    <row r="11069" spans="1:2" x14ac:dyDescent="0.3">
      <c r="A11069" s="11"/>
      <c r="B11069" s="8"/>
    </row>
    <row r="11070" spans="1:2" x14ac:dyDescent="0.3">
      <c r="A11070" s="11"/>
      <c r="B11070" s="8"/>
    </row>
    <row r="11071" spans="1:2" x14ac:dyDescent="0.3">
      <c r="A11071" s="11"/>
      <c r="B11071" s="8"/>
    </row>
    <row r="11072" spans="1:2" x14ac:dyDescent="0.3">
      <c r="A11072" s="11"/>
      <c r="B11072" s="8"/>
    </row>
    <row r="11073" spans="1:2" x14ac:dyDescent="0.3">
      <c r="A11073" s="11"/>
      <c r="B11073" s="8"/>
    </row>
    <row r="11074" spans="1:2" x14ac:dyDescent="0.3">
      <c r="A11074" s="11"/>
      <c r="B11074" s="8"/>
    </row>
    <row r="11075" spans="1:2" x14ac:dyDescent="0.3">
      <c r="A11075" s="11"/>
      <c r="B11075" s="8"/>
    </row>
    <row r="11076" spans="1:2" x14ac:dyDescent="0.3">
      <c r="A11076" s="11"/>
      <c r="B11076" s="8"/>
    </row>
    <row r="11077" spans="1:2" x14ac:dyDescent="0.3">
      <c r="A11077" s="11"/>
      <c r="B11077" s="8"/>
    </row>
    <row r="11078" spans="1:2" x14ac:dyDescent="0.3">
      <c r="A11078" s="11"/>
      <c r="B11078" s="8"/>
    </row>
    <row r="11079" spans="1:2" x14ac:dyDescent="0.3">
      <c r="A11079" s="11"/>
      <c r="B11079" s="8"/>
    </row>
    <row r="11080" spans="1:2" x14ac:dyDescent="0.3">
      <c r="A11080" s="11"/>
      <c r="B11080" s="8"/>
    </row>
    <row r="11081" spans="1:2" x14ac:dyDescent="0.3">
      <c r="A11081" s="11"/>
      <c r="B11081" s="8"/>
    </row>
    <row r="11082" spans="1:2" x14ac:dyDescent="0.3">
      <c r="A11082" s="11"/>
      <c r="B11082" s="8"/>
    </row>
    <row r="11083" spans="1:2" x14ac:dyDescent="0.3">
      <c r="A11083" s="11"/>
      <c r="B11083" s="8"/>
    </row>
    <row r="11084" spans="1:2" x14ac:dyDescent="0.3">
      <c r="A11084" s="11"/>
      <c r="B11084" s="8"/>
    </row>
    <row r="11085" spans="1:2" x14ac:dyDescent="0.3">
      <c r="A11085" s="11"/>
      <c r="B11085" s="8"/>
    </row>
    <row r="11086" spans="1:2" x14ac:dyDescent="0.3">
      <c r="A11086" s="11"/>
      <c r="B11086" s="8"/>
    </row>
    <row r="11087" spans="1:2" x14ac:dyDescent="0.3">
      <c r="A11087" s="11"/>
      <c r="B11087" s="8"/>
    </row>
    <row r="11088" spans="1:2" x14ac:dyDescent="0.3">
      <c r="A11088" s="11"/>
      <c r="B11088" s="8"/>
    </row>
    <row r="11089" spans="1:2" x14ac:dyDescent="0.3">
      <c r="A11089" s="11"/>
      <c r="B11089" s="8"/>
    </row>
    <row r="11090" spans="1:2" x14ac:dyDescent="0.3">
      <c r="A11090" s="11"/>
      <c r="B11090" s="8"/>
    </row>
    <row r="11091" spans="1:2" x14ac:dyDescent="0.3">
      <c r="A11091" s="11"/>
      <c r="B11091" s="8"/>
    </row>
    <row r="11092" spans="1:2" x14ac:dyDescent="0.3">
      <c r="A11092" s="11"/>
      <c r="B11092" s="8"/>
    </row>
    <row r="11093" spans="1:2" x14ac:dyDescent="0.3">
      <c r="A11093" s="11"/>
      <c r="B11093" s="8"/>
    </row>
    <row r="11094" spans="1:2" x14ac:dyDescent="0.3">
      <c r="A11094" s="11"/>
      <c r="B11094" s="8"/>
    </row>
    <row r="11095" spans="1:2" x14ac:dyDescent="0.3">
      <c r="A11095" s="11"/>
      <c r="B11095" s="8"/>
    </row>
    <row r="11096" spans="1:2" x14ac:dyDescent="0.3">
      <c r="A11096" s="11"/>
      <c r="B11096" s="8"/>
    </row>
    <row r="11097" spans="1:2" x14ac:dyDescent="0.3">
      <c r="A11097" s="11"/>
      <c r="B11097" s="8"/>
    </row>
    <row r="11098" spans="1:2" x14ac:dyDescent="0.3">
      <c r="A11098" s="11"/>
      <c r="B11098" s="8"/>
    </row>
    <row r="11099" spans="1:2" x14ac:dyDescent="0.3">
      <c r="A11099" s="11"/>
      <c r="B11099" s="8"/>
    </row>
    <row r="11100" spans="1:2" x14ac:dyDescent="0.3">
      <c r="A11100" s="11"/>
      <c r="B11100" s="8"/>
    </row>
    <row r="11101" spans="1:2" x14ac:dyDescent="0.3">
      <c r="A11101" s="11"/>
      <c r="B11101" s="8"/>
    </row>
    <row r="11102" spans="1:2" x14ac:dyDescent="0.3">
      <c r="A11102" s="11"/>
      <c r="B11102" s="8"/>
    </row>
    <row r="11103" spans="1:2" x14ac:dyDescent="0.3">
      <c r="A11103" s="11"/>
      <c r="B11103" s="8"/>
    </row>
    <row r="11104" spans="1:2" x14ac:dyDescent="0.3">
      <c r="A11104" s="11"/>
      <c r="B11104" s="8"/>
    </row>
    <row r="11105" spans="1:2" x14ac:dyDescent="0.3">
      <c r="A11105" s="11"/>
      <c r="B11105" s="8"/>
    </row>
    <row r="11106" spans="1:2" x14ac:dyDescent="0.3">
      <c r="A11106" s="11"/>
      <c r="B11106" s="8"/>
    </row>
    <row r="11107" spans="1:2" x14ac:dyDescent="0.3">
      <c r="A11107" s="11"/>
      <c r="B11107" s="8"/>
    </row>
    <row r="11108" spans="1:2" x14ac:dyDescent="0.3">
      <c r="A11108" s="11"/>
      <c r="B11108" s="8"/>
    </row>
    <row r="11109" spans="1:2" x14ac:dyDescent="0.3">
      <c r="A11109" s="11"/>
      <c r="B11109" s="8"/>
    </row>
    <row r="11110" spans="1:2" x14ac:dyDescent="0.3">
      <c r="A11110" s="11"/>
      <c r="B11110" s="8"/>
    </row>
    <row r="11111" spans="1:2" x14ac:dyDescent="0.3">
      <c r="A11111" s="11"/>
      <c r="B11111" s="8"/>
    </row>
    <row r="11112" spans="1:2" x14ac:dyDescent="0.3">
      <c r="A11112" s="11"/>
      <c r="B11112" s="8"/>
    </row>
    <row r="11113" spans="1:2" x14ac:dyDescent="0.3">
      <c r="A11113" s="11"/>
      <c r="B11113" s="8"/>
    </row>
    <row r="11114" spans="1:2" x14ac:dyDescent="0.3">
      <c r="A11114" s="11"/>
      <c r="B11114" s="8"/>
    </row>
    <row r="11115" spans="1:2" x14ac:dyDescent="0.3">
      <c r="A11115" s="11"/>
      <c r="B11115" s="8"/>
    </row>
    <row r="11116" spans="1:2" x14ac:dyDescent="0.3">
      <c r="A11116" s="11"/>
      <c r="B11116" s="8"/>
    </row>
    <row r="11117" spans="1:2" x14ac:dyDescent="0.3">
      <c r="A11117" s="11"/>
      <c r="B11117" s="8"/>
    </row>
    <row r="11118" spans="1:2" x14ac:dyDescent="0.3">
      <c r="A11118" s="11"/>
      <c r="B11118" s="8"/>
    </row>
    <row r="11119" spans="1:2" x14ac:dyDescent="0.3">
      <c r="A11119" s="11"/>
      <c r="B11119" s="8"/>
    </row>
    <row r="11120" spans="1:2" x14ac:dyDescent="0.3">
      <c r="A11120" s="11"/>
      <c r="B11120" s="8"/>
    </row>
    <row r="11121" spans="1:2" x14ac:dyDescent="0.3">
      <c r="A11121" s="11"/>
      <c r="B11121" s="8"/>
    </row>
    <row r="11122" spans="1:2" x14ac:dyDescent="0.3">
      <c r="A11122" s="11"/>
      <c r="B11122" s="8"/>
    </row>
    <row r="11123" spans="1:2" x14ac:dyDescent="0.3">
      <c r="A11123" s="11"/>
      <c r="B11123" s="8"/>
    </row>
    <row r="11124" spans="1:2" x14ac:dyDescent="0.3">
      <c r="A11124" s="11"/>
      <c r="B11124" s="8"/>
    </row>
    <row r="11125" spans="1:2" x14ac:dyDescent="0.3">
      <c r="A11125" s="11"/>
      <c r="B11125" s="8"/>
    </row>
    <row r="11126" spans="1:2" x14ac:dyDescent="0.3">
      <c r="A11126" s="11"/>
      <c r="B11126" s="8"/>
    </row>
    <row r="11127" spans="1:2" x14ac:dyDescent="0.3">
      <c r="A11127" s="11"/>
      <c r="B11127" s="8"/>
    </row>
    <row r="11128" spans="1:2" x14ac:dyDescent="0.3">
      <c r="A11128" s="11"/>
      <c r="B11128" s="8"/>
    </row>
    <row r="11129" spans="1:2" x14ac:dyDescent="0.3">
      <c r="A11129" s="11"/>
      <c r="B11129" s="8"/>
    </row>
    <row r="11130" spans="1:2" x14ac:dyDescent="0.3">
      <c r="A11130" s="11"/>
      <c r="B11130" s="8"/>
    </row>
    <row r="11131" spans="1:2" x14ac:dyDescent="0.3">
      <c r="A11131" s="11"/>
      <c r="B11131" s="8"/>
    </row>
    <row r="11132" spans="1:2" x14ac:dyDescent="0.3">
      <c r="A11132" s="11"/>
      <c r="B11132" s="8"/>
    </row>
    <row r="11133" spans="1:2" x14ac:dyDescent="0.3">
      <c r="A11133" s="11"/>
      <c r="B11133" s="8"/>
    </row>
    <row r="11134" spans="1:2" x14ac:dyDescent="0.3">
      <c r="A11134" s="11"/>
      <c r="B11134" s="8"/>
    </row>
    <row r="11135" spans="1:2" x14ac:dyDescent="0.3">
      <c r="A11135" s="11"/>
      <c r="B11135" s="8"/>
    </row>
    <row r="11136" spans="1:2" x14ac:dyDescent="0.3">
      <c r="A11136" s="11"/>
      <c r="B11136" s="8"/>
    </row>
    <row r="11137" spans="1:2" x14ac:dyDescent="0.3">
      <c r="A11137" s="11"/>
      <c r="B11137" s="8"/>
    </row>
    <row r="11138" spans="1:2" x14ac:dyDescent="0.3">
      <c r="A11138" s="11"/>
      <c r="B11138" s="8"/>
    </row>
    <row r="11139" spans="1:2" x14ac:dyDescent="0.3">
      <c r="A11139" s="11"/>
      <c r="B11139" s="8"/>
    </row>
    <row r="11140" spans="1:2" x14ac:dyDescent="0.3">
      <c r="A11140" s="11"/>
      <c r="B11140" s="8"/>
    </row>
    <row r="11141" spans="1:2" x14ac:dyDescent="0.3">
      <c r="A11141" s="11"/>
      <c r="B11141" s="8"/>
    </row>
    <row r="11142" spans="1:2" x14ac:dyDescent="0.3">
      <c r="A11142" s="11"/>
      <c r="B11142" s="8"/>
    </row>
    <row r="11143" spans="1:2" x14ac:dyDescent="0.3">
      <c r="A11143" s="11"/>
      <c r="B11143" s="8"/>
    </row>
    <row r="11144" spans="1:2" x14ac:dyDescent="0.3">
      <c r="A11144" s="11"/>
      <c r="B11144" s="8"/>
    </row>
    <row r="11145" spans="1:2" x14ac:dyDescent="0.3">
      <c r="A11145" s="11"/>
      <c r="B11145" s="8"/>
    </row>
    <row r="11146" spans="1:2" x14ac:dyDescent="0.3">
      <c r="A11146" s="11"/>
      <c r="B11146" s="8"/>
    </row>
    <row r="11147" spans="1:2" x14ac:dyDescent="0.3">
      <c r="A11147" s="11"/>
      <c r="B11147" s="8"/>
    </row>
    <row r="11148" spans="1:2" x14ac:dyDescent="0.3">
      <c r="A11148" s="11"/>
      <c r="B11148" s="8"/>
    </row>
    <row r="11149" spans="1:2" x14ac:dyDescent="0.3">
      <c r="A11149" s="11"/>
      <c r="B11149" s="8"/>
    </row>
    <row r="11150" spans="1:2" x14ac:dyDescent="0.3">
      <c r="A11150" s="11"/>
      <c r="B11150" s="8"/>
    </row>
    <row r="11151" spans="1:2" x14ac:dyDescent="0.3">
      <c r="A11151" s="11"/>
      <c r="B11151" s="8"/>
    </row>
    <row r="11152" spans="1:2" x14ac:dyDescent="0.3">
      <c r="A11152" s="11"/>
      <c r="B11152" s="8"/>
    </row>
    <row r="11153" spans="1:2" x14ac:dyDescent="0.3">
      <c r="A11153" s="11"/>
      <c r="B11153" s="8"/>
    </row>
    <row r="11154" spans="1:2" x14ac:dyDescent="0.3">
      <c r="A11154" s="11"/>
      <c r="B11154" s="8"/>
    </row>
    <row r="11155" spans="1:2" x14ac:dyDescent="0.3">
      <c r="A11155" s="11"/>
      <c r="B11155" s="8"/>
    </row>
    <row r="11156" spans="1:2" x14ac:dyDescent="0.3">
      <c r="A11156" s="11"/>
      <c r="B11156" s="8"/>
    </row>
    <row r="11157" spans="1:2" x14ac:dyDescent="0.3">
      <c r="A11157" s="11"/>
      <c r="B11157" s="8"/>
    </row>
    <row r="11158" spans="1:2" x14ac:dyDescent="0.3">
      <c r="A11158" s="11"/>
      <c r="B11158" s="8"/>
    </row>
    <row r="11159" spans="1:2" x14ac:dyDescent="0.3">
      <c r="A11159" s="11"/>
      <c r="B11159" s="8"/>
    </row>
    <row r="11160" spans="1:2" x14ac:dyDescent="0.3">
      <c r="A11160" s="11"/>
      <c r="B11160" s="8"/>
    </row>
    <row r="11161" spans="1:2" x14ac:dyDescent="0.3">
      <c r="A11161" s="11"/>
      <c r="B11161" s="8"/>
    </row>
    <row r="11162" spans="1:2" x14ac:dyDescent="0.3">
      <c r="A11162" s="11"/>
      <c r="B11162" s="8"/>
    </row>
    <row r="11163" spans="1:2" x14ac:dyDescent="0.3">
      <c r="A11163" s="11"/>
      <c r="B11163" s="8"/>
    </row>
    <row r="11164" spans="1:2" x14ac:dyDescent="0.3">
      <c r="A11164" s="11"/>
      <c r="B11164" s="8"/>
    </row>
    <row r="11165" spans="1:2" x14ac:dyDescent="0.3">
      <c r="A11165" s="11"/>
      <c r="B11165" s="8"/>
    </row>
    <row r="11166" spans="1:2" x14ac:dyDescent="0.3">
      <c r="A11166" s="11"/>
      <c r="B11166" s="8"/>
    </row>
    <row r="11167" spans="1:2" x14ac:dyDescent="0.3">
      <c r="A11167" s="11"/>
      <c r="B11167" s="8"/>
    </row>
    <row r="11168" spans="1:2" x14ac:dyDescent="0.3">
      <c r="A11168" s="11"/>
      <c r="B11168" s="8"/>
    </row>
    <row r="11169" spans="1:2" x14ac:dyDescent="0.3">
      <c r="A11169" s="11"/>
      <c r="B11169" s="8"/>
    </row>
    <row r="11170" spans="1:2" x14ac:dyDescent="0.3">
      <c r="A11170" s="11"/>
      <c r="B11170" s="8"/>
    </row>
    <row r="11171" spans="1:2" x14ac:dyDescent="0.3">
      <c r="A11171" s="11"/>
      <c r="B11171" s="8"/>
    </row>
    <row r="11172" spans="1:2" x14ac:dyDescent="0.3">
      <c r="A11172" s="11"/>
      <c r="B11172" s="8"/>
    </row>
    <row r="11173" spans="1:2" x14ac:dyDescent="0.3">
      <c r="A11173" s="11"/>
      <c r="B11173" s="8"/>
    </row>
    <row r="11174" spans="1:2" x14ac:dyDescent="0.3">
      <c r="A11174" s="11"/>
      <c r="B11174" s="8"/>
    </row>
    <row r="11175" spans="1:2" x14ac:dyDescent="0.3">
      <c r="A11175" s="11"/>
      <c r="B11175" s="8"/>
    </row>
    <row r="11176" spans="1:2" x14ac:dyDescent="0.3">
      <c r="A11176" s="11"/>
      <c r="B11176" s="8"/>
    </row>
    <row r="11177" spans="1:2" x14ac:dyDescent="0.3">
      <c r="A11177" s="11"/>
      <c r="B11177" s="8"/>
    </row>
    <row r="11178" spans="1:2" x14ac:dyDescent="0.3">
      <c r="A11178" s="11"/>
      <c r="B11178" s="8"/>
    </row>
    <row r="11179" spans="1:2" x14ac:dyDescent="0.3">
      <c r="A11179" s="11"/>
      <c r="B11179" s="8"/>
    </row>
    <row r="11180" spans="1:2" x14ac:dyDescent="0.3">
      <c r="A11180" s="11"/>
      <c r="B11180" s="8"/>
    </row>
    <row r="11181" spans="1:2" x14ac:dyDescent="0.3">
      <c r="A11181" s="11"/>
      <c r="B11181" s="8"/>
    </row>
    <row r="11182" spans="1:2" x14ac:dyDescent="0.3">
      <c r="A11182" s="11"/>
      <c r="B11182" s="8"/>
    </row>
    <row r="11183" spans="1:2" x14ac:dyDescent="0.3">
      <c r="A11183" s="11"/>
      <c r="B11183" s="8"/>
    </row>
    <row r="11184" spans="1:2" x14ac:dyDescent="0.3">
      <c r="A11184" s="11"/>
      <c r="B11184" s="8"/>
    </row>
    <row r="11185" spans="1:2" x14ac:dyDescent="0.3">
      <c r="A11185" s="11"/>
      <c r="B11185" s="8"/>
    </row>
    <row r="11186" spans="1:2" x14ac:dyDescent="0.3">
      <c r="A11186" s="11"/>
      <c r="B11186" s="8"/>
    </row>
    <row r="11187" spans="1:2" x14ac:dyDescent="0.3">
      <c r="A11187" s="11"/>
      <c r="B11187" s="8"/>
    </row>
    <row r="11188" spans="1:2" x14ac:dyDescent="0.3">
      <c r="A11188" s="11"/>
      <c r="B11188" s="8"/>
    </row>
    <row r="11189" spans="1:2" x14ac:dyDescent="0.3">
      <c r="A11189" s="11"/>
      <c r="B11189" s="8"/>
    </row>
    <row r="11190" spans="1:2" x14ac:dyDescent="0.3">
      <c r="A11190" s="11"/>
      <c r="B11190" s="8"/>
    </row>
    <row r="11191" spans="1:2" x14ac:dyDescent="0.3">
      <c r="A11191" s="11"/>
      <c r="B11191" s="8"/>
    </row>
    <row r="11192" spans="1:2" x14ac:dyDescent="0.3">
      <c r="A11192" s="11"/>
      <c r="B11192" s="8"/>
    </row>
    <row r="11193" spans="1:2" x14ac:dyDescent="0.3">
      <c r="A11193" s="11"/>
      <c r="B11193" s="8"/>
    </row>
    <row r="11194" spans="1:2" x14ac:dyDescent="0.3">
      <c r="A11194" s="11"/>
      <c r="B11194" s="8"/>
    </row>
    <row r="11195" spans="1:2" x14ac:dyDescent="0.3">
      <c r="A11195" s="11"/>
      <c r="B11195" s="8"/>
    </row>
    <row r="11196" spans="1:2" x14ac:dyDescent="0.3">
      <c r="A11196" s="11"/>
      <c r="B11196" s="8"/>
    </row>
    <row r="11197" spans="1:2" x14ac:dyDescent="0.3">
      <c r="A11197" s="11"/>
      <c r="B11197" s="8"/>
    </row>
    <row r="11198" spans="1:2" x14ac:dyDescent="0.3">
      <c r="A11198" s="11"/>
      <c r="B11198" s="8"/>
    </row>
    <row r="11199" spans="1:2" x14ac:dyDescent="0.3">
      <c r="A11199" s="11"/>
      <c r="B11199" s="8"/>
    </row>
    <row r="11200" spans="1:2" x14ac:dyDescent="0.3">
      <c r="A11200" s="11"/>
      <c r="B11200" s="8"/>
    </row>
    <row r="11201" spans="1:2" x14ac:dyDescent="0.3">
      <c r="A11201" s="11"/>
      <c r="B11201" s="8"/>
    </row>
    <row r="11202" spans="1:2" x14ac:dyDescent="0.3">
      <c r="A11202" s="11"/>
      <c r="B11202" s="8"/>
    </row>
    <row r="11203" spans="1:2" x14ac:dyDescent="0.3">
      <c r="A11203" s="11"/>
      <c r="B11203" s="8"/>
    </row>
    <row r="11204" spans="1:2" x14ac:dyDescent="0.3">
      <c r="A11204" s="11"/>
      <c r="B11204" s="8"/>
    </row>
    <row r="11205" spans="1:2" x14ac:dyDescent="0.3">
      <c r="A11205" s="11"/>
      <c r="B11205" s="8"/>
    </row>
    <row r="11206" spans="1:2" x14ac:dyDescent="0.3">
      <c r="A11206" s="11"/>
      <c r="B11206" s="8"/>
    </row>
    <row r="11207" spans="1:2" x14ac:dyDescent="0.3">
      <c r="A11207" s="11"/>
      <c r="B11207" s="8"/>
    </row>
    <row r="11208" spans="1:2" x14ac:dyDescent="0.3">
      <c r="A11208" s="11"/>
      <c r="B11208" s="8"/>
    </row>
    <row r="11209" spans="1:2" x14ac:dyDescent="0.3">
      <c r="A11209" s="11"/>
      <c r="B11209" s="8"/>
    </row>
    <row r="11210" spans="1:2" x14ac:dyDescent="0.3">
      <c r="A11210" s="11"/>
      <c r="B11210" s="8"/>
    </row>
    <row r="11211" spans="1:2" x14ac:dyDescent="0.3">
      <c r="A11211" s="11"/>
      <c r="B11211" s="8"/>
    </row>
    <row r="11212" spans="1:2" x14ac:dyDescent="0.3">
      <c r="A11212" s="11"/>
      <c r="B11212" s="8"/>
    </row>
    <row r="11213" spans="1:2" x14ac:dyDescent="0.3">
      <c r="A11213" s="11"/>
      <c r="B11213" s="8"/>
    </row>
    <row r="11214" spans="1:2" x14ac:dyDescent="0.3">
      <c r="A11214" s="11"/>
      <c r="B11214" s="8"/>
    </row>
    <row r="11215" spans="1:2" x14ac:dyDescent="0.3">
      <c r="A11215" s="11"/>
      <c r="B11215" s="8"/>
    </row>
    <row r="11216" spans="1:2" x14ac:dyDescent="0.3">
      <c r="A11216" s="11"/>
      <c r="B11216" s="8"/>
    </row>
    <row r="11217" spans="1:2" x14ac:dyDescent="0.3">
      <c r="A11217" s="11"/>
      <c r="B11217" s="8"/>
    </row>
    <row r="11218" spans="1:2" x14ac:dyDescent="0.3">
      <c r="A11218" s="11"/>
      <c r="B11218" s="8"/>
    </row>
    <row r="11219" spans="1:2" x14ac:dyDescent="0.3">
      <c r="A11219" s="11"/>
      <c r="B11219" s="8"/>
    </row>
    <row r="11220" spans="1:2" x14ac:dyDescent="0.3">
      <c r="A11220" s="11"/>
      <c r="B11220" s="8"/>
    </row>
    <row r="11221" spans="1:2" x14ac:dyDescent="0.3">
      <c r="A11221" s="11"/>
      <c r="B11221" s="8"/>
    </row>
    <row r="11222" spans="1:2" x14ac:dyDescent="0.3">
      <c r="A11222" s="11"/>
      <c r="B11222" s="8"/>
    </row>
    <row r="11223" spans="1:2" x14ac:dyDescent="0.3">
      <c r="A11223" s="11"/>
      <c r="B11223" s="8"/>
    </row>
    <row r="11224" spans="1:2" x14ac:dyDescent="0.3">
      <c r="A11224" s="11"/>
      <c r="B11224" s="8"/>
    </row>
    <row r="11225" spans="1:2" x14ac:dyDescent="0.3">
      <c r="A11225" s="11"/>
      <c r="B11225" s="8"/>
    </row>
    <row r="11226" spans="1:2" x14ac:dyDescent="0.3">
      <c r="A11226" s="11"/>
      <c r="B11226" s="8"/>
    </row>
    <row r="11227" spans="1:2" x14ac:dyDescent="0.3">
      <c r="A11227" s="11"/>
      <c r="B11227" s="8"/>
    </row>
    <row r="11228" spans="1:2" x14ac:dyDescent="0.3">
      <c r="A11228" s="11"/>
      <c r="B11228" s="8"/>
    </row>
    <row r="11229" spans="1:2" x14ac:dyDescent="0.3">
      <c r="A11229" s="11"/>
      <c r="B11229" s="8"/>
    </row>
    <row r="11230" spans="1:2" x14ac:dyDescent="0.3">
      <c r="A11230" s="11"/>
      <c r="B11230" s="8"/>
    </row>
    <row r="11231" spans="1:2" x14ac:dyDescent="0.3">
      <c r="A11231" s="11"/>
      <c r="B11231" s="8"/>
    </row>
    <row r="11232" spans="1:2" x14ac:dyDescent="0.3">
      <c r="A11232" s="11"/>
      <c r="B11232" s="8"/>
    </row>
    <row r="11233" spans="1:2" x14ac:dyDescent="0.3">
      <c r="A11233" s="11"/>
      <c r="B11233" s="8"/>
    </row>
    <row r="11234" spans="1:2" x14ac:dyDescent="0.3">
      <c r="A11234" s="11"/>
      <c r="B11234" s="8"/>
    </row>
    <row r="11235" spans="1:2" x14ac:dyDescent="0.3">
      <c r="A11235" s="11"/>
      <c r="B11235" s="8"/>
    </row>
    <row r="11236" spans="1:2" x14ac:dyDescent="0.3">
      <c r="A11236" s="11"/>
      <c r="B11236" s="8"/>
    </row>
    <row r="11237" spans="1:2" x14ac:dyDescent="0.3">
      <c r="A11237" s="11"/>
      <c r="B11237" s="8"/>
    </row>
    <row r="11238" spans="1:2" x14ac:dyDescent="0.3">
      <c r="A11238" s="11"/>
      <c r="B11238" s="8"/>
    </row>
    <row r="11239" spans="1:2" x14ac:dyDescent="0.3">
      <c r="A11239" s="11"/>
      <c r="B11239" s="8"/>
    </row>
    <row r="11240" spans="1:2" x14ac:dyDescent="0.3">
      <c r="A11240" s="11"/>
      <c r="B11240" s="8"/>
    </row>
    <row r="11241" spans="1:2" x14ac:dyDescent="0.3">
      <c r="A11241" s="11"/>
      <c r="B11241" s="8"/>
    </row>
    <row r="11242" spans="1:2" x14ac:dyDescent="0.3">
      <c r="A11242" s="11"/>
      <c r="B11242" s="8"/>
    </row>
    <row r="11243" spans="1:2" x14ac:dyDescent="0.3">
      <c r="A11243" s="11"/>
      <c r="B11243" s="8"/>
    </row>
    <row r="11244" spans="1:2" x14ac:dyDescent="0.3">
      <c r="A11244" s="11"/>
      <c r="B11244" s="8"/>
    </row>
    <row r="11245" spans="1:2" x14ac:dyDescent="0.3">
      <c r="A11245" s="11"/>
      <c r="B11245" s="8"/>
    </row>
    <row r="11246" spans="1:2" x14ac:dyDescent="0.3">
      <c r="A11246" s="11"/>
      <c r="B11246" s="8"/>
    </row>
    <row r="11247" spans="1:2" x14ac:dyDescent="0.3">
      <c r="A11247" s="11"/>
      <c r="B11247" s="8"/>
    </row>
    <row r="11248" spans="1:2" x14ac:dyDescent="0.3">
      <c r="A11248" s="11"/>
      <c r="B11248" s="8"/>
    </row>
    <row r="11249" spans="1:2" x14ac:dyDescent="0.3">
      <c r="A11249" s="11"/>
      <c r="B11249" s="8"/>
    </row>
    <row r="11250" spans="1:2" x14ac:dyDescent="0.3">
      <c r="A11250" s="11"/>
      <c r="B11250" s="8"/>
    </row>
    <row r="11251" spans="1:2" x14ac:dyDescent="0.3">
      <c r="A11251" s="11"/>
      <c r="B11251" s="8"/>
    </row>
    <row r="11252" spans="1:2" x14ac:dyDescent="0.3">
      <c r="A11252" s="11"/>
      <c r="B11252" s="8"/>
    </row>
    <row r="11253" spans="1:2" x14ac:dyDescent="0.3">
      <c r="A11253" s="11"/>
      <c r="B11253" s="8"/>
    </row>
    <row r="11254" spans="1:2" x14ac:dyDescent="0.3">
      <c r="A11254" s="11"/>
      <c r="B11254" s="8"/>
    </row>
    <row r="11255" spans="1:2" x14ac:dyDescent="0.3">
      <c r="A11255" s="11"/>
      <c r="B11255" s="8"/>
    </row>
    <row r="11256" spans="1:2" x14ac:dyDescent="0.3">
      <c r="A11256" s="11"/>
      <c r="B11256" s="8"/>
    </row>
    <row r="11257" spans="1:2" x14ac:dyDescent="0.3">
      <c r="A11257" s="11"/>
      <c r="B11257" s="8"/>
    </row>
    <row r="11258" spans="1:2" x14ac:dyDescent="0.3">
      <c r="A11258" s="11"/>
      <c r="B11258" s="8"/>
    </row>
    <row r="11259" spans="1:2" x14ac:dyDescent="0.3">
      <c r="A11259" s="11"/>
      <c r="B11259" s="8"/>
    </row>
    <row r="11260" spans="1:2" x14ac:dyDescent="0.3">
      <c r="A11260" s="11"/>
      <c r="B11260" s="8"/>
    </row>
    <row r="11261" spans="1:2" x14ac:dyDescent="0.3">
      <c r="A11261" s="11"/>
      <c r="B11261" s="8"/>
    </row>
    <row r="11262" spans="1:2" x14ac:dyDescent="0.3">
      <c r="A11262" s="11"/>
      <c r="B11262" s="8"/>
    </row>
    <row r="11263" spans="1:2" x14ac:dyDescent="0.3">
      <c r="A11263" s="11"/>
      <c r="B11263" s="8"/>
    </row>
    <row r="11264" spans="1:2" x14ac:dyDescent="0.3">
      <c r="A11264" s="11"/>
      <c r="B11264" s="8"/>
    </row>
    <row r="11265" spans="1:2" x14ac:dyDescent="0.3">
      <c r="A11265" s="11"/>
      <c r="B11265" s="8"/>
    </row>
    <row r="11266" spans="1:2" x14ac:dyDescent="0.3">
      <c r="A11266" s="11"/>
      <c r="B11266" s="8"/>
    </row>
    <row r="11267" spans="1:2" x14ac:dyDescent="0.3">
      <c r="A11267" s="11"/>
      <c r="B11267" s="8"/>
    </row>
    <row r="11268" spans="1:2" x14ac:dyDescent="0.3">
      <c r="A11268" s="11"/>
      <c r="B11268" s="8"/>
    </row>
    <row r="11269" spans="1:2" x14ac:dyDescent="0.3">
      <c r="A11269" s="11"/>
      <c r="B11269" s="8"/>
    </row>
    <row r="11270" spans="1:2" x14ac:dyDescent="0.3">
      <c r="A11270" s="11"/>
      <c r="B11270" s="8"/>
    </row>
    <row r="11271" spans="1:2" x14ac:dyDescent="0.3">
      <c r="A11271" s="11"/>
      <c r="B11271" s="8"/>
    </row>
    <row r="11272" spans="1:2" x14ac:dyDescent="0.3">
      <c r="A11272" s="11"/>
      <c r="B11272" s="8"/>
    </row>
    <row r="11273" spans="1:2" x14ac:dyDescent="0.3">
      <c r="A11273" s="11"/>
      <c r="B11273" s="8"/>
    </row>
    <row r="11274" spans="1:2" x14ac:dyDescent="0.3">
      <c r="A11274" s="11"/>
      <c r="B11274" s="8"/>
    </row>
    <row r="11275" spans="1:2" x14ac:dyDescent="0.3">
      <c r="A11275" s="11"/>
      <c r="B11275" s="8"/>
    </row>
    <row r="11276" spans="1:2" x14ac:dyDescent="0.3">
      <c r="A11276" s="11"/>
      <c r="B11276" s="8"/>
    </row>
    <row r="11277" spans="1:2" x14ac:dyDescent="0.3">
      <c r="A11277" s="11"/>
      <c r="B11277" s="8"/>
    </row>
    <row r="11278" spans="1:2" x14ac:dyDescent="0.3">
      <c r="A11278" s="11"/>
      <c r="B11278" s="8"/>
    </row>
    <row r="11279" spans="1:2" x14ac:dyDescent="0.3">
      <c r="A11279" s="11"/>
      <c r="B11279" s="8"/>
    </row>
    <row r="11280" spans="1:2" x14ac:dyDescent="0.3">
      <c r="A11280" s="11"/>
      <c r="B11280" s="8"/>
    </row>
    <row r="11281" spans="1:2" x14ac:dyDescent="0.3">
      <c r="A11281" s="11"/>
      <c r="B11281" s="8"/>
    </row>
    <row r="11282" spans="1:2" x14ac:dyDescent="0.3">
      <c r="A11282" s="11"/>
      <c r="B11282" s="8"/>
    </row>
    <row r="11283" spans="1:2" x14ac:dyDescent="0.3">
      <c r="A11283" s="11"/>
      <c r="B11283" s="8"/>
    </row>
    <row r="11284" spans="1:2" x14ac:dyDescent="0.3">
      <c r="A11284" s="11"/>
      <c r="B11284" s="8"/>
    </row>
    <row r="11285" spans="1:2" x14ac:dyDescent="0.3">
      <c r="A11285" s="11"/>
      <c r="B11285" s="8"/>
    </row>
    <row r="11286" spans="1:2" x14ac:dyDescent="0.3">
      <c r="A11286" s="11"/>
      <c r="B11286" s="8"/>
    </row>
    <row r="11287" spans="1:2" x14ac:dyDescent="0.3">
      <c r="A11287" s="11"/>
      <c r="B11287" s="8"/>
    </row>
    <row r="11288" spans="1:2" x14ac:dyDescent="0.3">
      <c r="A11288" s="11"/>
      <c r="B11288" s="8"/>
    </row>
    <row r="11289" spans="1:2" x14ac:dyDescent="0.3">
      <c r="A11289" s="11"/>
      <c r="B11289" s="8"/>
    </row>
    <row r="11290" spans="1:2" x14ac:dyDescent="0.3">
      <c r="A11290" s="11"/>
      <c r="B11290" s="8"/>
    </row>
    <row r="11291" spans="1:2" x14ac:dyDescent="0.3">
      <c r="A11291" s="11"/>
      <c r="B11291" s="8"/>
    </row>
    <row r="11292" spans="1:2" x14ac:dyDescent="0.3">
      <c r="A11292" s="11"/>
      <c r="B11292" s="8"/>
    </row>
    <row r="11293" spans="1:2" x14ac:dyDescent="0.3">
      <c r="A11293" s="11"/>
      <c r="B11293" s="8"/>
    </row>
    <row r="11294" spans="1:2" x14ac:dyDescent="0.3">
      <c r="A11294" s="11"/>
      <c r="B11294" s="8"/>
    </row>
    <row r="11295" spans="1:2" x14ac:dyDescent="0.3">
      <c r="A11295" s="11"/>
      <c r="B11295" s="8"/>
    </row>
    <row r="11296" spans="1:2" x14ac:dyDescent="0.3">
      <c r="A11296" s="11"/>
      <c r="B11296" s="8"/>
    </row>
    <row r="11297" spans="1:2" x14ac:dyDescent="0.3">
      <c r="A11297" s="11"/>
      <c r="B11297" s="8"/>
    </row>
    <row r="11298" spans="1:2" x14ac:dyDescent="0.3">
      <c r="A11298" s="11"/>
      <c r="B11298" s="8"/>
    </row>
    <row r="11299" spans="1:2" x14ac:dyDescent="0.3">
      <c r="A11299" s="11"/>
      <c r="B11299" s="8"/>
    </row>
    <row r="11300" spans="1:2" x14ac:dyDescent="0.3">
      <c r="A11300" s="11"/>
      <c r="B11300" s="8"/>
    </row>
    <row r="11301" spans="1:2" x14ac:dyDescent="0.3">
      <c r="A11301" s="11"/>
      <c r="B11301" s="8"/>
    </row>
    <row r="11302" spans="1:2" x14ac:dyDescent="0.3">
      <c r="A11302" s="11"/>
      <c r="B11302" s="8"/>
    </row>
    <row r="11303" spans="1:2" x14ac:dyDescent="0.3">
      <c r="A11303" s="11"/>
      <c r="B11303" s="8"/>
    </row>
    <row r="11304" spans="1:2" x14ac:dyDescent="0.3">
      <c r="A11304" s="11"/>
      <c r="B11304" s="8"/>
    </row>
    <row r="11305" spans="1:2" x14ac:dyDescent="0.3">
      <c r="A11305" s="11"/>
      <c r="B11305" s="8"/>
    </row>
    <row r="11306" spans="1:2" x14ac:dyDescent="0.3">
      <c r="A11306" s="11"/>
      <c r="B11306" s="8"/>
    </row>
    <row r="11307" spans="1:2" x14ac:dyDescent="0.3">
      <c r="A11307" s="11"/>
      <c r="B11307" s="8"/>
    </row>
    <row r="11308" spans="1:2" x14ac:dyDescent="0.3">
      <c r="A11308" s="11"/>
      <c r="B11308" s="8"/>
    </row>
    <row r="11309" spans="1:2" x14ac:dyDescent="0.3">
      <c r="A11309" s="11"/>
      <c r="B11309" s="8"/>
    </row>
    <row r="11310" spans="1:2" x14ac:dyDescent="0.3">
      <c r="A11310" s="11"/>
      <c r="B11310" s="8"/>
    </row>
    <row r="11311" spans="1:2" x14ac:dyDescent="0.3">
      <c r="A11311" s="11"/>
      <c r="B11311" s="8"/>
    </row>
    <row r="11312" spans="1:2" x14ac:dyDescent="0.3">
      <c r="A11312" s="11"/>
      <c r="B11312" s="8"/>
    </row>
    <row r="11313" spans="1:2" x14ac:dyDescent="0.3">
      <c r="A11313" s="11"/>
      <c r="B11313" s="8"/>
    </row>
    <row r="11314" spans="1:2" x14ac:dyDescent="0.3">
      <c r="A11314" s="11"/>
      <c r="B11314" s="8"/>
    </row>
    <row r="11315" spans="1:2" x14ac:dyDescent="0.3">
      <c r="A11315" s="11"/>
      <c r="B11315" s="8"/>
    </row>
    <row r="11316" spans="1:2" x14ac:dyDescent="0.3">
      <c r="A11316" s="11"/>
      <c r="B11316" s="8"/>
    </row>
    <row r="11317" spans="1:2" x14ac:dyDescent="0.3">
      <c r="A11317" s="11"/>
      <c r="B11317" s="8"/>
    </row>
    <row r="11318" spans="1:2" x14ac:dyDescent="0.3">
      <c r="A11318" s="11"/>
      <c r="B11318" s="8"/>
    </row>
    <row r="11319" spans="1:2" x14ac:dyDescent="0.3">
      <c r="A11319" s="11"/>
      <c r="B11319" s="8"/>
    </row>
    <row r="11320" spans="1:2" x14ac:dyDescent="0.3">
      <c r="A11320" s="11"/>
      <c r="B11320" s="8"/>
    </row>
    <row r="11321" spans="1:2" x14ac:dyDescent="0.3">
      <c r="A11321" s="11"/>
      <c r="B11321" s="8"/>
    </row>
    <row r="11322" spans="1:2" x14ac:dyDescent="0.3">
      <c r="A11322" s="11"/>
      <c r="B11322" s="8"/>
    </row>
    <row r="11323" spans="1:2" x14ac:dyDescent="0.3">
      <c r="A11323" s="11"/>
      <c r="B11323" s="8"/>
    </row>
    <row r="11324" spans="1:2" x14ac:dyDescent="0.3">
      <c r="A11324" s="11"/>
      <c r="B11324" s="8"/>
    </row>
    <row r="11325" spans="1:2" x14ac:dyDescent="0.3">
      <c r="A11325" s="11"/>
      <c r="B11325" s="8"/>
    </row>
    <row r="11326" spans="1:2" x14ac:dyDescent="0.3">
      <c r="A11326" s="11"/>
      <c r="B11326" s="8"/>
    </row>
    <row r="11327" spans="1:2" x14ac:dyDescent="0.3">
      <c r="A11327" s="11"/>
      <c r="B11327" s="8"/>
    </row>
    <row r="11328" spans="1:2" x14ac:dyDescent="0.3">
      <c r="A11328" s="11"/>
      <c r="B11328" s="8"/>
    </row>
    <row r="11329" spans="1:2" x14ac:dyDescent="0.3">
      <c r="A11329" s="11"/>
      <c r="B11329" s="8"/>
    </row>
    <row r="11330" spans="1:2" x14ac:dyDescent="0.3">
      <c r="A11330" s="11"/>
      <c r="B11330" s="8"/>
    </row>
    <row r="11331" spans="1:2" x14ac:dyDescent="0.3">
      <c r="A11331" s="11"/>
      <c r="B11331" s="8"/>
    </row>
    <row r="11332" spans="1:2" x14ac:dyDescent="0.3">
      <c r="A11332" s="11"/>
      <c r="B11332" s="8"/>
    </row>
    <row r="11333" spans="1:2" x14ac:dyDescent="0.3">
      <c r="A11333" s="11"/>
      <c r="B11333" s="8"/>
    </row>
    <row r="11334" spans="1:2" x14ac:dyDescent="0.3">
      <c r="A11334" s="11"/>
      <c r="B11334" s="8"/>
    </row>
    <row r="11335" spans="1:2" x14ac:dyDescent="0.3">
      <c r="A11335" s="11"/>
      <c r="B11335" s="8"/>
    </row>
    <row r="11336" spans="1:2" x14ac:dyDescent="0.3">
      <c r="A11336" s="11"/>
      <c r="B11336" s="8"/>
    </row>
    <row r="11337" spans="1:2" x14ac:dyDescent="0.3">
      <c r="A11337" s="11"/>
      <c r="B11337" s="8"/>
    </row>
    <row r="11338" spans="1:2" x14ac:dyDescent="0.3">
      <c r="A11338" s="11"/>
      <c r="B11338" s="8"/>
    </row>
    <row r="11339" spans="1:2" x14ac:dyDescent="0.3">
      <c r="A11339" s="11"/>
      <c r="B11339" s="8"/>
    </row>
    <row r="11340" spans="1:2" x14ac:dyDescent="0.3">
      <c r="A11340" s="11"/>
      <c r="B11340" s="8"/>
    </row>
    <row r="11341" spans="1:2" x14ac:dyDescent="0.3">
      <c r="A11341" s="11"/>
      <c r="B11341" s="8"/>
    </row>
    <row r="11342" spans="1:2" x14ac:dyDescent="0.3">
      <c r="A11342" s="11"/>
      <c r="B11342" s="8"/>
    </row>
    <row r="11343" spans="1:2" x14ac:dyDescent="0.3">
      <c r="A11343" s="11"/>
      <c r="B11343" s="8"/>
    </row>
    <row r="11344" spans="1:2" x14ac:dyDescent="0.3">
      <c r="A11344" s="11"/>
      <c r="B11344" s="8"/>
    </row>
    <row r="11345" spans="1:2" x14ac:dyDescent="0.3">
      <c r="A11345" s="11"/>
      <c r="B11345" s="8"/>
    </row>
    <row r="11346" spans="1:2" x14ac:dyDescent="0.3">
      <c r="A11346" s="11"/>
      <c r="B11346" s="8"/>
    </row>
    <row r="11347" spans="1:2" x14ac:dyDescent="0.3">
      <c r="A11347" s="11"/>
      <c r="B11347" s="8"/>
    </row>
    <row r="11348" spans="1:2" x14ac:dyDescent="0.3">
      <c r="A11348" s="11"/>
      <c r="B11348" s="8"/>
    </row>
    <row r="11349" spans="1:2" x14ac:dyDescent="0.3">
      <c r="A11349" s="11"/>
      <c r="B11349" s="8"/>
    </row>
    <row r="11350" spans="1:2" x14ac:dyDescent="0.3">
      <c r="A11350" s="11"/>
      <c r="B11350" s="8"/>
    </row>
    <row r="11351" spans="1:2" x14ac:dyDescent="0.3">
      <c r="A11351" s="11"/>
      <c r="B11351" s="8"/>
    </row>
    <row r="11352" spans="1:2" x14ac:dyDescent="0.3">
      <c r="A11352" s="11"/>
      <c r="B11352" s="8"/>
    </row>
    <row r="11353" spans="1:2" x14ac:dyDescent="0.3">
      <c r="A11353" s="11"/>
      <c r="B11353" s="8"/>
    </row>
    <row r="11354" spans="1:2" x14ac:dyDescent="0.3">
      <c r="A11354" s="11"/>
      <c r="B11354" s="8"/>
    </row>
    <row r="11355" spans="1:2" x14ac:dyDescent="0.3">
      <c r="A11355" s="11"/>
      <c r="B11355" s="8"/>
    </row>
    <row r="11356" spans="1:2" x14ac:dyDescent="0.3">
      <c r="A11356" s="11"/>
      <c r="B11356" s="8"/>
    </row>
    <row r="11357" spans="1:2" x14ac:dyDescent="0.3">
      <c r="A11357" s="11"/>
      <c r="B11357" s="8"/>
    </row>
    <row r="11358" spans="1:2" x14ac:dyDescent="0.3">
      <c r="A11358" s="11"/>
      <c r="B11358" s="8"/>
    </row>
    <row r="11359" spans="1:2" x14ac:dyDescent="0.3">
      <c r="A11359" s="11"/>
      <c r="B11359" s="8"/>
    </row>
    <row r="11360" spans="1:2" x14ac:dyDescent="0.3">
      <c r="A11360" s="11"/>
      <c r="B11360" s="8"/>
    </row>
    <row r="11361" spans="1:2" x14ac:dyDescent="0.3">
      <c r="A11361" s="11"/>
      <c r="B11361" s="8"/>
    </row>
    <row r="11362" spans="1:2" x14ac:dyDescent="0.3">
      <c r="A11362" s="11"/>
      <c r="B11362" s="8"/>
    </row>
    <row r="11363" spans="1:2" x14ac:dyDescent="0.3">
      <c r="A11363" s="11"/>
      <c r="B11363" s="8"/>
    </row>
    <row r="11364" spans="1:2" x14ac:dyDescent="0.3">
      <c r="A11364" s="11"/>
      <c r="B11364" s="8"/>
    </row>
    <row r="11365" spans="1:2" x14ac:dyDescent="0.3">
      <c r="A11365" s="11"/>
      <c r="B11365" s="8"/>
    </row>
    <row r="11366" spans="1:2" x14ac:dyDescent="0.3">
      <c r="A11366" s="11"/>
      <c r="B11366" s="8"/>
    </row>
    <row r="11367" spans="1:2" x14ac:dyDescent="0.3">
      <c r="A11367" s="11"/>
      <c r="B11367" s="8"/>
    </row>
    <row r="11368" spans="1:2" x14ac:dyDescent="0.3">
      <c r="A11368" s="11"/>
      <c r="B11368" s="8"/>
    </row>
    <row r="11369" spans="1:2" x14ac:dyDescent="0.3">
      <c r="A11369" s="11"/>
      <c r="B11369" s="8"/>
    </row>
    <row r="11370" spans="1:2" x14ac:dyDescent="0.3">
      <c r="A11370" s="11"/>
      <c r="B11370" s="8"/>
    </row>
    <row r="11371" spans="1:2" x14ac:dyDescent="0.3">
      <c r="A11371" s="11"/>
      <c r="B11371" s="8"/>
    </row>
    <row r="11372" spans="1:2" x14ac:dyDescent="0.3">
      <c r="A11372" s="11"/>
      <c r="B11372" s="8"/>
    </row>
    <row r="11373" spans="1:2" x14ac:dyDescent="0.3">
      <c r="A11373" s="11"/>
      <c r="B11373" s="8"/>
    </row>
    <row r="11374" spans="1:2" x14ac:dyDescent="0.3">
      <c r="A11374" s="11"/>
      <c r="B11374" s="8"/>
    </row>
    <row r="11375" spans="1:2" x14ac:dyDescent="0.3">
      <c r="A11375" s="11"/>
      <c r="B11375" s="8"/>
    </row>
    <row r="11376" spans="1:2" x14ac:dyDescent="0.3">
      <c r="A11376" s="11"/>
      <c r="B11376" s="8"/>
    </row>
    <row r="11377" spans="1:2" x14ac:dyDescent="0.3">
      <c r="A11377" s="11"/>
      <c r="B11377" s="8"/>
    </row>
    <row r="11378" spans="1:2" x14ac:dyDescent="0.3">
      <c r="A11378" s="11"/>
      <c r="B11378" s="8"/>
    </row>
    <row r="11379" spans="1:2" x14ac:dyDescent="0.3">
      <c r="A11379" s="11"/>
      <c r="B11379" s="8"/>
    </row>
    <row r="11380" spans="1:2" x14ac:dyDescent="0.3">
      <c r="A11380" s="11"/>
      <c r="B11380" s="8"/>
    </row>
    <row r="11381" spans="1:2" x14ac:dyDescent="0.3">
      <c r="A11381" s="11"/>
      <c r="B11381" s="8"/>
    </row>
    <row r="11382" spans="1:2" x14ac:dyDescent="0.3">
      <c r="A11382" s="11"/>
      <c r="B11382" s="8"/>
    </row>
    <row r="11383" spans="1:2" x14ac:dyDescent="0.3">
      <c r="A11383" s="11"/>
      <c r="B11383" s="8"/>
    </row>
    <row r="11384" spans="1:2" x14ac:dyDescent="0.3">
      <c r="A11384" s="11"/>
      <c r="B11384" s="8"/>
    </row>
    <row r="11385" spans="1:2" x14ac:dyDescent="0.3">
      <c r="A11385" s="11"/>
      <c r="B11385" s="8"/>
    </row>
    <row r="11386" spans="1:2" x14ac:dyDescent="0.3">
      <c r="A11386" s="11"/>
      <c r="B11386" s="8"/>
    </row>
    <row r="11387" spans="1:2" x14ac:dyDescent="0.3">
      <c r="A11387" s="11"/>
      <c r="B11387" s="8"/>
    </row>
    <row r="11388" spans="1:2" x14ac:dyDescent="0.3">
      <c r="A11388" s="11"/>
      <c r="B11388" s="8"/>
    </row>
    <row r="11389" spans="1:2" x14ac:dyDescent="0.3">
      <c r="A11389" s="11"/>
      <c r="B11389" s="8"/>
    </row>
    <row r="11390" spans="1:2" x14ac:dyDescent="0.3">
      <c r="A11390" s="11"/>
      <c r="B11390" s="8"/>
    </row>
    <row r="11391" spans="1:2" x14ac:dyDescent="0.3">
      <c r="A11391" s="11"/>
      <c r="B11391" s="8"/>
    </row>
    <row r="11392" spans="1:2" x14ac:dyDescent="0.3">
      <c r="A11392" s="11"/>
      <c r="B11392" s="8"/>
    </row>
    <row r="11393" spans="1:2" x14ac:dyDescent="0.3">
      <c r="A11393" s="11"/>
      <c r="B11393" s="8"/>
    </row>
    <row r="11394" spans="1:2" x14ac:dyDescent="0.3">
      <c r="A11394" s="11"/>
      <c r="B11394" s="8"/>
    </row>
    <row r="11395" spans="1:2" x14ac:dyDescent="0.3">
      <c r="A11395" s="11"/>
      <c r="B11395" s="8"/>
    </row>
    <row r="11396" spans="1:2" x14ac:dyDescent="0.3">
      <c r="A11396" s="11"/>
      <c r="B11396" s="8"/>
    </row>
    <row r="11397" spans="1:2" x14ac:dyDescent="0.3">
      <c r="A11397" s="11"/>
      <c r="B11397" s="8"/>
    </row>
    <row r="11398" spans="1:2" x14ac:dyDescent="0.3">
      <c r="A11398" s="11"/>
      <c r="B11398" s="8"/>
    </row>
    <row r="11399" spans="1:2" x14ac:dyDescent="0.3">
      <c r="A11399" s="11"/>
      <c r="B11399" s="8"/>
    </row>
    <row r="11400" spans="1:2" x14ac:dyDescent="0.3">
      <c r="A11400" s="11"/>
      <c r="B11400" s="8"/>
    </row>
    <row r="11401" spans="1:2" x14ac:dyDescent="0.3">
      <c r="A11401" s="11"/>
      <c r="B11401" s="8"/>
    </row>
    <row r="11402" spans="1:2" x14ac:dyDescent="0.3">
      <c r="A11402" s="11"/>
      <c r="B11402" s="8"/>
    </row>
    <row r="11403" spans="1:2" x14ac:dyDescent="0.3">
      <c r="A11403" s="11"/>
      <c r="B11403" s="8"/>
    </row>
    <row r="11404" spans="1:2" x14ac:dyDescent="0.3">
      <c r="A11404" s="11"/>
      <c r="B11404" s="8"/>
    </row>
    <row r="11405" spans="1:2" x14ac:dyDescent="0.3">
      <c r="A11405" s="11"/>
      <c r="B11405" s="8"/>
    </row>
    <row r="11406" spans="1:2" x14ac:dyDescent="0.3">
      <c r="A11406" s="11"/>
      <c r="B11406" s="8"/>
    </row>
    <row r="11407" spans="1:2" x14ac:dyDescent="0.3">
      <c r="A11407" s="11"/>
      <c r="B11407" s="8"/>
    </row>
    <row r="11408" spans="1:2" x14ac:dyDescent="0.3">
      <c r="A11408" s="11"/>
      <c r="B11408" s="8"/>
    </row>
    <row r="11409" spans="1:2" x14ac:dyDescent="0.3">
      <c r="A11409" s="11"/>
      <c r="B11409" s="8"/>
    </row>
    <row r="11410" spans="1:2" x14ac:dyDescent="0.3">
      <c r="A11410" s="11"/>
      <c r="B11410" s="8"/>
    </row>
    <row r="11411" spans="1:2" x14ac:dyDescent="0.3">
      <c r="A11411" s="11"/>
      <c r="B11411" s="8"/>
    </row>
    <row r="11412" spans="1:2" x14ac:dyDescent="0.3">
      <c r="A11412" s="11"/>
      <c r="B11412" s="8"/>
    </row>
    <row r="11413" spans="1:2" x14ac:dyDescent="0.3">
      <c r="A11413" s="11"/>
      <c r="B11413" s="8"/>
    </row>
    <row r="11414" spans="1:2" x14ac:dyDescent="0.3">
      <c r="A11414" s="11"/>
      <c r="B11414" s="8"/>
    </row>
    <row r="11415" spans="1:2" x14ac:dyDescent="0.3">
      <c r="A11415" s="11"/>
      <c r="B11415" s="8"/>
    </row>
    <row r="11416" spans="1:2" x14ac:dyDescent="0.3">
      <c r="A11416" s="11"/>
      <c r="B11416" s="8"/>
    </row>
    <row r="11417" spans="1:2" x14ac:dyDescent="0.3">
      <c r="A11417" s="11"/>
      <c r="B11417" s="8"/>
    </row>
    <row r="11418" spans="1:2" x14ac:dyDescent="0.3">
      <c r="A11418" s="11"/>
      <c r="B11418" s="8"/>
    </row>
    <row r="11419" spans="1:2" x14ac:dyDescent="0.3">
      <c r="A11419" s="11"/>
      <c r="B11419" s="8"/>
    </row>
    <row r="11420" spans="1:2" x14ac:dyDescent="0.3">
      <c r="A11420" s="11"/>
      <c r="B11420" s="8"/>
    </row>
    <row r="11421" spans="1:2" x14ac:dyDescent="0.3">
      <c r="A11421" s="11"/>
      <c r="B11421" s="8"/>
    </row>
    <row r="11422" spans="1:2" x14ac:dyDescent="0.3">
      <c r="A11422" s="11"/>
      <c r="B11422" s="8"/>
    </row>
    <row r="11423" spans="1:2" x14ac:dyDescent="0.3">
      <c r="A11423" s="11"/>
      <c r="B11423" s="8"/>
    </row>
    <row r="11424" spans="1:2" x14ac:dyDescent="0.3">
      <c r="A11424" s="11"/>
      <c r="B11424" s="8"/>
    </row>
    <row r="11425" spans="1:2" x14ac:dyDescent="0.3">
      <c r="A11425" s="11"/>
      <c r="B11425" s="8"/>
    </row>
    <row r="11426" spans="1:2" x14ac:dyDescent="0.3">
      <c r="A11426" s="11"/>
      <c r="B11426" s="8"/>
    </row>
    <row r="11427" spans="1:2" x14ac:dyDescent="0.3">
      <c r="A11427" s="11"/>
      <c r="B11427" s="8"/>
    </row>
    <row r="11428" spans="1:2" x14ac:dyDescent="0.3">
      <c r="A11428" s="11"/>
      <c r="B11428" s="8"/>
    </row>
    <row r="11429" spans="1:2" x14ac:dyDescent="0.3">
      <c r="A11429" s="11"/>
      <c r="B11429" s="8"/>
    </row>
    <row r="11430" spans="1:2" x14ac:dyDescent="0.3">
      <c r="A11430" s="11"/>
      <c r="B11430" s="8"/>
    </row>
    <row r="11431" spans="1:2" x14ac:dyDescent="0.3">
      <c r="A11431" s="11"/>
      <c r="B11431" s="8"/>
    </row>
    <row r="11432" spans="1:2" x14ac:dyDescent="0.3">
      <c r="A11432" s="11"/>
      <c r="B11432" s="8"/>
    </row>
    <row r="11433" spans="1:2" x14ac:dyDescent="0.3">
      <c r="A11433" s="11"/>
      <c r="B11433" s="8"/>
    </row>
    <row r="11434" spans="1:2" x14ac:dyDescent="0.3">
      <c r="A11434" s="11"/>
      <c r="B11434" s="8"/>
    </row>
    <row r="11435" spans="1:2" x14ac:dyDescent="0.3">
      <c r="A11435" s="11"/>
      <c r="B11435" s="8"/>
    </row>
    <row r="11436" spans="1:2" x14ac:dyDescent="0.3">
      <c r="A11436" s="11"/>
      <c r="B11436" s="8"/>
    </row>
    <row r="11437" spans="1:2" x14ac:dyDescent="0.3">
      <c r="A11437" s="11"/>
      <c r="B11437" s="8"/>
    </row>
    <row r="11438" spans="1:2" x14ac:dyDescent="0.3">
      <c r="A11438" s="11"/>
      <c r="B11438" s="8"/>
    </row>
    <row r="11439" spans="1:2" x14ac:dyDescent="0.3">
      <c r="A11439" s="11"/>
      <c r="B11439" s="8"/>
    </row>
    <row r="11440" spans="1:2" x14ac:dyDescent="0.3">
      <c r="A11440" s="11"/>
      <c r="B11440" s="8"/>
    </row>
    <row r="11441" spans="1:2" x14ac:dyDescent="0.3">
      <c r="A11441" s="11"/>
      <c r="B11441" s="8"/>
    </row>
    <row r="11442" spans="1:2" x14ac:dyDescent="0.3">
      <c r="A11442" s="11"/>
      <c r="B11442" s="8"/>
    </row>
    <row r="11443" spans="1:2" x14ac:dyDescent="0.3">
      <c r="A11443" s="11"/>
      <c r="B11443" s="8"/>
    </row>
    <row r="11444" spans="1:2" x14ac:dyDescent="0.3">
      <c r="A11444" s="11"/>
      <c r="B11444" s="8"/>
    </row>
    <row r="11445" spans="1:2" x14ac:dyDescent="0.3">
      <c r="A11445" s="11"/>
      <c r="B11445" s="8"/>
    </row>
    <row r="11446" spans="1:2" x14ac:dyDescent="0.3">
      <c r="A11446" s="11"/>
      <c r="B11446" s="8"/>
    </row>
    <row r="11447" spans="1:2" x14ac:dyDescent="0.3">
      <c r="A11447" s="11"/>
      <c r="B11447" s="8"/>
    </row>
    <row r="11448" spans="1:2" x14ac:dyDescent="0.3">
      <c r="A11448" s="11"/>
      <c r="B11448" s="8"/>
    </row>
    <row r="11449" spans="1:2" x14ac:dyDescent="0.3">
      <c r="A11449" s="11"/>
      <c r="B11449" s="8"/>
    </row>
    <row r="11450" spans="1:2" x14ac:dyDescent="0.3">
      <c r="A11450" s="11"/>
      <c r="B11450" s="8"/>
    </row>
    <row r="11451" spans="1:2" x14ac:dyDescent="0.3">
      <c r="A11451" s="11"/>
      <c r="B11451" s="8"/>
    </row>
    <row r="11452" spans="1:2" x14ac:dyDescent="0.3">
      <c r="A11452" s="11"/>
      <c r="B11452" s="8"/>
    </row>
    <row r="11453" spans="1:2" x14ac:dyDescent="0.3">
      <c r="A11453" s="11"/>
      <c r="B11453" s="8"/>
    </row>
    <row r="11454" spans="1:2" x14ac:dyDescent="0.3">
      <c r="A11454" s="11"/>
      <c r="B11454" s="8"/>
    </row>
    <row r="11455" spans="1:2" x14ac:dyDescent="0.3">
      <c r="A11455" s="11"/>
      <c r="B11455" s="8"/>
    </row>
    <row r="11456" spans="1:2" x14ac:dyDescent="0.3">
      <c r="A11456" s="11"/>
      <c r="B11456" s="8"/>
    </row>
    <row r="11457" spans="1:2" x14ac:dyDescent="0.3">
      <c r="A11457" s="11"/>
      <c r="B11457" s="8"/>
    </row>
    <row r="11458" spans="1:2" x14ac:dyDescent="0.3">
      <c r="A11458" s="11"/>
      <c r="B11458" s="8"/>
    </row>
    <row r="11459" spans="1:2" x14ac:dyDescent="0.3">
      <c r="A11459" s="11"/>
      <c r="B11459" s="8"/>
    </row>
    <row r="11460" spans="1:2" x14ac:dyDescent="0.3">
      <c r="A11460" s="11"/>
      <c r="B11460" s="8"/>
    </row>
    <row r="11461" spans="1:2" x14ac:dyDescent="0.3">
      <c r="A11461" s="11"/>
      <c r="B11461" s="8"/>
    </row>
    <row r="11462" spans="1:2" x14ac:dyDescent="0.3">
      <c r="A11462" s="11"/>
      <c r="B11462" s="8"/>
    </row>
    <row r="11463" spans="1:2" x14ac:dyDescent="0.3">
      <c r="A11463" s="11"/>
      <c r="B11463" s="8"/>
    </row>
    <row r="11464" spans="1:2" x14ac:dyDescent="0.3">
      <c r="A11464" s="11"/>
      <c r="B11464" s="8"/>
    </row>
    <row r="11465" spans="1:2" x14ac:dyDescent="0.3">
      <c r="A11465" s="11"/>
      <c r="B11465" s="8"/>
    </row>
    <row r="11466" spans="1:2" x14ac:dyDescent="0.3">
      <c r="A11466" s="11"/>
      <c r="B11466" s="8"/>
    </row>
    <row r="11467" spans="1:2" x14ac:dyDescent="0.3">
      <c r="A11467" s="11"/>
      <c r="B11467" s="8"/>
    </row>
    <row r="11468" spans="1:2" x14ac:dyDescent="0.3">
      <c r="A11468" s="11"/>
      <c r="B11468" s="8"/>
    </row>
    <row r="11469" spans="1:2" x14ac:dyDescent="0.3">
      <c r="A11469" s="11"/>
      <c r="B11469" s="8"/>
    </row>
    <row r="11470" spans="1:2" x14ac:dyDescent="0.3">
      <c r="A11470" s="11"/>
      <c r="B11470" s="8"/>
    </row>
    <row r="11471" spans="1:2" x14ac:dyDescent="0.3">
      <c r="A11471" s="11"/>
      <c r="B11471" s="8"/>
    </row>
    <row r="11472" spans="1:2" x14ac:dyDescent="0.3">
      <c r="A11472" s="11"/>
      <c r="B11472" s="8"/>
    </row>
    <row r="11473" spans="1:2" x14ac:dyDescent="0.3">
      <c r="A11473" s="11"/>
      <c r="B11473" s="8"/>
    </row>
    <row r="11474" spans="1:2" x14ac:dyDescent="0.3">
      <c r="A11474" s="11"/>
      <c r="B11474" s="8"/>
    </row>
    <row r="11475" spans="1:2" x14ac:dyDescent="0.3">
      <c r="A11475" s="11"/>
      <c r="B11475" s="8"/>
    </row>
    <row r="11476" spans="1:2" x14ac:dyDescent="0.3">
      <c r="A11476" s="11"/>
      <c r="B11476" s="8"/>
    </row>
    <row r="11477" spans="1:2" x14ac:dyDescent="0.3">
      <c r="A11477" s="11"/>
      <c r="B11477" s="8"/>
    </row>
    <row r="11478" spans="1:2" x14ac:dyDescent="0.3">
      <c r="A11478" s="11"/>
      <c r="B11478" s="8"/>
    </row>
    <row r="11479" spans="1:2" x14ac:dyDescent="0.3">
      <c r="A11479" s="11"/>
      <c r="B11479" s="8"/>
    </row>
    <row r="11480" spans="1:2" x14ac:dyDescent="0.3">
      <c r="A11480" s="11"/>
      <c r="B11480" s="8"/>
    </row>
    <row r="11481" spans="1:2" x14ac:dyDescent="0.3">
      <c r="A11481" s="11"/>
      <c r="B11481" s="8"/>
    </row>
    <row r="11482" spans="1:2" x14ac:dyDescent="0.3">
      <c r="A11482" s="11"/>
      <c r="B11482" s="8"/>
    </row>
    <row r="11483" spans="1:2" x14ac:dyDescent="0.3">
      <c r="A11483" s="11"/>
      <c r="B11483" s="8"/>
    </row>
    <row r="11484" spans="1:2" x14ac:dyDescent="0.3">
      <c r="A11484" s="11"/>
      <c r="B11484" s="8"/>
    </row>
    <row r="11485" spans="1:2" x14ac:dyDescent="0.3">
      <c r="A11485" s="11"/>
      <c r="B11485" s="8"/>
    </row>
    <row r="11486" spans="1:2" x14ac:dyDescent="0.3">
      <c r="A11486" s="11"/>
      <c r="B11486" s="8"/>
    </row>
    <row r="11487" spans="1:2" x14ac:dyDescent="0.3">
      <c r="A11487" s="11"/>
      <c r="B11487" s="8"/>
    </row>
    <row r="11488" spans="1:2" x14ac:dyDescent="0.3">
      <c r="A11488" s="11"/>
      <c r="B11488" s="8"/>
    </row>
    <row r="11489" spans="1:2" x14ac:dyDescent="0.3">
      <c r="A11489" s="11"/>
      <c r="B11489" s="8"/>
    </row>
    <row r="11490" spans="1:2" x14ac:dyDescent="0.3">
      <c r="A11490" s="11"/>
      <c r="B11490" s="8"/>
    </row>
    <row r="11491" spans="1:2" x14ac:dyDescent="0.3">
      <c r="A11491" s="11"/>
      <c r="B11491" s="8"/>
    </row>
    <row r="11492" spans="1:2" x14ac:dyDescent="0.3">
      <c r="A11492" s="11"/>
      <c r="B11492" s="8"/>
    </row>
    <row r="11493" spans="1:2" x14ac:dyDescent="0.3">
      <c r="A11493" s="11"/>
      <c r="B11493" s="8"/>
    </row>
    <row r="11494" spans="1:2" x14ac:dyDescent="0.3">
      <c r="A11494" s="11"/>
      <c r="B11494" s="8"/>
    </row>
    <row r="11495" spans="1:2" x14ac:dyDescent="0.3">
      <c r="A11495" s="11"/>
      <c r="B11495" s="8"/>
    </row>
    <row r="11496" spans="1:2" x14ac:dyDescent="0.3">
      <c r="A11496" s="11"/>
      <c r="B11496" s="8"/>
    </row>
    <row r="11497" spans="1:2" x14ac:dyDescent="0.3">
      <c r="A11497" s="11"/>
      <c r="B11497" s="8"/>
    </row>
    <row r="11498" spans="1:2" x14ac:dyDescent="0.3">
      <c r="A11498" s="11"/>
      <c r="B11498" s="8"/>
    </row>
    <row r="11499" spans="1:2" x14ac:dyDescent="0.3">
      <c r="A11499" s="11"/>
      <c r="B11499" s="8"/>
    </row>
    <row r="11500" spans="1:2" x14ac:dyDescent="0.3">
      <c r="A11500" s="11"/>
      <c r="B11500" s="8"/>
    </row>
    <row r="11501" spans="1:2" x14ac:dyDescent="0.3">
      <c r="A11501" s="11"/>
      <c r="B11501" s="8"/>
    </row>
    <row r="11502" spans="1:2" x14ac:dyDescent="0.3">
      <c r="A11502" s="11"/>
      <c r="B11502" s="8"/>
    </row>
    <row r="11503" spans="1:2" x14ac:dyDescent="0.3">
      <c r="A11503" s="11"/>
      <c r="B11503" s="8"/>
    </row>
    <row r="11504" spans="1:2" x14ac:dyDescent="0.3">
      <c r="A11504" s="11"/>
      <c r="B11504" s="8"/>
    </row>
    <row r="11505" spans="1:2" x14ac:dyDescent="0.3">
      <c r="A11505" s="11"/>
      <c r="B11505" s="8"/>
    </row>
    <row r="11506" spans="1:2" x14ac:dyDescent="0.3">
      <c r="A11506" s="11"/>
      <c r="B11506" s="8"/>
    </row>
    <row r="11507" spans="1:2" x14ac:dyDescent="0.3">
      <c r="A11507" s="11"/>
      <c r="B11507" s="8"/>
    </row>
    <row r="11508" spans="1:2" x14ac:dyDescent="0.3">
      <c r="A11508" s="11"/>
      <c r="B11508" s="8"/>
    </row>
    <row r="11509" spans="1:2" x14ac:dyDescent="0.3">
      <c r="A11509" s="11"/>
      <c r="B11509" s="8"/>
    </row>
    <row r="11510" spans="1:2" x14ac:dyDescent="0.3">
      <c r="A11510" s="11"/>
      <c r="B11510" s="8"/>
    </row>
    <row r="11511" spans="1:2" x14ac:dyDescent="0.3">
      <c r="A11511" s="11"/>
      <c r="B11511" s="8"/>
    </row>
    <row r="11512" spans="1:2" x14ac:dyDescent="0.3">
      <c r="A11512" s="11"/>
      <c r="B11512" s="8"/>
    </row>
    <row r="11513" spans="1:2" x14ac:dyDescent="0.3">
      <c r="A11513" s="11"/>
      <c r="B11513" s="8"/>
    </row>
    <row r="11514" spans="1:2" x14ac:dyDescent="0.3">
      <c r="A11514" s="11"/>
      <c r="B11514" s="8"/>
    </row>
    <row r="11515" spans="1:2" x14ac:dyDescent="0.3">
      <c r="A11515" s="11"/>
      <c r="B11515" s="8"/>
    </row>
    <row r="11516" spans="1:2" x14ac:dyDescent="0.3">
      <c r="A11516" s="11"/>
      <c r="B11516" s="8"/>
    </row>
    <row r="11517" spans="1:2" x14ac:dyDescent="0.3">
      <c r="A11517" s="11"/>
      <c r="B11517" s="8"/>
    </row>
    <row r="11518" spans="1:2" x14ac:dyDescent="0.3">
      <c r="A11518" s="11"/>
      <c r="B11518" s="8"/>
    </row>
    <row r="11519" spans="1:2" x14ac:dyDescent="0.3">
      <c r="A11519" s="11"/>
      <c r="B11519" s="8"/>
    </row>
    <row r="11520" spans="1:2" x14ac:dyDescent="0.3">
      <c r="A11520" s="11"/>
      <c r="B11520" s="8"/>
    </row>
    <row r="11521" spans="1:2" x14ac:dyDescent="0.3">
      <c r="A11521" s="11"/>
      <c r="B11521" s="8"/>
    </row>
    <row r="11522" spans="1:2" x14ac:dyDescent="0.3">
      <c r="A11522" s="11"/>
      <c r="B11522" s="8"/>
    </row>
    <row r="11523" spans="1:2" x14ac:dyDescent="0.3">
      <c r="A11523" s="11"/>
      <c r="B11523" s="8"/>
    </row>
    <row r="11524" spans="1:2" x14ac:dyDescent="0.3">
      <c r="A11524" s="11"/>
      <c r="B11524" s="8"/>
    </row>
    <row r="11525" spans="1:2" x14ac:dyDescent="0.3">
      <c r="A11525" s="11"/>
      <c r="B11525" s="8"/>
    </row>
    <row r="11526" spans="1:2" x14ac:dyDescent="0.3">
      <c r="A11526" s="11"/>
      <c r="B11526" s="8"/>
    </row>
    <row r="11527" spans="1:2" x14ac:dyDescent="0.3">
      <c r="A11527" s="11"/>
      <c r="B11527" s="8"/>
    </row>
    <row r="11528" spans="1:2" x14ac:dyDescent="0.3">
      <c r="A11528" s="11"/>
      <c r="B11528" s="8"/>
    </row>
    <row r="11529" spans="1:2" x14ac:dyDescent="0.3">
      <c r="A11529" s="11"/>
      <c r="B11529" s="8"/>
    </row>
    <row r="11530" spans="1:2" x14ac:dyDescent="0.3">
      <c r="A11530" s="11"/>
      <c r="B11530" s="8"/>
    </row>
    <row r="11531" spans="1:2" x14ac:dyDescent="0.3">
      <c r="A11531" s="11"/>
      <c r="B11531" s="8"/>
    </row>
    <row r="11532" spans="1:2" x14ac:dyDescent="0.3">
      <c r="A11532" s="11"/>
      <c r="B11532" s="8"/>
    </row>
    <row r="11533" spans="1:2" x14ac:dyDescent="0.3">
      <c r="A11533" s="11"/>
      <c r="B11533" s="8"/>
    </row>
    <row r="11534" spans="1:2" x14ac:dyDescent="0.3">
      <c r="A11534" s="11"/>
      <c r="B11534" s="8"/>
    </row>
    <row r="11535" spans="1:2" x14ac:dyDescent="0.3">
      <c r="A11535" s="11"/>
      <c r="B11535" s="8"/>
    </row>
    <row r="11536" spans="1:2" x14ac:dyDescent="0.3">
      <c r="A11536" s="11"/>
      <c r="B11536" s="8"/>
    </row>
    <row r="11537" spans="1:2" x14ac:dyDescent="0.3">
      <c r="A11537" s="11"/>
      <c r="B11537" s="8"/>
    </row>
    <row r="11538" spans="1:2" x14ac:dyDescent="0.3">
      <c r="A11538" s="11"/>
      <c r="B11538" s="8"/>
    </row>
    <row r="11539" spans="1:2" x14ac:dyDescent="0.3">
      <c r="A11539" s="11"/>
      <c r="B11539" s="8"/>
    </row>
    <row r="11540" spans="1:2" x14ac:dyDescent="0.3">
      <c r="A11540" s="11"/>
      <c r="B11540" s="8"/>
    </row>
    <row r="11541" spans="1:2" x14ac:dyDescent="0.3">
      <c r="A11541" s="11"/>
      <c r="B11541" s="8"/>
    </row>
    <row r="11542" spans="1:2" x14ac:dyDescent="0.3">
      <c r="A11542" s="11"/>
      <c r="B11542" s="8"/>
    </row>
    <row r="11543" spans="1:2" x14ac:dyDescent="0.3">
      <c r="A11543" s="11"/>
      <c r="B11543" s="8"/>
    </row>
    <row r="11544" spans="1:2" x14ac:dyDescent="0.3">
      <c r="A11544" s="11"/>
      <c r="B11544" s="8"/>
    </row>
    <row r="11545" spans="1:2" x14ac:dyDescent="0.3">
      <c r="A11545" s="11"/>
      <c r="B11545" s="8"/>
    </row>
    <row r="11546" spans="1:2" x14ac:dyDescent="0.3">
      <c r="A11546" s="11"/>
      <c r="B11546" s="8"/>
    </row>
    <row r="11547" spans="1:2" x14ac:dyDescent="0.3">
      <c r="A11547" s="11"/>
      <c r="B11547" s="8"/>
    </row>
    <row r="11548" spans="1:2" x14ac:dyDescent="0.3">
      <c r="A11548" s="11"/>
      <c r="B11548" s="8"/>
    </row>
    <row r="11549" spans="1:2" x14ac:dyDescent="0.3">
      <c r="A11549" s="11"/>
      <c r="B11549" s="8"/>
    </row>
    <row r="11550" spans="1:2" x14ac:dyDescent="0.3">
      <c r="A11550" s="11"/>
      <c r="B11550" s="8"/>
    </row>
    <row r="11551" spans="1:2" x14ac:dyDescent="0.3">
      <c r="A11551" s="11"/>
      <c r="B11551" s="8"/>
    </row>
    <row r="11552" spans="1:2" x14ac:dyDescent="0.3">
      <c r="A11552" s="11"/>
      <c r="B11552" s="8"/>
    </row>
    <row r="11553" spans="1:2" x14ac:dyDescent="0.3">
      <c r="A11553" s="11"/>
      <c r="B11553" s="8"/>
    </row>
    <row r="11554" spans="1:2" x14ac:dyDescent="0.3">
      <c r="A11554" s="11"/>
      <c r="B11554" s="8"/>
    </row>
    <row r="11555" spans="1:2" x14ac:dyDescent="0.3">
      <c r="A11555" s="11"/>
      <c r="B11555" s="8"/>
    </row>
    <row r="11556" spans="1:2" x14ac:dyDescent="0.3">
      <c r="A11556" s="11"/>
      <c r="B11556" s="8"/>
    </row>
    <row r="11557" spans="1:2" x14ac:dyDescent="0.3">
      <c r="A11557" s="11"/>
      <c r="B11557" s="8"/>
    </row>
    <row r="11558" spans="1:2" x14ac:dyDescent="0.3">
      <c r="A11558" s="11"/>
      <c r="B11558" s="8"/>
    </row>
    <row r="11559" spans="1:2" x14ac:dyDescent="0.3">
      <c r="A11559" s="11"/>
      <c r="B11559" s="8"/>
    </row>
    <row r="11560" spans="1:2" x14ac:dyDescent="0.3">
      <c r="A11560" s="11"/>
      <c r="B11560" s="8"/>
    </row>
    <row r="11561" spans="1:2" x14ac:dyDescent="0.3">
      <c r="A11561" s="11"/>
      <c r="B11561" s="8"/>
    </row>
    <row r="11562" spans="1:2" x14ac:dyDescent="0.3">
      <c r="A11562" s="11"/>
      <c r="B11562" s="8"/>
    </row>
    <row r="11563" spans="1:2" x14ac:dyDescent="0.3">
      <c r="A11563" s="11"/>
      <c r="B11563" s="8"/>
    </row>
    <row r="11564" spans="1:2" x14ac:dyDescent="0.3">
      <c r="A11564" s="11"/>
      <c r="B11564" s="8"/>
    </row>
    <row r="11565" spans="1:2" x14ac:dyDescent="0.3">
      <c r="A11565" s="11"/>
      <c r="B11565" s="8"/>
    </row>
    <row r="11566" spans="1:2" x14ac:dyDescent="0.3">
      <c r="A11566" s="11"/>
      <c r="B11566" s="8"/>
    </row>
    <row r="11567" spans="1:2" x14ac:dyDescent="0.3">
      <c r="A11567" s="11"/>
      <c r="B11567" s="8"/>
    </row>
    <row r="11568" spans="1:2" x14ac:dyDescent="0.3">
      <c r="A11568" s="11"/>
      <c r="B11568" s="8"/>
    </row>
    <row r="11569" spans="1:2" x14ac:dyDescent="0.3">
      <c r="A11569" s="11"/>
      <c r="B11569" s="8"/>
    </row>
    <row r="11570" spans="1:2" x14ac:dyDescent="0.3">
      <c r="A11570" s="11"/>
      <c r="B11570" s="8"/>
    </row>
    <row r="11571" spans="1:2" x14ac:dyDescent="0.3">
      <c r="A11571" s="11"/>
      <c r="B11571" s="8"/>
    </row>
    <row r="11572" spans="1:2" x14ac:dyDescent="0.3">
      <c r="A11572" s="11"/>
      <c r="B11572" s="8"/>
    </row>
    <row r="11573" spans="1:2" x14ac:dyDescent="0.3">
      <c r="A11573" s="11"/>
      <c r="B11573" s="8"/>
    </row>
    <row r="11574" spans="1:2" x14ac:dyDescent="0.3">
      <c r="A11574" s="11"/>
      <c r="B11574" s="8"/>
    </row>
    <row r="11575" spans="1:2" x14ac:dyDescent="0.3">
      <c r="A11575" s="11"/>
      <c r="B11575" s="8"/>
    </row>
    <row r="11576" spans="1:2" x14ac:dyDescent="0.3">
      <c r="A11576" s="11"/>
      <c r="B11576" s="8"/>
    </row>
    <row r="11577" spans="1:2" x14ac:dyDescent="0.3">
      <c r="A11577" s="11"/>
      <c r="B11577" s="8"/>
    </row>
    <row r="11578" spans="1:2" x14ac:dyDescent="0.3">
      <c r="A11578" s="11"/>
      <c r="B11578" s="8"/>
    </row>
    <row r="11579" spans="1:2" x14ac:dyDescent="0.3">
      <c r="A11579" s="11"/>
      <c r="B11579" s="8"/>
    </row>
    <row r="11580" spans="1:2" x14ac:dyDescent="0.3">
      <c r="A11580" s="11"/>
      <c r="B11580" s="8"/>
    </row>
    <row r="11581" spans="1:2" x14ac:dyDescent="0.3">
      <c r="A11581" s="11"/>
      <c r="B11581" s="8"/>
    </row>
    <row r="11582" spans="1:2" x14ac:dyDescent="0.3">
      <c r="A11582" s="11"/>
      <c r="B11582" s="8"/>
    </row>
    <row r="11583" spans="1:2" x14ac:dyDescent="0.3">
      <c r="A11583" s="11"/>
      <c r="B11583" s="8"/>
    </row>
    <row r="11584" spans="1:2" x14ac:dyDescent="0.3">
      <c r="A11584" s="11"/>
      <c r="B11584" s="8"/>
    </row>
    <row r="11585" spans="1:2" x14ac:dyDescent="0.3">
      <c r="A11585" s="11"/>
      <c r="B11585" s="8"/>
    </row>
    <row r="11586" spans="1:2" x14ac:dyDescent="0.3">
      <c r="A11586" s="11"/>
      <c r="B11586" s="8"/>
    </row>
    <row r="11587" spans="1:2" x14ac:dyDescent="0.3">
      <c r="A11587" s="11"/>
      <c r="B11587" s="8"/>
    </row>
    <row r="11588" spans="1:2" x14ac:dyDescent="0.3">
      <c r="A11588" s="11"/>
      <c r="B11588" s="8"/>
    </row>
    <row r="11589" spans="1:2" x14ac:dyDescent="0.3">
      <c r="A11589" s="11"/>
      <c r="B11589" s="8"/>
    </row>
    <row r="11590" spans="1:2" x14ac:dyDescent="0.3">
      <c r="A11590" s="11"/>
      <c r="B11590" s="8"/>
    </row>
    <row r="11591" spans="1:2" x14ac:dyDescent="0.3">
      <c r="A11591" s="11"/>
      <c r="B11591" s="8"/>
    </row>
    <row r="11592" spans="1:2" x14ac:dyDescent="0.3">
      <c r="A11592" s="11"/>
      <c r="B11592" s="8"/>
    </row>
    <row r="11593" spans="1:2" x14ac:dyDescent="0.3">
      <c r="A11593" s="11"/>
      <c r="B11593" s="8"/>
    </row>
    <row r="11594" spans="1:2" x14ac:dyDescent="0.3">
      <c r="A11594" s="11"/>
      <c r="B11594" s="8"/>
    </row>
    <row r="11595" spans="1:2" x14ac:dyDescent="0.3">
      <c r="A11595" s="11"/>
      <c r="B11595" s="8"/>
    </row>
    <row r="11596" spans="1:2" x14ac:dyDescent="0.3">
      <c r="A11596" s="11"/>
      <c r="B11596" s="8"/>
    </row>
    <row r="11597" spans="1:2" x14ac:dyDescent="0.3">
      <c r="A11597" s="11"/>
      <c r="B11597" s="8"/>
    </row>
    <row r="11598" spans="1:2" x14ac:dyDescent="0.3">
      <c r="A11598" s="11"/>
      <c r="B11598" s="8"/>
    </row>
    <row r="11599" spans="1:2" x14ac:dyDescent="0.3">
      <c r="A11599" s="11"/>
      <c r="B11599" s="8"/>
    </row>
    <row r="11600" spans="1:2" x14ac:dyDescent="0.3">
      <c r="A11600" s="11"/>
      <c r="B11600" s="8"/>
    </row>
    <row r="11601" spans="1:2" x14ac:dyDescent="0.3">
      <c r="A11601" s="11"/>
      <c r="B11601" s="8"/>
    </row>
    <row r="11602" spans="1:2" x14ac:dyDescent="0.3">
      <c r="A11602" s="11"/>
      <c r="B11602" s="8"/>
    </row>
    <row r="11603" spans="1:2" x14ac:dyDescent="0.3">
      <c r="A11603" s="11"/>
      <c r="B11603" s="8"/>
    </row>
    <row r="11604" spans="1:2" x14ac:dyDescent="0.3">
      <c r="A11604" s="11"/>
      <c r="B11604" s="8"/>
    </row>
    <row r="11605" spans="1:2" x14ac:dyDescent="0.3">
      <c r="A11605" s="11"/>
      <c r="B11605" s="8"/>
    </row>
    <row r="11606" spans="1:2" x14ac:dyDescent="0.3">
      <c r="A11606" s="11"/>
      <c r="B11606" s="8"/>
    </row>
    <row r="11607" spans="1:2" x14ac:dyDescent="0.3">
      <c r="A11607" s="11"/>
      <c r="B11607" s="8"/>
    </row>
    <row r="11608" spans="1:2" x14ac:dyDescent="0.3">
      <c r="A11608" s="11"/>
      <c r="B11608" s="8"/>
    </row>
    <row r="11609" spans="1:2" x14ac:dyDescent="0.3">
      <c r="A11609" s="11"/>
      <c r="B11609" s="8"/>
    </row>
    <row r="11610" spans="1:2" x14ac:dyDescent="0.3">
      <c r="A11610" s="11"/>
      <c r="B11610" s="8"/>
    </row>
    <row r="11611" spans="1:2" x14ac:dyDescent="0.3">
      <c r="A11611" s="11"/>
      <c r="B11611" s="8"/>
    </row>
    <row r="11612" spans="1:2" x14ac:dyDescent="0.3">
      <c r="A11612" s="11"/>
      <c r="B11612" s="8"/>
    </row>
    <row r="11613" spans="1:2" x14ac:dyDescent="0.3">
      <c r="A11613" s="11"/>
      <c r="B11613" s="8"/>
    </row>
    <row r="11614" spans="1:2" x14ac:dyDescent="0.3">
      <c r="A11614" s="11"/>
      <c r="B11614" s="8"/>
    </row>
    <row r="11615" spans="1:2" x14ac:dyDescent="0.3">
      <c r="A11615" s="11"/>
      <c r="B11615" s="8"/>
    </row>
    <row r="11616" spans="1:2" x14ac:dyDescent="0.3">
      <c r="A11616" s="11"/>
      <c r="B11616" s="8"/>
    </row>
    <row r="11617" spans="1:2" x14ac:dyDescent="0.3">
      <c r="A11617" s="11"/>
      <c r="B11617" s="8"/>
    </row>
    <row r="11618" spans="1:2" x14ac:dyDescent="0.3">
      <c r="A11618" s="11"/>
      <c r="B11618" s="8"/>
    </row>
    <row r="11619" spans="1:2" x14ac:dyDescent="0.3">
      <c r="A11619" s="11"/>
      <c r="B11619" s="8"/>
    </row>
    <row r="11620" spans="1:2" x14ac:dyDescent="0.3">
      <c r="A11620" s="11"/>
      <c r="B11620" s="8"/>
    </row>
    <row r="11621" spans="1:2" x14ac:dyDescent="0.3">
      <c r="A11621" s="11"/>
      <c r="B11621" s="8"/>
    </row>
    <row r="11622" spans="1:2" x14ac:dyDescent="0.3">
      <c r="A11622" s="11"/>
      <c r="B11622" s="8"/>
    </row>
    <row r="11623" spans="1:2" x14ac:dyDescent="0.3">
      <c r="A11623" s="11"/>
      <c r="B11623" s="8"/>
    </row>
    <row r="11624" spans="1:2" x14ac:dyDescent="0.3">
      <c r="A11624" s="11"/>
      <c r="B11624" s="8"/>
    </row>
    <row r="11625" spans="1:2" x14ac:dyDescent="0.3">
      <c r="A11625" s="11"/>
      <c r="B11625" s="8"/>
    </row>
    <row r="11626" spans="1:2" x14ac:dyDescent="0.3">
      <c r="A11626" s="11"/>
      <c r="B11626" s="8"/>
    </row>
    <row r="11627" spans="1:2" x14ac:dyDescent="0.3">
      <c r="A11627" s="11"/>
      <c r="B11627" s="8"/>
    </row>
    <row r="11628" spans="1:2" x14ac:dyDescent="0.3">
      <c r="A11628" s="11"/>
      <c r="B11628" s="8"/>
    </row>
    <row r="11629" spans="1:2" x14ac:dyDescent="0.3">
      <c r="A11629" s="11"/>
      <c r="B11629" s="8"/>
    </row>
    <row r="11630" spans="1:2" x14ac:dyDescent="0.3">
      <c r="A11630" s="11"/>
      <c r="B11630" s="8"/>
    </row>
    <row r="11631" spans="1:2" x14ac:dyDescent="0.3">
      <c r="A11631" s="11"/>
      <c r="B11631" s="8"/>
    </row>
    <row r="11632" spans="1:2" x14ac:dyDescent="0.3">
      <c r="A11632" s="11"/>
      <c r="B11632" s="8"/>
    </row>
    <row r="11633" spans="1:2" x14ac:dyDescent="0.3">
      <c r="A11633" s="11"/>
      <c r="B11633" s="8"/>
    </row>
    <row r="11634" spans="1:2" x14ac:dyDescent="0.3">
      <c r="A11634" s="11"/>
      <c r="B11634" s="8"/>
    </row>
    <row r="11635" spans="1:2" x14ac:dyDescent="0.3">
      <c r="A11635" s="11"/>
      <c r="B11635" s="8"/>
    </row>
    <row r="11636" spans="1:2" x14ac:dyDescent="0.3">
      <c r="A11636" s="11"/>
      <c r="B11636" s="8"/>
    </row>
    <row r="11637" spans="1:2" x14ac:dyDescent="0.3">
      <c r="A11637" s="11"/>
      <c r="B11637" s="8"/>
    </row>
    <row r="11638" spans="1:2" x14ac:dyDescent="0.3">
      <c r="A11638" s="11"/>
      <c r="B11638" s="8"/>
    </row>
    <row r="11639" spans="1:2" x14ac:dyDescent="0.3">
      <c r="A11639" s="11"/>
      <c r="B11639" s="8"/>
    </row>
    <row r="11640" spans="1:2" x14ac:dyDescent="0.3">
      <c r="A11640" s="11"/>
      <c r="B11640" s="8"/>
    </row>
    <row r="11641" spans="1:2" x14ac:dyDescent="0.3">
      <c r="A11641" s="11"/>
      <c r="B11641" s="8"/>
    </row>
    <row r="11642" spans="1:2" x14ac:dyDescent="0.3">
      <c r="A11642" s="11"/>
      <c r="B11642" s="8"/>
    </row>
    <row r="11643" spans="1:2" x14ac:dyDescent="0.3">
      <c r="A11643" s="11"/>
      <c r="B11643" s="8"/>
    </row>
    <row r="11644" spans="1:2" x14ac:dyDescent="0.3">
      <c r="A11644" s="11"/>
      <c r="B11644" s="8"/>
    </row>
    <row r="11645" spans="1:2" x14ac:dyDescent="0.3">
      <c r="A11645" s="11"/>
      <c r="B11645" s="8"/>
    </row>
    <row r="11646" spans="1:2" x14ac:dyDescent="0.3">
      <c r="A11646" s="11"/>
      <c r="B11646" s="8"/>
    </row>
    <row r="11647" spans="1:2" x14ac:dyDescent="0.3">
      <c r="A11647" s="11"/>
      <c r="B11647" s="8"/>
    </row>
    <row r="11648" spans="1:2" x14ac:dyDescent="0.3">
      <c r="A11648" s="11"/>
      <c r="B11648" s="8"/>
    </row>
    <row r="11649" spans="1:2" x14ac:dyDescent="0.3">
      <c r="A11649" s="11"/>
      <c r="B11649" s="8"/>
    </row>
    <row r="11650" spans="1:2" x14ac:dyDescent="0.3">
      <c r="A11650" s="11"/>
      <c r="B11650" s="8"/>
    </row>
    <row r="11651" spans="1:2" x14ac:dyDescent="0.3">
      <c r="A11651" s="11"/>
      <c r="B11651" s="8"/>
    </row>
    <row r="11652" spans="1:2" x14ac:dyDescent="0.3">
      <c r="A11652" s="11"/>
      <c r="B11652" s="8"/>
    </row>
    <row r="11653" spans="1:2" x14ac:dyDescent="0.3">
      <c r="A11653" s="11"/>
      <c r="B11653" s="8"/>
    </row>
    <row r="11654" spans="1:2" x14ac:dyDescent="0.3">
      <c r="A11654" s="11"/>
      <c r="B11654" s="8"/>
    </row>
    <row r="11655" spans="1:2" x14ac:dyDescent="0.3">
      <c r="A11655" s="11"/>
      <c r="B11655" s="8"/>
    </row>
    <row r="11656" spans="1:2" x14ac:dyDescent="0.3">
      <c r="A11656" s="11"/>
      <c r="B11656" s="8"/>
    </row>
    <row r="11657" spans="1:2" x14ac:dyDescent="0.3">
      <c r="A11657" s="11"/>
      <c r="B11657" s="8"/>
    </row>
    <row r="11658" spans="1:2" x14ac:dyDescent="0.3">
      <c r="A11658" s="11"/>
      <c r="B11658" s="8"/>
    </row>
    <row r="11659" spans="1:2" x14ac:dyDescent="0.3">
      <c r="A11659" s="11"/>
      <c r="B11659" s="8"/>
    </row>
    <row r="11660" spans="1:2" x14ac:dyDescent="0.3">
      <c r="A11660" s="11"/>
      <c r="B11660" s="8"/>
    </row>
    <row r="11661" spans="1:2" x14ac:dyDescent="0.3">
      <c r="A11661" s="11"/>
      <c r="B11661" s="8"/>
    </row>
    <row r="11662" spans="1:2" x14ac:dyDescent="0.3">
      <c r="A11662" s="11"/>
      <c r="B11662" s="8"/>
    </row>
    <row r="11663" spans="1:2" x14ac:dyDescent="0.3">
      <c r="A11663" s="11"/>
      <c r="B11663" s="8"/>
    </row>
    <row r="11664" spans="1:2" x14ac:dyDescent="0.3">
      <c r="A11664" s="11"/>
      <c r="B11664" s="8"/>
    </row>
    <row r="11665" spans="1:2" x14ac:dyDescent="0.3">
      <c r="A11665" s="11"/>
      <c r="B11665" s="8"/>
    </row>
    <row r="11666" spans="1:2" x14ac:dyDescent="0.3">
      <c r="A11666" s="11"/>
      <c r="B11666" s="8"/>
    </row>
    <row r="11667" spans="1:2" x14ac:dyDescent="0.3">
      <c r="A11667" s="11"/>
      <c r="B11667" s="8"/>
    </row>
    <row r="11668" spans="1:2" x14ac:dyDescent="0.3">
      <c r="A11668" s="11"/>
      <c r="B11668" s="8"/>
    </row>
    <row r="11669" spans="1:2" x14ac:dyDescent="0.3">
      <c r="A11669" s="11"/>
      <c r="B11669" s="8"/>
    </row>
    <row r="11670" spans="1:2" x14ac:dyDescent="0.3">
      <c r="A11670" s="11"/>
      <c r="B11670" s="8"/>
    </row>
    <row r="11671" spans="1:2" x14ac:dyDescent="0.3">
      <c r="A11671" s="11"/>
      <c r="B11671" s="8"/>
    </row>
    <row r="11672" spans="1:2" x14ac:dyDescent="0.3">
      <c r="A11672" s="11"/>
      <c r="B11672" s="8"/>
    </row>
    <row r="11673" spans="1:2" x14ac:dyDescent="0.3">
      <c r="A11673" s="11"/>
      <c r="B11673" s="8"/>
    </row>
    <row r="11674" spans="1:2" x14ac:dyDescent="0.3">
      <c r="A11674" s="11"/>
      <c r="B11674" s="8"/>
    </row>
    <row r="11675" spans="1:2" x14ac:dyDescent="0.3">
      <c r="A11675" s="11"/>
      <c r="B11675" s="8"/>
    </row>
    <row r="11676" spans="1:2" x14ac:dyDescent="0.3">
      <c r="A11676" s="11"/>
      <c r="B11676" s="8"/>
    </row>
    <row r="11677" spans="1:2" x14ac:dyDescent="0.3">
      <c r="A11677" s="11"/>
      <c r="B11677" s="8"/>
    </row>
    <row r="11678" spans="1:2" x14ac:dyDescent="0.3">
      <c r="A11678" s="11"/>
      <c r="B11678" s="8"/>
    </row>
    <row r="11679" spans="1:2" x14ac:dyDescent="0.3">
      <c r="A11679" s="11"/>
      <c r="B11679" s="8"/>
    </row>
    <row r="11680" spans="1:2" x14ac:dyDescent="0.3">
      <c r="A11680" s="11"/>
      <c r="B11680" s="8"/>
    </row>
    <row r="11681" spans="1:2" x14ac:dyDescent="0.3">
      <c r="A11681" s="11"/>
      <c r="B11681" s="8"/>
    </row>
    <row r="11682" spans="1:2" x14ac:dyDescent="0.3">
      <c r="A11682" s="11"/>
      <c r="B11682" s="8"/>
    </row>
    <row r="11683" spans="1:2" x14ac:dyDescent="0.3">
      <c r="A11683" s="11"/>
      <c r="B11683" s="8"/>
    </row>
    <row r="11684" spans="1:2" x14ac:dyDescent="0.3">
      <c r="A11684" s="11"/>
      <c r="B11684" s="8"/>
    </row>
    <row r="11685" spans="1:2" x14ac:dyDescent="0.3">
      <c r="A11685" s="11"/>
      <c r="B11685" s="8"/>
    </row>
    <row r="11686" spans="1:2" x14ac:dyDescent="0.3">
      <c r="A11686" s="11"/>
      <c r="B11686" s="8"/>
    </row>
    <row r="11687" spans="1:2" x14ac:dyDescent="0.3">
      <c r="A11687" s="11"/>
      <c r="B11687" s="8"/>
    </row>
    <row r="11688" spans="1:2" x14ac:dyDescent="0.3">
      <c r="A11688" s="11"/>
      <c r="B11688" s="8"/>
    </row>
    <row r="11689" spans="1:2" x14ac:dyDescent="0.3">
      <c r="A11689" s="11"/>
      <c r="B11689" s="8"/>
    </row>
    <row r="11690" spans="1:2" x14ac:dyDescent="0.3">
      <c r="A11690" s="11"/>
      <c r="B11690" s="8"/>
    </row>
    <row r="11691" spans="1:2" x14ac:dyDescent="0.3">
      <c r="A11691" s="11"/>
      <c r="B11691" s="8"/>
    </row>
    <row r="11692" spans="1:2" x14ac:dyDescent="0.3">
      <c r="A11692" s="11"/>
      <c r="B11692" s="8"/>
    </row>
    <row r="11693" spans="1:2" x14ac:dyDescent="0.3">
      <c r="A11693" s="11"/>
      <c r="B11693" s="8"/>
    </row>
    <row r="11694" spans="1:2" x14ac:dyDescent="0.3">
      <c r="A11694" s="11"/>
      <c r="B11694" s="8"/>
    </row>
    <row r="11695" spans="1:2" x14ac:dyDescent="0.3">
      <c r="A11695" s="11"/>
      <c r="B11695" s="8"/>
    </row>
    <row r="11696" spans="1:2" x14ac:dyDescent="0.3">
      <c r="A11696" s="11"/>
      <c r="B11696" s="8"/>
    </row>
    <row r="11697" spans="1:2" x14ac:dyDescent="0.3">
      <c r="A11697" s="11"/>
      <c r="B11697" s="8"/>
    </row>
    <row r="11698" spans="1:2" x14ac:dyDescent="0.3">
      <c r="A11698" s="11"/>
      <c r="B11698" s="8"/>
    </row>
    <row r="11699" spans="1:2" x14ac:dyDescent="0.3">
      <c r="A11699" s="11"/>
      <c r="B11699" s="8"/>
    </row>
    <row r="11700" spans="1:2" x14ac:dyDescent="0.3">
      <c r="A11700" s="11"/>
      <c r="B11700" s="8"/>
    </row>
    <row r="11701" spans="1:2" x14ac:dyDescent="0.3">
      <c r="A11701" s="11"/>
      <c r="B11701" s="8"/>
    </row>
    <row r="11702" spans="1:2" x14ac:dyDescent="0.3">
      <c r="A11702" s="11"/>
      <c r="B11702" s="8"/>
    </row>
    <row r="11703" spans="1:2" x14ac:dyDescent="0.3">
      <c r="A11703" s="11"/>
      <c r="B11703" s="8"/>
    </row>
    <row r="11704" spans="1:2" x14ac:dyDescent="0.3">
      <c r="A11704" s="11"/>
      <c r="B11704" s="8"/>
    </row>
    <row r="11705" spans="1:2" x14ac:dyDescent="0.3">
      <c r="A11705" s="11"/>
      <c r="B11705" s="8"/>
    </row>
    <row r="11706" spans="1:2" x14ac:dyDescent="0.3">
      <c r="A11706" s="11"/>
      <c r="B11706" s="8"/>
    </row>
    <row r="11707" spans="1:2" x14ac:dyDescent="0.3">
      <c r="A11707" s="11"/>
      <c r="B11707" s="8"/>
    </row>
    <row r="11708" spans="1:2" x14ac:dyDescent="0.3">
      <c r="A11708" s="11"/>
      <c r="B11708" s="8"/>
    </row>
    <row r="11709" spans="1:2" x14ac:dyDescent="0.3">
      <c r="A11709" s="11"/>
      <c r="B11709" s="8"/>
    </row>
    <row r="11710" spans="1:2" x14ac:dyDescent="0.3">
      <c r="A11710" s="11"/>
      <c r="B11710" s="8"/>
    </row>
    <row r="11711" spans="1:2" x14ac:dyDescent="0.3">
      <c r="A11711" s="11"/>
      <c r="B11711" s="8"/>
    </row>
    <row r="11712" spans="1:2" x14ac:dyDescent="0.3">
      <c r="A11712" s="11"/>
      <c r="B11712" s="8"/>
    </row>
    <row r="11713" spans="1:2" x14ac:dyDescent="0.3">
      <c r="A11713" s="11"/>
      <c r="B11713" s="8"/>
    </row>
    <row r="11714" spans="1:2" x14ac:dyDescent="0.3">
      <c r="A11714" s="11"/>
      <c r="B11714" s="8"/>
    </row>
    <row r="11715" spans="1:2" x14ac:dyDescent="0.3">
      <c r="A11715" s="11"/>
      <c r="B11715" s="8"/>
    </row>
    <row r="11716" spans="1:2" x14ac:dyDescent="0.3">
      <c r="A11716" s="11"/>
      <c r="B11716" s="8"/>
    </row>
    <row r="11717" spans="1:2" x14ac:dyDescent="0.3">
      <c r="A11717" s="11"/>
      <c r="B11717" s="8"/>
    </row>
    <row r="11718" spans="1:2" x14ac:dyDescent="0.3">
      <c r="A11718" s="11"/>
      <c r="B11718" s="8"/>
    </row>
    <row r="11719" spans="1:2" x14ac:dyDescent="0.3">
      <c r="A11719" s="11"/>
      <c r="B11719" s="8"/>
    </row>
    <row r="11720" spans="1:2" x14ac:dyDescent="0.3">
      <c r="A11720" s="11"/>
      <c r="B11720" s="8"/>
    </row>
    <row r="11721" spans="1:2" x14ac:dyDescent="0.3">
      <c r="A11721" s="11"/>
      <c r="B11721" s="8"/>
    </row>
    <row r="11722" spans="1:2" x14ac:dyDescent="0.3">
      <c r="A11722" s="11"/>
      <c r="B11722" s="8"/>
    </row>
    <row r="11723" spans="1:2" x14ac:dyDescent="0.3">
      <c r="A11723" s="11"/>
      <c r="B11723" s="8"/>
    </row>
    <row r="11724" spans="1:2" x14ac:dyDescent="0.3">
      <c r="A11724" s="11"/>
      <c r="B11724" s="8"/>
    </row>
    <row r="11725" spans="1:2" x14ac:dyDescent="0.3">
      <c r="A11725" s="11"/>
      <c r="B11725" s="8"/>
    </row>
    <row r="11726" spans="1:2" x14ac:dyDescent="0.3">
      <c r="A11726" s="11"/>
      <c r="B11726" s="8"/>
    </row>
    <row r="11727" spans="1:2" x14ac:dyDescent="0.3">
      <c r="A11727" s="11"/>
      <c r="B11727" s="8"/>
    </row>
    <row r="11728" spans="1:2" x14ac:dyDescent="0.3">
      <c r="A11728" s="11"/>
      <c r="B11728" s="8"/>
    </row>
    <row r="11729" spans="1:2" x14ac:dyDescent="0.3">
      <c r="A11729" s="11"/>
      <c r="B11729" s="8"/>
    </row>
    <row r="11730" spans="1:2" x14ac:dyDescent="0.3">
      <c r="A11730" s="11"/>
      <c r="B11730" s="8"/>
    </row>
    <row r="11731" spans="1:2" x14ac:dyDescent="0.3">
      <c r="A11731" s="11"/>
      <c r="B11731" s="8"/>
    </row>
    <row r="11732" spans="1:2" x14ac:dyDescent="0.3">
      <c r="A11732" s="11"/>
      <c r="B11732" s="8"/>
    </row>
    <row r="11733" spans="1:2" x14ac:dyDescent="0.3">
      <c r="A11733" s="11"/>
      <c r="B11733" s="8"/>
    </row>
    <row r="11734" spans="1:2" x14ac:dyDescent="0.3">
      <c r="A11734" s="11"/>
      <c r="B11734" s="8"/>
    </row>
    <row r="11735" spans="1:2" x14ac:dyDescent="0.3">
      <c r="A11735" s="11"/>
      <c r="B11735" s="8"/>
    </row>
    <row r="11736" spans="1:2" x14ac:dyDescent="0.3">
      <c r="A11736" s="11"/>
      <c r="B11736" s="8"/>
    </row>
    <row r="11737" spans="1:2" x14ac:dyDescent="0.3">
      <c r="A11737" s="11"/>
      <c r="B11737" s="8"/>
    </row>
    <row r="11738" spans="1:2" x14ac:dyDescent="0.3">
      <c r="A11738" s="11"/>
      <c r="B11738" s="8"/>
    </row>
    <row r="11739" spans="1:2" x14ac:dyDescent="0.3">
      <c r="A11739" s="11"/>
      <c r="B11739" s="8"/>
    </row>
    <row r="11740" spans="1:2" x14ac:dyDescent="0.3">
      <c r="A11740" s="11"/>
      <c r="B11740" s="8"/>
    </row>
    <row r="11741" spans="1:2" x14ac:dyDescent="0.3">
      <c r="A11741" s="11"/>
      <c r="B11741" s="8"/>
    </row>
    <row r="11742" spans="1:2" x14ac:dyDescent="0.3">
      <c r="A11742" s="11"/>
      <c r="B11742" s="8"/>
    </row>
    <row r="11743" spans="1:2" x14ac:dyDescent="0.3">
      <c r="A11743" s="11"/>
      <c r="B11743" s="8"/>
    </row>
    <row r="11744" spans="1:2" x14ac:dyDescent="0.3">
      <c r="A11744" s="11"/>
      <c r="B11744" s="8"/>
    </row>
    <row r="11745" spans="1:2" x14ac:dyDescent="0.3">
      <c r="A11745" s="11"/>
      <c r="B11745" s="8"/>
    </row>
    <row r="11746" spans="1:2" x14ac:dyDescent="0.3">
      <c r="A11746" s="11"/>
      <c r="B11746" s="8"/>
    </row>
    <row r="11747" spans="1:2" x14ac:dyDescent="0.3">
      <c r="A11747" s="11"/>
      <c r="B11747" s="8"/>
    </row>
    <row r="11748" spans="1:2" x14ac:dyDescent="0.3">
      <c r="A11748" s="11"/>
      <c r="B11748" s="8"/>
    </row>
    <row r="11749" spans="1:2" x14ac:dyDescent="0.3">
      <c r="A11749" s="11"/>
      <c r="B11749" s="8"/>
    </row>
    <row r="11750" spans="1:2" x14ac:dyDescent="0.3">
      <c r="A11750" s="11"/>
      <c r="B11750" s="8"/>
    </row>
    <row r="11751" spans="1:2" x14ac:dyDescent="0.3">
      <c r="A11751" s="11"/>
      <c r="B11751" s="8"/>
    </row>
    <row r="11752" spans="1:2" x14ac:dyDescent="0.3">
      <c r="A11752" s="11"/>
      <c r="B11752" s="8"/>
    </row>
    <row r="11753" spans="1:2" x14ac:dyDescent="0.3">
      <c r="A11753" s="11"/>
      <c r="B11753" s="8"/>
    </row>
    <row r="11754" spans="1:2" x14ac:dyDescent="0.3">
      <c r="A11754" s="11"/>
      <c r="B11754" s="8"/>
    </row>
    <row r="11755" spans="1:2" x14ac:dyDescent="0.3">
      <c r="A11755" s="11"/>
      <c r="B11755" s="8"/>
    </row>
    <row r="11756" spans="1:2" x14ac:dyDescent="0.3">
      <c r="A11756" s="11"/>
      <c r="B11756" s="8"/>
    </row>
    <row r="11757" spans="1:2" x14ac:dyDescent="0.3">
      <c r="A11757" s="11"/>
      <c r="B11757" s="8"/>
    </row>
    <row r="11758" spans="1:2" x14ac:dyDescent="0.3">
      <c r="A11758" s="11"/>
      <c r="B11758" s="8"/>
    </row>
    <row r="11759" spans="1:2" x14ac:dyDescent="0.3">
      <c r="A11759" s="11"/>
      <c r="B11759" s="8"/>
    </row>
    <row r="11760" spans="1:2" x14ac:dyDescent="0.3">
      <c r="A11760" s="11"/>
      <c r="B11760" s="8"/>
    </row>
    <row r="11761" spans="1:2" x14ac:dyDescent="0.3">
      <c r="A11761" s="11"/>
      <c r="B11761" s="8"/>
    </row>
    <row r="11762" spans="1:2" x14ac:dyDescent="0.3">
      <c r="A11762" s="11"/>
      <c r="B11762" s="8"/>
    </row>
    <row r="11763" spans="1:2" x14ac:dyDescent="0.3">
      <c r="A11763" s="11"/>
      <c r="B11763" s="8"/>
    </row>
    <row r="11764" spans="1:2" x14ac:dyDescent="0.3">
      <c r="A11764" s="11"/>
      <c r="B11764" s="8"/>
    </row>
    <row r="11765" spans="1:2" x14ac:dyDescent="0.3">
      <c r="A11765" s="11"/>
      <c r="B11765" s="8"/>
    </row>
    <row r="11766" spans="1:2" x14ac:dyDescent="0.3">
      <c r="A11766" s="11"/>
      <c r="B11766" s="8"/>
    </row>
    <row r="11767" spans="1:2" x14ac:dyDescent="0.3">
      <c r="A11767" s="11"/>
      <c r="B11767" s="8"/>
    </row>
    <row r="11768" spans="1:2" x14ac:dyDescent="0.3">
      <c r="A11768" s="11"/>
      <c r="B11768" s="8"/>
    </row>
    <row r="11769" spans="1:2" x14ac:dyDescent="0.3">
      <c r="A11769" s="11"/>
      <c r="B11769" s="8"/>
    </row>
    <row r="11770" spans="1:2" x14ac:dyDescent="0.3">
      <c r="A11770" s="11"/>
      <c r="B11770" s="8"/>
    </row>
    <row r="11771" spans="1:2" x14ac:dyDescent="0.3">
      <c r="A11771" s="11"/>
      <c r="B11771" s="8"/>
    </row>
    <row r="11772" spans="1:2" x14ac:dyDescent="0.3">
      <c r="A11772" s="11"/>
      <c r="B11772" s="8"/>
    </row>
    <row r="11773" spans="1:2" x14ac:dyDescent="0.3">
      <c r="A11773" s="11"/>
      <c r="B11773" s="8"/>
    </row>
    <row r="11774" spans="1:2" x14ac:dyDescent="0.3">
      <c r="A11774" s="11"/>
      <c r="B11774" s="8"/>
    </row>
    <row r="11775" spans="1:2" x14ac:dyDescent="0.3">
      <c r="A11775" s="11"/>
      <c r="B11775" s="8"/>
    </row>
    <row r="11776" spans="1:2" x14ac:dyDescent="0.3">
      <c r="A11776" s="11"/>
      <c r="B11776" s="8"/>
    </row>
    <row r="11777" spans="1:2" x14ac:dyDescent="0.3">
      <c r="A11777" s="11"/>
      <c r="B11777" s="8"/>
    </row>
    <row r="11778" spans="1:2" x14ac:dyDescent="0.3">
      <c r="A11778" s="11"/>
      <c r="B11778" s="8"/>
    </row>
    <row r="11779" spans="1:2" x14ac:dyDescent="0.3">
      <c r="A11779" s="11"/>
      <c r="B11779" s="8"/>
    </row>
    <row r="11780" spans="1:2" x14ac:dyDescent="0.3">
      <c r="A11780" s="11"/>
      <c r="B11780" s="8"/>
    </row>
    <row r="11781" spans="1:2" x14ac:dyDescent="0.3">
      <c r="A11781" s="11"/>
      <c r="B11781" s="8"/>
    </row>
    <row r="11782" spans="1:2" x14ac:dyDescent="0.3">
      <c r="A11782" s="11"/>
      <c r="B11782" s="8"/>
    </row>
    <row r="11783" spans="1:2" x14ac:dyDescent="0.3">
      <c r="A11783" s="11"/>
      <c r="B11783" s="8"/>
    </row>
    <row r="11784" spans="1:2" x14ac:dyDescent="0.3">
      <c r="A11784" s="11"/>
      <c r="B11784" s="8"/>
    </row>
    <row r="11785" spans="1:2" x14ac:dyDescent="0.3">
      <c r="A11785" s="11"/>
      <c r="B11785" s="8"/>
    </row>
    <row r="11786" spans="1:2" x14ac:dyDescent="0.3">
      <c r="A11786" s="11"/>
      <c r="B11786" s="8"/>
    </row>
    <row r="11787" spans="1:2" x14ac:dyDescent="0.3">
      <c r="A11787" s="11"/>
      <c r="B11787" s="8"/>
    </row>
    <row r="11788" spans="1:2" x14ac:dyDescent="0.3">
      <c r="A11788" s="11"/>
      <c r="B11788" s="8"/>
    </row>
    <row r="11789" spans="1:2" x14ac:dyDescent="0.3">
      <c r="A11789" s="11"/>
      <c r="B11789" s="8"/>
    </row>
    <row r="11790" spans="1:2" x14ac:dyDescent="0.3">
      <c r="A11790" s="11"/>
      <c r="B11790" s="8"/>
    </row>
    <row r="11791" spans="1:2" x14ac:dyDescent="0.3">
      <c r="A11791" s="11"/>
      <c r="B11791" s="8"/>
    </row>
    <row r="11792" spans="1:2" x14ac:dyDescent="0.3">
      <c r="A11792" s="11"/>
      <c r="B11792" s="8"/>
    </row>
    <row r="11793" spans="1:2" x14ac:dyDescent="0.3">
      <c r="A11793" s="11"/>
      <c r="B11793" s="8"/>
    </row>
    <row r="11794" spans="1:2" x14ac:dyDescent="0.3">
      <c r="A11794" s="11"/>
      <c r="B11794" s="8"/>
    </row>
    <row r="11795" spans="1:2" x14ac:dyDescent="0.3">
      <c r="A11795" s="11"/>
      <c r="B11795" s="8"/>
    </row>
    <row r="11796" spans="1:2" x14ac:dyDescent="0.3">
      <c r="A11796" s="11"/>
      <c r="B11796" s="8"/>
    </row>
    <row r="11797" spans="1:2" x14ac:dyDescent="0.3">
      <c r="A11797" s="11"/>
      <c r="B11797" s="8"/>
    </row>
    <row r="11798" spans="1:2" x14ac:dyDescent="0.3">
      <c r="A11798" s="11"/>
      <c r="B11798" s="8"/>
    </row>
    <row r="11799" spans="1:2" x14ac:dyDescent="0.3">
      <c r="A11799" s="11"/>
      <c r="B11799" s="8"/>
    </row>
    <row r="11800" spans="1:2" x14ac:dyDescent="0.3">
      <c r="A11800" s="11"/>
      <c r="B11800" s="8"/>
    </row>
    <row r="11801" spans="1:2" x14ac:dyDescent="0.3">
      <c r="A11801" s="11"/>
      <c r="B11801" s="8"/>
    </row>
    <row r="11802" spans="1:2" x14ac:dyDescent="0.3">
      <c r="A11802" s="11"/>
      <c r="B11802" s="8"/>
    </row>
    <row r="11803" spans="1:2" x14ac:dyDescent="0.3">
      <c r="A11803" s="11"/>
      <c r="B11803" s="8"/>
    </row>
    <row r="11804" spans="1:2" x14ac:dyDescent="0.3">
      <c r="A11804" s="11"/>
      <c r="B11804" s="8"/>
    </row>
    <row r="11805" spans="1:2" x14ac:dyDescent="0.3">
      <c r="A11805" s="11"/>
      <c r="B11805" s="8"/>
    </row>
    <row r="11806" spans="1:2" x14ac:dyDescent="0.3">
      <c r="A11806" s="11"/>
      <c r="B11806" s="8"/>
    </row>
    <row r="11807" spans="1:2" x14ac:dyDescent="0.3">
      <c r="A11807" s="11"/>
      <c r="B11807" s="8"/>
    </row>
    <row r="11808" spans="1:2" x14ac:dyDescent="0.3">
      <c r="A11808" s="11"/>
      <c r="B11808" s="8"/>
    </row>
    <row r="11809" spans="1:2" x14ac:dyDescent="0.3">
      <c r="A11809" s="11"/>
      <c r="B11809" s="8"/>
    </row>
    <row r="11810" spans="1:2" x14ac:dyDescent="0.3">
      <c r="A11810" s="11"/>
      <c r="B11810" s="8"/>
    </row>
    <row r="11811" spans="1:2" x14ac:dyDescent="0.3">
      <c r="A11811" s="11"/>
      <c r="B11811" s="8"/>
    </row>
    <row r="11812" spans="1:2" x14ac:dyDescent="0.3">
      <c r="A11812" s="11"/>
      <c r="B11812" s="8"/>
    </row>
    <row r="11813" spans="1:2" x14ac:dyDescent="0.3">
      <c r="A11813" s="11"/>
      <c r="B11813" s="8"/>
    </row>
    <row r="11814" spans="1:2" x14ac:dyDescent="0.3">
      <c r="A11814" s="11"/>
      <c r="B11814" s="8"/>
    </row>
    <row r="11815" spans="1:2" x14ac:dyDescent="0.3">
      <c r="A11815" s="11"/>
      <c r="B11815" s="8"/>
    </row>
    <row r="11816" spans="1:2" x14ac:dyDescent="0.3">
      <c r="A11816" s="11"/>
      <c r="B11816" s="8"/>
    </row>
    <row r="11817" spans="1:2" x14ac:dyDescent="0.3">
      <c r="A11817" s="11"/>
      <c r="B11817" s="8"/>
    </row>
    <row r="11818" spans="1:2" x14ac:dyDescent="0.3">
      <c r="A11818" s="11"/>
      <c r="B11818" s="8"/>
    </row>
    <row r="11819" spans="1:2" x14ac:dyDescent="0.3">
      <c r="A11819" s="11"/>
      <c r="B11819" s="8"/>
    </row>
    <row r="11820" spans="1:2" x14ac:dyDescent="0.3">
      <c r="A11820" s="11"/>
      <c r="B11820" s="8"/>
    </row>
    <row r="11821" spans="1:2" x14ac:dyDescent="0.3">
      <c r="A11821" s="11"/>
      <c r="B11821" s="8"/>
    </row>
    <row r="11822" spans="1:2" x14ac:dyDescent="0.3">
      <c r="A11822" s="11"/>
      <c r="B11822" s="8"/>
    </row>
    <row r="11823" spans="1:2" x14ac:dyDescent="0.3">
      <c r="A11823" s="11"/>
      <c r="B11823" s="8"/>
    </row>
    <row r="11824" spans="1:2" x14ac:dyDescent="0.3">
      <c r="A11824" s="11"/>
      <c r="B11824" s="8"/>
    </row>
    <row r="11825" spans="1:2" x14ac:dyDescent="0.3">
      <c r="A11825" s="11"/>
      <c r="B11825" s="8"/>
    </row>
    <row r="11826" spans="1:2" x14ac:dyDescent="0.3">
      <c r="A11826" s="11"/>
      <c r="B11826" s="8"/>
    </row>
    <row r="11827" spans="1:2" x14ac:dyDescent="0.3">
      <c r="A11827" s="11"/>
      <c r="B11827" s="8"/>
    </row>
    <row r="11828" spans="1:2" x14ac:dyDescent="0.3">
      <c r="A11828" s="11"/>
      <c r="B11828" s="8"/>
    </row>
    <row r="11829" spans="1:2" x14ac:dyDescent="0.3">
      <c r="A11829" s="11"/>
      <c r="B11829" s="8"/>
    </row>
    <row r="11830" spans="1:2" x14ac:dyDescent="0.3">
      <c r="A11830" s="11"/>
      <c r="B11830" s="8"/>
    </row>
    <row r="11831" spans="1:2" x14ac:dyDescent="0.3">
      <c r="A11831" s="11"/>
      <c r="B11831" s="8"/>
    </row>
    <row r="11832" spans="1:2" x14ac:dyDescent="0.3">
      <c r="A11832" s="11"/>
      <c r="B11832" s="8"/>
    </row>
    <row r="11833" spans="1:2" x14ac:dyDescent="0.3">
      <c r="A11833" s="11"/>
      <c r="B11833" s="8"/>
    </row>
    <row r="11834" spans="1:2" x14ac:dyDescent="0.3">
      <c r="A11834" s="11"/>
      <c r="B11834" s="8"/>
    </row>
    <row r="11835" spans="1:2" x14ac:dyDescent="0.3">
      <c r="A11835" s="11"/>
      <c r="B11835" s="8"/>
    </row>
    <row r="11836" spans="1:2" x14ac:dyDescent="0.3">
      <c r="A11836" s="11"/>
      <c r="B11836" s="8"/>
    </row>
    <row r="11837" spans="1:2" x14ac:dyDescent="0.3">
      <c r="A11837" s="11"/>
      <c r="B11837" s="8"/>
    </row>
    <row r="11838" spans="1:2" x14ac:dyDescent="0.3">
      <c r="A11838" s="11"/>
      <c r="B11838" s="8"/>
    </row>
    <row r="11839" spans="1:2" x14ac:dyDescent="0.3">
      <c r="A11839" s="11"/>
      <c r="B11839" s="8"/>
    </row>
    <row r="11840" spans="1:2" x14ac:dyDescent="0.3">
      <c r="A11840" s="11"/>
      <c r="B11840" s="8"/>
    </row>
    <row r="11841" spans="1:2" x14ac:dyDescent="0.3">
      <c r="A11841" s="11"/>
      <c r="B11841" s="8"/>
    </row>
    <row r="11842" spans="1:2" x14ac:dyDescent="0.3">
      <c r="A11842" s="11"/>
      <c r="B11842" s="8"/>
    </row>
    <row r="11843" spans="1:2" x14ac:dyDescent="0.3">
      <c r="A11843" s="11"/>
      <c r="B11843" s="8"/>
    </row>
    <row r="11844" spans="1:2" x14ac:dyDescent="0.3">
      <c r="A11844" s="11"/>
      <c r="B11844" s="8"/>
    </row>
    <row r="11845" spans="1:2" x14ac:dyDescent="0.3">
      <c r="A11845" s="11"/>
      <c r="B11845" s="8"/>
    </row>
    <row r="11846" spans="1:2" x14ac:dyDescent="0.3">
      <c r="A11846" s="11"/>
      <c r="B11846" s="8"/>
    </row>
    <row r="11847" spans="1:2" x14ac:dyDescent="0.3">
      <c r="A11847" s="11"/>
      <c r="B11847" s="8"/>
    </row>
    <row r="11848" spans="1:2" x14ac:dyDescent="0.3">
      <c r="A11848" s="11"/>
      <c r="B11848" s="8"/>
    </row>
    <row r="11849" spans="1:2" x14ac:dyDescent="0.3">
      <c r="A11849" s="11"/>
      <c r="B11849" s="8"/>
    </row>
    <row r="11850" spans="1:2" x14ac:dyDescent="0.3">
      <c r="A11850" s="11"/>
      <c r="B11850" s="8"/>
    </row>
    <row r="11851" spans="1:2" x14ac:dyDescent="0.3">
      <c r="A11851" s="11"/>
      <c r="B11851" s="8"/>
    </row>
    <row r="11852" spans="1:2" x14ac:dyDescent="0.3">
      <c r="A11852" s="11"/>
      <c r="B11852" s="8"/>
    </row>
    <row r="11853" spans="1:2" x14ac:dyDescent="0.3">
      <c r="A11853" s="11"/>
      <c r="B11853" s="8"/>
    </row>
    <row r="11854" spans="1:2" x14ac:dyDescent="0.3">
      <c r="A11854" s="11"/>
      <c r="B11854" s="8"/>
    </row>
    <row r="11855" spans="1:2" x14ac:dyDescent="0.3">
      <c r="A11855" s="11"/>
      <c r="B11855" s="8"/>
    </row>
    <row r="11856" spans="1:2" x14ac:dyDescent="0.3">
      <c r="A11856" s="11"/>
      <c r="B11856" s="8"/>
    </row>
    <row r="11857" spans="1:2" x14ac:dyDescent="0.3">
      <c r="A11857" s="11"/>
      <c r="B11857" s="8"/>
    </row>
    <row r="11858" spans="1:2" x14ac:dyDescent="0.3">
      <c r="A11858" s="11"/>
      <c r="B11858" s="8"/>
    </row>
    <row r="11859" spans="1:2" x14ac:dyDescent="0.3">
      <c r="A11859" s="11"/>
      <c r="B11859" s="8"/>
    </row>
    <row r="11860" spans="1:2" x14ac:dyDescent="0.3">
      <c r="A11860" s="11"/>
      <c r="B11860" s="8"/>
    </row>
    <row r="11861" spans="1:2" x14ac:dyDescent="0.3">
      <c r="A11861" s="11"/>
      <c r="B11861" s="8"/>
    </row>
    <row r="11862" spans="1:2" x14ac:dyDescent="0.3">
      <c r="A11862" s="11"/>
      <c r="B11862" s="8"/>
    </row>
    <row r="11863" spans="1:2" x14ac:dyDescent="0.3">
      <c r="A11863" s="11"/>
      <c r="B11863" s="8"/>
    </row>
    <row r="11864" spans="1:2" x14ac:dyDescent="0.3">
      <c r="A11864" s="11"/>
      <c r="B11864" s="8"/>
    </row>
    <row r="11865" spans="1:2" x14ac:dyDescent="0.3">
      <c r="A11865" s="11"/>
      <c r="B11865" s="8"/>
    </row>
    <row r="11866" spans="1:2" x14ac:dyDescent="0.3">
      <c r="A11866" s="11"/>
      <c r="B11866" s="8"/>
    </row>
    <row r="11867" spans="1:2" x14ac:dyDescent="0.3">
      <c r="A11867" s="11"/>
      <c r="B11867" s="8"/>
    </row>
    <row r="11868" spans="1:2" x14ac:dyDescent="0.3">
      <c r="A11868" s="11"/>
      <c r="B11868" s="8"/>
    </row>
    <row r="11869" spans="1:2" x14ac:dyDescent="0.3">
      <c r="A11869" s="11"/>
      <c r="B11869" s="8"/>
    </row>
    <row r="11870" spans="1:2" x14ac:dyDescent="0.3">
      <c r="A11870" s="11"/>
      <c r="B11870" s="8"/>
    </row>
    <row r="11871" spans="1:2" x14ac:dyDescent="0.3">
      <c r="A11871" s="11"/>
      <c r="B11871" s="8"/>
    </row>
    <row r="11872" spans="1:2" x14ac:dyDescent="0.3">
      <c r="A11872" s="11"/>
      <c r="B11872" s="8"/>
    </row>
    <row r="11873" spans="1:2" x14ac:dyDescent="0.3">
      <c r="A11873" s="11"/>
      <c r="B11873" s="8"/>
    </row>
    <row r="11874" spans="1:2" x14ac:dyDescent="0.3">
      <c r="A11874" s="11"/>
      <c r="B11874" s="8"/>
    </row>
    <row r="11875" spans="1:2" x14ac:dyDescent="0.3">
      <c r="A11875" s="11"/>
      <c r="B11875" s="8"/>
    </row>
    <row r="11876" spans="1:2" x14ac:dyDescent="0.3">
      <c r="A11876" s="11"/>
      <c r="B11876" s="8"/>
    </row>
    <row r="11877" spans="1:2" x14ac:dyDescent="0.3">
      <c r="A11877" s="11"/>
      <c r="B11877" s="8"/>
    </row>
    <row r="11878" spans="1:2" x14ac:dyDescent="0.3">
      <c r="A11878" s="11"/>
      <c r="B11878" s="8"/>
    </row>
    <row r="11879" spans="1:2" x14ac:dyDescent="0.3">
      <c r="A11879" s="11"/>
      <c r="B11879" s="8"/>
    </row>
    <row r="11880" spans="1:2" x14ac:dyDescent="0.3">
      <c r="A11880" s="11"/>
      <c r="B11880" s="8"/>
    </row>
    <row r="11881" spans="1:2" x14ac:dyDescent="0.3">
      <c r="A11881" s="11"/>
      <c r="B11881" s="8"/>
    </row>
    <row r="11882" spans="1:2" x14ac:dyDescent="0.3">
      <c r="A11882" s="11"/>
      <c r="B11882" s="8"/>
    </row>
    <row r="11883" spans="1:2" x14ac:dyDescent="0.3">
      <c r="A11883" s="11"/>
      <c r="B11883" s="8"/>
    </row>
    <row r="11884" spans="1:2" x14ac:dyDescent="0.3">
      <c r="A11884" s="11"/>
      <c r="B11884" s="8"/>
    </row>
    <row r="11885" spans="1:2" x14ac:dyDescent="0.3">
      <c r="A11885" s="11"/>
      <c r="B11885" s="8"/>
    </row>
    <row r="11886" spans="1:2" x14ac:dyDescent="0.3">
      <c r="A11886" s="11"/>
      <c r="B11886" s="8"/>
    </row>
    <row r="11887" spans="1:2" x14ac:dyDescent="0.3">
      <c r="A11887" s="11"/>
      <c r="B11887" s="8"/>
    </row>
    <row r="11888" spans="1:2" x14ac:dyDescent="0.3">
      <c r="A11888" s="11"/>
      <c r="B11888" s="8"/>
    </row>
    <row r="11889" spans="1:2" x14ac:dyDescent="0.3">
      <c r="A11889" s="11"/>
      <c r="B11889" s="8"/>
    </row>
    <row r="11890" spans="1:2" x14ac:dyDescent="0.3">
      <c r="A11890" s="11"/>
      <c r="B11890" s="8"/>
    </row>
    <row r="11891" spans="1:2" x14ac:dyDescent="0.3">
      <c r="A11891" s="11"/>
      <c r="B11891" s="8"/>
    </row>
    <row r="11892" spans="1:2" x14ac:dyDescent="0.3">
      <c r="A11892" s="11"/>
      <c r="B11892" s="8"/>
    </row>
    <row r="11893" spans="1:2" x14ac:dyDescent="0.3">
      <c r="A11893" s="11"/>
      <c r="B11893" s="8"/>
    </row>
    <row r="11894" spans="1:2" x14ac:dyDescent="0.3">
      <c r="A11894" s="11"/>
      <c r="B11894" s="8"/>
    </row>
    <row r="11895" spans="1:2" x14ac:dyDescent="0.3">
      <c r="A11895" s="11"/>
      <c r="B11895" s="8"/>
    </row>
    <row r="11896" spans="1:2" x14ac:dyDescent="0.3">
      <c r="A11896" s="11"/>
      <c r="B11896" s="8"/>
    </row>
    <row r="11897" spans="1:2" x14ac:dyDescent="0.3">
      <c r="A11897" s="11"/>
      <c r="B11897" s="8"/>
    </row>
    <row r="11898" spans="1:2" x14ac:dyDescent="0.3">
      <c r="A11898" s="11"/>
      <c r="B11898" s="8"/>
    </row>
    <row r="11899" spans="1:2" x14ac:dyDescent="0.3">
      <c r="A11899" s="11"/>
      <c r="B11899" s="8"/>
    </row>
    <row r="11900" spans="1:2" x14ac:dyDescent="0.3">
      <c r="A11900" s="11"/>
      <c r="B11900" s="8"/>
    </row>
    <row r="11901" spans="1:2" x14ac:dyDescent="0.3">
      <c r="A11901" s="11"/>
      <c r="B11901" s="8"/>
    </row>
    <row r="11902" spans="1:2" x14ac:dyDescent="0.3">
      <c r="A11902" s="11"/>
      <c r="B11902" s="8"/>
    </row>
    <row r="11903" spans="1:2" x14ac:dyDescent="0.3">
      <c r="A11903" s="11"/>
      <c r="B11903" s="8"/>
    </row>
    <row r="11904" spans="1:2" x14ac:dyDescent="0.3">
      <c r="A11904" s="11"/>
      <c r="B11904" s="8"/>
    </row>
    <row r="11905" spans="1:2" x14ac:dyDescent="0.3">
      <c r="A11905" s="11"/>
      <c r="B11905" s="8"/>
    </row>
    <row r="11906" spans="1:2" x14ac:dyDescent="0.3">
      <c r="A11906" s="11"/>
      <c r="B11906" s="8"/>
    </row>
    <row r="11907" spans="1:2" x14ac:dyDescent="0.3">
      <c r="A11907" s="11"/>
      <c r="B11907" s="8"/>
    </row>
    <row r="11908" spans="1:2" x14ac:dyDescent="0.3">
      <c r="A11908" s="11"/>
      <c r="B11908" s="8"/>
    </row>
    <row r="11909" spans="1:2" x14ac:dyDescent="0.3">
      <c r="A11909" s="11"/>
      <c r="B11909" s="8"/>
    </row>
    <row r="11910" spans="1:2" x14ac:dyDescent="0.3">
      <c r="A11910" s="11"/>
      <c r="B11910" s="8"/>
    </row>
    <row r="11911" spans="1:2" x14ac:dyDescent="0.3">
      <c r="A11911" s="11"/>
      <c r="B11911" s="8"/>
    </row>
    <row r="11912" spans="1:2" x14ac:dyDescent="0.3">
      <c r="A11912" s="11"/>
      <c r="B11912" s="8"/>
    </row>
    <row r="11913" spans="1:2" x14ac:dyDescent="0.3">
      <c r="A11913" s="11"/>
      <c r="B11913" s="8"/>
    </row>
    <row r="11914" spans="1:2" x14ac:dyDescent="0.3">
      <c r="A11914" s="11"/>
      <c r="B11914" s="8"/>
    </row>
    <row r="11915" spans="1:2" x14ac:dyDescent="0.3">
      <c r="A11915" s="11"/>
      <c r="B11915" s="8"/>
    </row>
    <row r="11916" spans="1:2" x14ac:dyDescent="0.3">
      <c r="A11916" s="11"/>
      <c r="B11916" s="8"/>
    </row>
    <row r="11917" spans="1:2" x14ac:dyDescent="0.3">
      <c r="A11917" s="11"/>
      <c r="B11917" s="8"/>
    </row>
    <row r="11918" spans="1:2" x14ac:dyDescent="0.3">
      <c r="A11918" s="11"/>
      <c r="B11918" s="8"/>
    </row>
    <row r="11919" spans="1:2" x14ac:dyDescent="0.3">
      <c r="A11919" s="11"/>
      <c r="B11919" s="8"/>
    </row>
    <row r="11920" spans="1:2" x14ac:dyDescent="0.3">
      <c r="A11920" s="11"/>
      <c r="B11920" s="8"/>
    </row>
    <row r="11921" spans="1:2" x14ac:dyDescent="0.3">
      <c r="A11921" s="11"/>
      <c r="B11921" s="8"/>
    </row>
    <row r="11922" spans="1:2" x14ac:dyDescent="0.3">
      <c r="A11922" s="11"/>
      <c r="B11922" s="8"/>
    </row>
    <row r="11923" spans="1:2" x14ac:dyDescent="0.3">
      <c r="A11923" s="11"/>
      <c r="B11923" s="8"/>
    </row>
    <row r="11924" spans="1:2" x14ac:dyDescent="0.3">
      <c r="A11924" s="11"/>
      <c r="B11924" s="8"/>
    </row>
    <row r="11925" spans="1:2" x14ac:dyDescent="0.3">
      <c r="A11925" s="11"/>
      <c r="B11925" s="8"/>
    </row>
    <row r="11926" spans="1:2" x14ac:dyDescent="0.3">
      <c r="A11926" s="11"/>
      <c r="B11926" s="8"/>
    </row>
    <row r="11927" spans="1:2" x14ac:dyDescent="0.3">
      <c r="A11927" s="11"/>
      <c r="B11927" s="8"/>
    </row>
    <row r="11928" spans="1:2" x14ac:dyDescent="0.3">
      <c r="A11928" s="11"/>
      <c r="B11928" s="8"/>
    </row>
    <row r="11929" spans="1:2" x14ac:dyDescent="0.3">
      <c r="A11929" s="11"/>
      <c r="B11929" s="8"/>
    </row>
    <row r="11930" spans="1:2" x14ac:dyDescent="0.3">
      <c r="A11930" s="11"/>
      <c r="B11930" s="8"/>
    </row>
    <row r="11931" spans="1:2" x14ac:dyDescent="0.3">
      <c r="A11931" s="11"/>
      <c r="B11931" s="8"/>
    </row>
    <row r="11932" spans="1:2" x14ac:dyDescent="0.3">
      <c r="A11932" s="11"/>
      <c r="B11932" s="8"/>
    </row>
    <row r="11933" spans="1:2" x14ac:dyDescent="0.3">
      <c r="A11933" s="11"/>
      <c r="B11933" s="8"/>
    </row>
    <row r="11934" spans="1:2" x14ac:dyDescent="0.3">
      <c r="A11934" s="11"/>
      <c r="B11934" s="8"/>
    </row>
    <row r="11935" spans="1:2" x14ac:dyDescent="0.3">
      <c r="A11935" s="11"/>
      <c r="B11935" s="8"/>
    </row>
    <row r="11936" spans="1:2" x14ac:dyDescent="0.3">
      <c r="A11936" s="11"/>
      <c r="B11936" s="8"/>
    </row>
    <row r="11937" spans="1:2" x14ac:dyDescent="0.3">
      <c r="A11937" s="11"/>
      <c r="B11937" s="8"/>
    </row>
    <row r="11938" spans="1:2" x14ac:dyDescent="0.3">
      <c r="A11938" s="11"/>
      <c r="B11938" s="8"/>
    </row>
    <row r="11939" spans="1:2" x14ac:dyDescent="0.3">
      <c r="A11939" s="11"/>
      <c r="B11939" s="8"/>
    </row>
    <row r="11940" spans="1:2" x14ac:dyDescent="0.3">
      <c r="A11940" s="11"/>
      <c r="B11940" s="8"/>
    </row>
    <row r="11941" spans="1:2" x14ac:dyDescent="0.3">
      <c r="A11941" s="11"/>
      <c r="B11941" s="8"/>
    </row>
    <row r="11942" spans="1:2" x14ac:dyDescent="0.3">
      <c r="A11942" s="11"/>
      <c r="B11942" s="8"/>
    </row>
    <row r="11943" spans="1:2" x14ac:dyDescent="0.3">
      <c r="A11943" s="11"/>
      <c r="B11943" s="8"/>
    </row>
    <row r="11944" spans="1:2" x14ac:dyDescent="0.3">
      <c r="A11944" s="11"/>
      <c r="B11944" s="8"/>
    </row>
    <row r="11945" spans="1:2" x14ac:dyDescent="0.3">
      <c r="A11945" s="11"/>
      <c r="B11945" s="8"/>
    </row>
    <row r="11946" spans="1:2" x14ac:dyDescent="0.3">
      <c r="A11946" s="11"/>
      <c r="B11946" s="8"/>
    </row>
    <row r="11947" spans="1:2" x14ac:dyDescent="0.3">
      <c r="A11947" s="11"/>
      <c r="B11947" s="8"/>
    </row>
    <row r="11948" spans="1:2" x14ac:dyDescent="0.3">
      <c r="A11948" s="11"/>
      <c r="B11948" s="8"/>
    </row>
    <row r="11949" spans="1:2" x14ac:dyDescent="0.3">
      <c r="A11949" s="11"/>
      <c r="B11949" s="8"/>
    </row>
    <row r="11950" spans="1:2" x14ac:dyDescent="0.3">
      <c r="A11950" s="11"/>
      <c r="B11950" s="8"/>
    </row>
    <row r="11951" spans="1:2" x14ac:dyDescent="0.3">
      <c r="A11951" s="11"/>
      <c r="B11951" s="8"/>
    </row>
    <row r="11952" spans="1:2" x14ac:dyDescent="0.3">
      <c r="A11952" s="11"/>
      <c r="B11952" s="8"/>
    </row>
    <row r="11953" spans="1:2" x14ac:dyDescent="0.3">
      <c r="A11953" s="11"/>
      <c r="B11953" s="8"/>
    </row>
    <row r="11954" spans="1:2" x14ac:dyDescent="0.3">
      <c r="A11954" s="11"/>
      <c r="B11954" s="8"/>
    </row>
    <row r="11955" spans="1:2" x14ac:dyDescent="0.3">
      <c r="A11955" s="11"/>
      <c r="B11955" s="8"/>
    </row>
    <row r="11956" spans="1:2" x14ac:dyDescent="0.3">
      <c r="A11956" s="11"/>
      <c r="B11956" s="8"/>
    </row>
    <row r="11957" spans="1:2" x14ac:dyDescent="0.3">
      <c r="A11957" s="11"/>
      <c r="B11957" s="8"/>
    </row>
    <row r="11958" spans="1:2" x14ac:dyDescent="0.3">
      <c r="A11958" s="11"/>
      <c r="B11958" s="8"/>
    </row>
    <row r="11959" spans="1:2" x14ac:dyDescent="0.3">
      <c r="A11959" s="11"/>
      <c r="B11959" s="8"/>
    </row>
    <row r="11960" spans="1:2" x14ac:dyDescent="0.3">
      <c r="A11960" s="11"/>
      <c r="B11960" s="8"/>
    </row>
    <row r="11961" spans="1:2" x14ac:dyDescent="0.3">
      <c r="A11961" s="11"/>
      <c r="B11961" s="8"/>
    </row>
    <row r="11962" spans="1:2" x14ac:dyDescent="0.3">
      <c r="A11962" s="11"/>
      <c r="B11962" s="8"/>
    </row>
    <row r="11963" spans="1:2" x14ac:dyDescent="0.3">
      <c r="A11963" s="11"/>
      <c r="B11963" s="8"/>
    </row>
    <row r="11964" spans="1:2" x14ac:dyDescent="0.3">
      <c r="A11964" s="11"/>
      <c r="B11964" s="8"/>
    </row>
    <row r="11965" spans="1:2" x14ac:dyDescent="0.3">
      <c r="A11965" s="11"/>
      <c r="B11965" s="8"/>
    </row>
    <row r="11966" spans="1:2" x14ac:dyDescent="0.3">
      <c r="A11966" s="11"/>
      <c r="B11966" s="8"/>
    </row>
    <row r="11967" spans="1:2" x14ac:dyDescent="0.3">
      <c r="A11967" s="11"/>
      <c r="B11967" s="8"/>
    </row>
    <row r="11968" spans="1:2" x14ac:dyDescent="0.3">
      <c r="A11968" s="11"/>
      <c r="B11968" s="8"/>
    </row>
    <row r="11969" spans="1:2" x14ac:dyDescent="0.3">
      <c r="A11969" s="11"/>
      <c r="B11969" s="8"/>
    </row>
    <row r="11970" spans="1:2" x14ac:dyDescent="0.3">
      <c r="A11970" s="11"/>
      <c r="B11970" s="8"/>
    </row>
    <row r="11971" spans="1:2" x14ac:dyDescent="0.3">
      <c r="A11971" s="11"/>
      <c r="B11971" s="8"/>
    </row>
    <row r="11972" spans="1:2" x14ac:dyDescent="0.3">
      <c r="A11972" s="11"/>
      <c r="B11972" s="8"/>
    </row>
    <row r="11973" spans="1:2" x14ac:dyDescent="0.3">
      <c r="A11973" s="11"/>
      <c r="B11973" s="8"/>
    </row>
    <row r="11974" spans="1:2" x14ac:dyDescent="0.3">
      <c r="A11974" s="11"/>
      <c r="B11974" s="8"/>
    </row>
    <row r="11975" spans="1:2" x14ac:dyDescent="0.3">
      <c r="A11975" s="11"/>
      <c r="B11975" s="8"/>
    </row>
    <row r="11976" spans="1:2" x14ac:dyDescent="0.3">
      <c r="A11976" s="11"/>
      <c r="B11976" s="8"/>
    </row>
    <row r="11977" spans="1:2" x14ac:dyDescent="0.3">
      <c r="A11977" s="11"/>
      <c r="B11977" s="8"/>
    </row>
    <row r="11978" spans="1:2" x14ac:dyDescent="0.3">
      <c r="A11978" s="11"/>
      <c r="B11978" s="8"/>
    </row>
    <row r="11979" spans="1:2" x14ac:dyDescent="0.3">
      <c r="A11979" s="11"/>
      <c r="B11979" s="8"/>
    </row>
    <row r="11980" spans="1:2" x14ac:dyDescent="0.3">
      <c r="A11980" s="11"/>
      <c r="B11980" s="8"/>
    </row>
    <row r="11981" spans="1:2" x14ac:dyDescent="0.3">
      <c r="A11981" s="11"/>
      <c r="B11981" s="8"/>
    </row>
    <row r="11982" spans="1:2" x14ac:dyDescent="0.3">
      <c r="A11982" s="11"/>
      <c r="B11982" s="8"/>
    </row>
    <row r="11983" spans="1:2" x14ac:dyDescent="0.3">
      <c r="A11983" s="11"/>
      <c r="B11983" s="8"/>
    </row>
    <row r="11984" spans="1:2" x14ac:dyDescent="0.3">
      <c r="A11984" s="11"/>
      <c r="B11984" s="8"/>
    </row>
    <row r="11985" spans="1:2" x14ac:dyDescent="0.3">
      <c r="A11985" s="11"/>
      <c r="B11985" s="8"/>
    </row>
    <row r="11986" spans="1:2" x14ac:dyDescent="0.3">
      <c r="A11986" s="11"/>
      <c r="B11986" s="8"/>
    </row>
    <row r="11987" spans="1:2" x14ac:dyDescent="0.3">
      <c r="A11987" s="11"/>
      <c r="B11987" s="8"/>
    </row>
    <row r="11988" spans="1:2" x14ac:dyDescent="0.3">
      <c r="A11988" s="11"/>
      <c r="B11988" s="8"/>
    </row>
    <row r="11989" spans="1:2" x14ac:dyDescent="0.3">
      <c r="A11989" s="11"/>
      <c r="B11989" s="8"/>
    </row>
    <row r="11990" spans="1:2" x14ac:dyDescent="0.3">
      <c r="A11990" s="11"/>
      <c r="B11990" s="8"/>
    </row>
    <row r="11991" spans="1:2" x14ac:dyDescent="0.3">
      <c r="A11991" s="11"/>
      <c r="B11991" s="8"/>
    </row>
    <row r="11992" spans="1:2" x14ac:dyDescent="0.3">
      <c r="A11992" s="11"/>
      <c r="B11992" s="8"/>
    </row>
    <row r="11993" spans="1:2" x14ac:dyDescent="0.3">
      <c r="A11993" s="11"/>
      <c r="B11993" s="8"/>
    </row>
    <row r="11994" spans="1:2" x14ac:dyDescent="0.3">
      <c r="A11994" s="11"/>
      <c r="B11994" s="8"/>
    </row>
    <row r="11995" spans="1:2" x14ac:dyDescent="0.3">
      <c r="A11995" s="11"/>
      <c r="B11995" s="8"/>
    </row>
    <row r="11996" spans="1:2" x14ac:dyDescent="0.3">
      <c r="A11996" s="11"/>
      <c r="B11996" s="8"/>
    </row>
    <row r="11997" spans="1:2" x14ac:dyDescent="0.3">
      <c r="A11997" s="11"/>
      <c r="B11997" s="8"/>
    </row>
    <row r="11998" spans="1:2" x14ac:dyDescent="0.3">
      <c r="A11998" s="11"/>
      <c r="B11998" s="8"/>
    </row>
    <row r="11999" spans="1:2" x14ac:dyDescent="0.3">
      <c r="A11999" s="11"/>
      <c r="B11999" s="8"/>
    </row>
    <row r="12000" spans="1:2" x14ac:dyDescent="0.3">
      <c r="A12000" s="11"/>
      <c r="B12000" s="8"/>
    </row>
    <row r="12001" spans="1:2" x14ac:dyDescent="0.3">
      <c r="A12001" s="11"/>
      <c r="B12001" s="8"/>
    </row>
    <row r="12002" spans="1:2" x14ac:dyDescent="0.3">
      <c r="A12002" s="11"/>
      <c r="B12002" s="8"/>
    </row>
    <row r="12003" spans="1:2" x14ac:dyDescent="0.3">
      <c r="A12003" s="11"/>
      <c r="B12003" s="8"/>
    </row>
    <row r="12004" spans="1:2" x14ac:dyDescent="0.3">
      <c r="A12004" s="11"/>
      <c r="B12004" s="8"/>
    </row>
    <row r="12005" spans="1:2" x14ac:dyDescent="0.3">
      <c r="A12005" s="11"/>
      <c r="B12005" s="8"/>
    </row>
    <row r="12006" spans="1:2" x14ac:dyDescent="0.3">
      <c r="A12006" s="11"/>
      <c r="B12006" s="8"/>
    </row>
    <row r="12007" spans="1:2" x14ac:dyDescent="0.3">
      <c r="A12007" s="11"/>
      <c r="B12007" s="8"/>
    </row>
    <row r="12008" spans="1:2" x14ac:dyDescent="0.3">
      <c r="A12008" s="11"/>
      <c r="B12008" s="8"/>
    </row>
    <row r="12009" spans="1:2" x14ac:dyDescent="0.3">
      <c r="A12009" s="11"/>
      <c r="B12009" s="8"/>
    </row>
    <row r="12010" spans="1:2" x14ac:dyDescent="0.3">
      <c r="A12010" s="11"/>
      <c r="B12010" s="8"/>
    </row>
    <row r="12011" spans="1:2" x14ac:dyDescent="0.3">
      <c r="A12011" s="11"/>
      <c r="B12011" s="8"/>
    </row>
    <row r="12012" spans="1:2" x14ac:dyDescent="0.3">
      <c r="A12012" s="11"/>
      <c r="B12012" s="8"/>
    </row>
    <row r="12013" spans="1:2" x14ac:dyDescent="0.3">
      <c r="A12013" s="11"/>
      <c r="B12013" s="8"/>
    </row>
    <row r="12014" spans="1:2" x14ac:dyDescent="0.3">
      <c r="A12014" s="11"/>
      <c r="B12014" s="8"/>
    </row>
    <row r="12015" spans="1:2" x14ac:dyDescent="0.3">
      <c r="A12015" s="11"/>
      <c r="B12015" s="8"/>
    </row>
    <row r="12016" spans="1:2" x14ac:dyDescent="0.3">
      <c r="A12016" s="11"/>
      <c r="B12016" s="8"/>
    </row>
    <row r="12017" spans="1:2" x14ac:dyDescent="0.3">
      <c r="A12017" s="11"/>
      <c r="B12017" s="8"/>
    </row>
    <row r="12018" spans="1:2" x14ac:dyDescent="0.3">
      <c r="A12018" s="11"/>
      <c r="B12018" s="8"/>
    </row>
    <row r="12019" spans="1:2" x14ac:dyDescent="0.3">
      <c r="A12019" s="11"/>
      <c r="B12019" s="8"/>
    </row>
    <row r="12020" spans="1:2" x14ac:dyDescent="0.3">
      <c r="A12020" s="11"/>
      <c r="B12020" s="8"/>
    </row>
    <row r="12021" spans="1:2" x14ac:dyDescent="0.3">
      <c r="A12021" s="11"/>
      <c r="B12021" s="8"/>
    </row>
    <row r="12022" spans="1:2" x14ac:dyDescent="0.3">
      <c r="A12022" s="11"/>
      <c r="B12022" s="8"/>
    </row>
    <row r="12023" spans="1:2" x14ac:dyDescent="0.3">
      <c r="A12023" s="11"/>
      <c r="B12023" s="8"/>
    </row>
    <row r="12024" spans="1:2" x14ac:dyDescent="0.3">
      <c r="A12024" s="11"/>
      <c r="B12024" s="8"/>
    </row>
    <row r="12025" spans="1:2" x14ac:dyDescent="0.3">
      <c r="A12025" s="11"/>
      <c r="B12025" s="8"/>
    </row>
    <row r="12026" spans="1:2" x14ac:dyDescent="0.3">
      <c r="A12026" s="11"/>
      <c r="B12026" s="8"/>
    </row>
    <row r="12027" spans="1:2" x14ac:dyDescent="0.3">
      <c r="A12027" s="11"/>
      <c r="B12027" s="8"/>
    </row>
    <row r="12028" spans="1:2" x14ac:dyDescent="0.3">
      <c r="A12028" s="11"/>
      <c r="B12028" s="8"/>
    </row>
    <row r="12029" spans="1:2" x14ac:dyDescent="0.3">
      <c r="A12029" s="11"/>
      <c r="B12029" s="8"/>
    </row>
    <row r="12030" spans="1:2" x14ac:dyDescent="0.3">
      <c r="A12030" s="11"/>
      <c r="B12030" s="8"/>
    </row>
    <row r="12031" spans="1:2" x14ac:dyDescent="0.3">
      <c r="A12031" s="11"/>
      <c r="B12031" s="8"/>
    </row>
    <row r="12032" spans="1:2" x14ac:dyDescent="0.3">
      <c r="A12032" s="11"/>
      <c r="B12032" s="8"/>
    </row>
    <row r="12033" spans="1:2" x14ac:dyDescent="0.3">
      <c r="A12033" s="11"/>
      <c r="B12033" s="8"/>
    </row>
    <row r="12034" spans="1:2" x14ac:dyDescent="0.3">
      <c r="A12034" s="11"/>
      <c r="B12034" s="8"/>
    </row>
    <row r="12035" spans="1:2" x14ac:dyDescent="0.3">
      <c r="A12035" s="11"/>
      <c r="B12035" s="8"/>
    </row>
    <row r="12036" spans="1:2" x14ac:dyDescent="0.3">
      <c r="A12036" s="11"/>
      <c r="B12036" s="8"/>
    </row>
    <row r="12037" spans="1:2" x14ac:dyDescent="0.3">
      <c r="A12037" s="11"/>
      <c r="B12037" s="8"/>
    </row>
    <row r="12038" spans="1:2" x14ac:dyDescent="0.3">
      <c r="A12038" s="11"/>
      <c r="B12038" s="8"/>
    </row>
    <row r="12039" spans="1:2" x14ac:dyDescent="0.3">
      <c r="A12039" s="11"/>
      <c r="B12039" s="8"/>
    </row>
    <row r="12040" spans="1:2" x14ac:dyDescent="0.3">
      <c r="A12040" s="11"/>
      <c r="B12040" s="8"/>
    </row>
    <row r="12041" spans="1:2" x14ac:dyDescent="0.3">
      <c r="A12041" s="11"/>
      <c r="B12041" s="8"/>
    </row>
    <row r="12042" spans="1:2" x14ac:dyDescent="0.3">
      <c r="A12042" s="11"/>
      <c r="B12042" s="8"/>
    </row>
    <row r="12043" spans="1:2" x14ac:dyDescent="0.3">
      <c r="A12043" s="11"/>
      <c r="B12043" s="8"/>
    </row>
    <row r="12044" spans="1:2" x14ac:dyDescent="0.3">
      <c r="A12044" s="11"/>
      <c r="B12044" s="8"/>
    </row>
    <row r="12045" spans="1:2" x14ac:dyDescent="0.3">
      <c r="A12045" s="11"/>
      <c r="B12045" s="8"/>
    </row>
    <row r="12046" spans="1:2" x14ac:dyDescent="0.3">
      <c r="A12046" s="11"/>
      <c r="B12046" s="8"/>
    </row>
    <row r="12047" spans="1:2" x14ac:dyDescent="0.3">
      <c r="A12047" s="11"/>
      <c r="B12047" s="8"/>
    </row>
    <row r="12048" spans="1:2" x14ac:dyDescent="0.3">
      <c r="A12048" s="11"/>
      <c r="B12048" s="8"/>
    </row>
    <row r="12049" spans="1:2" x14ac:dyDescent="0.3">
      <c r="A12049" s="11"/>
      <c r="B12049" s="8"/>
    </row>
    <row r="12050" spans="1:2" x14ac:dyDescent="0.3">
      <c r="A12050" s="11"/>
      <c r="B12050" s="8"/>
    </row>
    <row r="12051" spans="1:2" x14ac:dyDescent="0.3">
      <c r="A12051" s="11"/>
      <c r="B12051" s="8"/>
    </row>
    <row r="12052" spans="1:2" x14ac:dyDescent="0.3">
      <c r="A12052" s="11"/>
      <c r="B12052" s="8"/>
    </row>
    <row r="12053" spans="1:2" x14ac:dyDescent="0.3">
      <c r="A12053" s="11"/>
      <c r="B12053" s="8"/>
    </row>
    <row r="12054" spans="1:2" x14ac:dyDescent="0.3">
      <c r="A12054" s="11"/>
      <c r="B12054" s="8"/>
    </row>
    <row r="12055" spans="1:2" x14ac:dyDescent="0.3">
      <c r="A12055" s="11"/>
      <c r="B12055" s="8"/>
    </row>
    <row r="12056" spans="1:2" x14ac:dyDescent="0.3">
      <c r="A12056" s="11"/>
      <c r="B12056" s="8"/>
    </row>
    <row r="12057" spans="1:2" x14ac:dyDescent="0.3">
      <c r="A12057" s="11"/>
      <c r="B12057" s="8"/>
    </row>
    <row r="12058" spans="1:2" x14ac:dyDescent="0.3">
      <c r="A12058" s="11"/>
      <c r="B12058" s="8"/>
    </row>
    <row r="12059" spans="1:2" x14ac:dyDescent="0.3">
      <c r="A12059" s="11"/>
      <c r="B12059" s="8"/>
    </row>
    <row r="12060" spans="1:2" x14ac:dyDescent="0.3">
      <c r="A12060" s="11"/>
      <c r="B12060" s="8"/>
    </row>
    <row r="12061" spans="1:2" x14ac:dyDescent="0.3">
      <c r="A12061" s="11"/>
      <c r="B12061" s="8"/>
    </row>
    <row r="12062" spans="1:2" x14ac:dyDescent="0.3">
      <c r="A12062" s="11"/>
      <c r="B12062" s="8"/>
    </row>
    <row r="12063" spans="1:2" x14ac:dyDescent="0.3">
      <c r="A12063" s="11"/>
      <c r="B12063" s="8"/>
    </row>
    <row r="12064" spans="1:2" x14ac:dyDescent="0.3">
      <c r="A12064" s="11"/>
      <c r="B12064" s="8"/>
    </row>
    <row r="12065" spans="1:2" x14ac:dyDescent="0.3">
      <c r="A12065" s="11"/>
      <c r="B12065" s="8"/>
    </row>
    <row r="12066" spans="1:2" x14ac:dyDescent="0.3">
      <c r="A12066" s="11"/>
      <c r="B12066" s="8"/>
    </row>
    <row r="12067" spans="1:2" x14ac:dyDescent="0.3">
      <c r="A12067" s="11"/>
      <c r="B12067" s="8"/>
    </row>
    <row r="12068" spans="1:2" x14ac:dyDescent="0.3">
      <c r="A12068" s="11"/>
      <c r="B12068" s="8"/>
    </row>
    <row r="12069" spans="1:2" x14ac:dyDescent="0.3">
      <c r="A12069" s="11"/>
      <c r="B12069" s="8"/>
    </row>
    <row r="12070" spans="1:2" x14ac:dyDescent="0.3">
      <c r="A12070" s="11"/>
      <c r="B12070" s="8"/>
    </row>
    <row r="12071" spans="1:2" x14ac:dyDescent="0.3">
      <c r="A12071" s="11"/>
      <c r="B12071" s="8"/>
    </row>
    <row r="12072" spans="1:2" x14ac:dyDescent="0.3">
      <c r="A12072" s="11"/>
      <c r="B12072" s="8"/>
    </row>
    <row r="12073" spans="1:2" x14ac:dyDescent="0.3">
      <c r="A12073" s="11"/>
      <c r="B12073" s="8"/>
    </row>
    <row r="12074" spans="1:2" x14ac:dyDescent="0.3">
      <c r="A12074" s="11"/>
      <c r="B12074" s="8"/>
    </row>
    <row r="12075" spans="1:2" x14ac:dyDescent="0.3">
      <c r="A12075" s="11"/>
      <c r="B12075" s="8"/>
    </row>
    <row r="12076" spans="1:2" x14ac:dyDescent="0.3">
      <c r="A12076" s="11"/>
      <c r="B12076" s="8"/>
    </row>
    <row r="12077" spans="1:2" x14ac:dyDescent="0.3">
      <c r="A12077" s="11"/>
      <c r="B12077" s="8"/>
    </row>
    <row r="12078" spans="1:2" x14ac:dyDescent="0.3">
      <c r="A12078" s="11"/>
      <c r="B12078" s="8"/>
    </row>
    <row r="12079" spans="1:2" x14ac:dyDescent="0.3">
      <c r="A12079" s="11"/>
      <c r="B12079" s="8"/>
    </row>
    <row r="12080" spans="1:2" x14ac:dyDescent="0.3">
      <c r="A12080" s="11"/>
      <c r="B12080" s="8"/>
    </row>
    <row r="12081" spans="1:2" x14ac:dyDescent="0.3">
      <c r="A12081" s="11"/>
      <c r="B12081" s="8"/>
    </row>
    <row r="12082" spans="1:2" x14ac:dyDescent="0.3">
      <c r="A12082" s="11"/>
      <c r="B12082" s="8"/>
    </row>
    <row r="12083" spans="1:2" x14ac:dyDescent="0.3">
      <c r="A12083" s="11"/>
      <c r="B12083" s="8"/>
    </row>
    <row r="12084" spans="1:2" x14ac:dyDescent="0.3">
      <c r="A12084" s="11"/>
      <c r="B12084" s="8"/>
    </row>
    <row r="12085" spans="1:2" x14ac:dyDescent="0.3">
      <c r="A12085" s="11"/>
      <c r="B12085" s="8"/>
    </row>
    <row r="12086" spans="1:2" x14ac:dyDescent="0.3">
      <c r="A12086" s="11"/>
      <c r="B12086" s="8"/>
    </row>
    <row r="12087" spans="1:2" x14ac:dyDescent="0.3">
      <c r="A12087" s="11"/>
      <c r="B12087" s="8"/>
    </row>
    <row r="12088" spans="1:2" x14ac:dyDescent="0.3">
      <c r="A12088" s="11"/>
      <c r="B12088" s="8"/>
    </row>
    <row r="12089" spans="1:2" x14ac:dyDescent="0.3">
      <c r="A12089" s="11"/>
      <c r="B12089" s="8"/>
    </row>
    <row r="12090" spans="1:2" x14ac:dyDescent="0.3">
      <c r="A12090" s="11"/>
      <c r="B12090" s="8"/>
    </row>
    <row r="12091" spans="1:2" x14ac:dyDescent="0.3">
      <c r="A12091" s="11"/>
      <c r="B12091" s="8"/>
    </row>
    <row r="12092" spans="1:2" x14ac:dyDescent="0.3">
      <c r="A12092" s="11"/>
      <c r="B12092" s="8"/>
    </row>
    <row r="12093" spans="1:2" x14ac:dyDescent="0.3">
      <c r="A12093" s="11"/>
      <c r="B12093" s="8"/>
    </row>
    <row r="12094" spans="1:2" x14ac:dyDescent="0.3">
      <c r="A12094" s="11"/>
      <c r="B12094" s="8"/>
    </row>
    <row r="12095" spans="1:2" x14ac:dyDescent="0.3">
      <c r="A12095" s="11"/>
      <c r="B12095" s="8"/>
    </row>
    <row r="12096" spans="1:2" x14ac:dyDescent="0.3">
      <c r="A12096" s="11"/>
      <c r="B12096" s="8"/>
    </row>
    <row r="12097" spans="1:2" x14ac:dyDescent="0.3">
      <c r="A12097" s="11"/>
      <c r="B12097" s="8"/>
    </row>
    <row r="12098" spans="1:2" x14ac:dyDescent="0.3">
      <c r="A12098" s="11"/>
      <c r="B12098" s="8"/>
    </row>
    <row r="12099" spans="1:2" x14ac:dyDescent="0.3">
      <c r="A12099" s="11"/>
      <c r="B12099" s="8"/>
    </row>
    <row r="12100" spans="1:2" x14ac:dyDescent="0.3">
      <c r="A12100" s="11"/>
      <c r="B12100" s="8"/>
    </row>
    <row r="12101" spans="1:2" x14ac:dyDescent="0.3">
      <c r="A12101" s="11"/>
      <c r="B12101" s="8"/>
    </row>
    <row r="12102" spans="1:2" x14ac:dyDescent="0.3">
      <c r="A12102" s="11"/>
      <c r="B12102" s="8"/>
    </row>
    <row r="12103" spans="1:2" x14ac:dyDescent="0.3">
      <c r="A12103" s="11"/>
      <c r="B12103" s="8"/>
    </row>
    <row r="12104" spans="1:2" x14ac:dyDescent="0.3">
      <c r="A12104" s="11"/>
      <c r="B12104" s="8"/>
    </row>
    <row r="12105" spans="1:2" x14ac:dyDescent="0.3">
      <c r="A12105" s="11"/>
      <c r="B12105" s="8"/>
    </row>
    <row r="12106" spans="1:2" x14ac:dyDescent="0.3">
      <c r="A12106" s="11"/>
      <c r="B12106" s="8"/>
    </row>
    <row r="12107" spans="1:2" x14ac:dyDescent="0.3">
      <c r="A12107" s="11"/>
      <c r="B12107" s="8"/>
    </row>
    <row r="12108" spans="1:2" x14ac:dyDescent="0.3">
      <c r="A12108" s="11"/>
      <c r="B12108" s="8"/>
    </row>
    <row r="12109" spans="1:2" x14ac:dyDescent="0.3">
      <c r="A12109" s="11"/>
      <c r="B12109" s="8"/>
    </row>
    <row r="12110" spans="1:2" x14ac:dyDescent="0.3">
      <c r="A12110" s="11"/>
      <c r="B12110" s="8"/>
    </row>
    <row r="12111" spans="1:2" x14ac:dyDescent="0.3">
      <c r="A12111" s="11"/>
      <c r="B12111" s="8"/>
    </row>
    <row r="12112" spans="1:2" x14ac:dyDescent="0.3">
      <c r="A12112" s="11"/>
      <c r="B12112" s="8"/>
    </row>
    <row r="12113" spans="1:2" x14ac:dyDescent="0.3">
      <c r="A12113" s="11"/>
      <c r="B12113" s="8"/>
    </row>
    <row r="12114" spans="1:2" x14ac:dyDescent="0.3">
      <c r="A12114" s="11"/>
      <c r="B12114" s="8"/>
    </row>
    <row r="12115" spans="1:2" x14ac:dyDescent="0.3">
      <c r="A12115" s="11"/>
      <c r="B12115" s="8"/>
    </row>
    <row r="12116" spans="1:2" x14ac:dyDescent="0.3">
      <c r="A12116" s="11"/>
      <c r="B12116" s="8"/>
    </row>
    <row r="12117" spans="1:2" x14ac:dyDescent="0.3">
      <c r="A12117" s="11"/>
      <c r="B12117" s="8"/>
    </row>
    <row r="12118" spans="1:2" x14ac:dyDescent="0.3">
      <c r="A12118" s="11"/>
      <c r="B12118" s="8"/>
    </row>
    <row r="12119" spans="1:2" x14ac:dyDescent="0.3">
      <c r="A12119" s="11"/>
      <c r="B12119" s="8"/>
    </row>
    <row r="12120" spans="1:2" x14ac:dyDescent="0.3">
      <c r="A12120" s="11"/>
      <c r="B12120" s="8"/>
    </row>
    <row r="12121" spans="1:2" x14ac:dyDescent="0.3">
      <c r="A12121" s="11"/>
      <c r="B12121" s="8"/>
    </row>
    <row r="12122" spans="1:2" x14ac:dyDescent="0.3">
      <c r="A12122" s="11"/>
      <c r="B12122" s="8"/>
    </row>
    <row r="12123" spans="1:2" x14ac:dyDescent="0.3">
      <c r="A12123" s="11"/>
      <c r="B12123" s="8"/>
    </row>
    <row r="12124" spans="1:2" x14ac:dyDescent="0.3">
      <c r="A12124" s="11"/>
      <c r="B12124" s="8"/>
    </row>
    <row r="12125" spans="1:2" x14ac:dyDescent="0.3">
      <c r="A12125" s="11"/>
      <c r="B12125" s="8"/>
    </row>
    <row r="12126" spans="1:2" x14ac:dyDescent="0.3">
      <c r="A12126" s="11"/>
      <c r="B12126" s="8"/>
    </row>
    <row r="12127" spans="1:2" x14ac:dyDescent="0.3">
      <c r="A12127" s="11"/>
      <c r="B12127" s="8"/>
    </row>
    <row r="12128" spans="1:2" x14ac:dyDescent="0.3">
      <c r="A12128" s="11"/>
      <c r="B12128" s="8"/>
    </row>
    <row r="12129" spans="1:2" x14ac:dyDescent="0.3">
      <c r="A12129" s="11"/>
      <c r="B12129" s="8"/>
    </row>
    <row r="12130" spans="1:2" x14ac:dyDescent="0.3">
      <c r="A12130" s="11"/>
      <c r="B12130" s="8"/>
    </row>
    <row r="12131" spans="1:2" x14ac:dyDescent="0.3">
      <c r="A12131" s="11"/>
      <c r="B12131" s="8"/>
    </row>
    <row r="12132" spans="1:2" x14ac:dyDescent="0.3">
      <c r="A12132" s="11"/>
      <c r="B12132" s="8"/>
    </row>
    <row r="12133" spans="1:2" x14ac:dyDescent="0.3">
      <c r="A12133" s="11"/>
      <c r="B12133" s="8"/>
    </row>
    <row r="12134" spans="1:2" x14ac:dyDescent="0.3">
      <c r="A12134" s="11"/>
      <c r="B12134" s="8"/>
    </row>
    <row r="12135" spans="1:2" x14ac:dyDescent="0.3">
      <c r="A12135" s="11"/>
      <c r="B12135" s="8"/>
    </row>
    <row r="12136" spans="1:2" x14ac:dyDescent="0.3">
      <c r="A12136" s="11"/>
      <c r="B12136" s="8"/>
    </row>
    <row r="12137" spans="1:2" x14ac:dyDescent="0.3">
      <c r="A12137" s="11"/>
      <c r="B12137" s="8"/>
    </row>
    <row r="12138" spans="1:2" x14ac:dyDescent="0.3">
      <c r="A12138" s="11"/>
      <c r="B12138" s="8"/>
    </row>
    <row r="12139" spans="1:2" x14ac:dyDescent="0.3">
      <c r="A12139" s="11"/>
      <c r="B12139" s="8"/>
    </row>
    <row r="12140" spans="1:2" x14ac:dyDescent="0.3">
      <c r="A12140" s="11"/>
      <c r="B12140" s="8"/>
    </row>
    <row r="12141" spans="1:2" x14ac:dyDescent="0.3">
      <c r="A12141" s="11"/>
      <c r="B12141" s="8"/>
    </row>
    <row r="12142" spans="1:2" x14ac:dyDescent="0.3">
      <c r="A12142" s="11"/>
      <c r="B12142" s="8"/>
    </row>
    <row r="12143" spans="1:2" x14ac:dyDescent="0.3">
      <c r="A12143" s="11"/>
      <c r="B12143" s="8"/>
    </row>
    <row r="12144" spans="1:2" x14ac:dyDescent="0.3">
      <c r="A12144" s="11"/>
      <c r="B12144" s="8"/>
    </row>
    <row r="12145" spans="1:2" x14ac:dyDescent="0.3">
      <c r="A12145" s="11"/>
      <c r="B12145" s="8"/>
    </row>
    <row r="12146" spans="1:2" x14ac:dyDescent="0.3">
      <c r="A12146" s="11"/>
      <c r="B12146" s="8"/>
    </row>
    <row r="12147" spans="1:2" x14ac:dyDescent="0.3">
      <c r="A12147" s="11"/>
      <c r="B12147" s="8"/>
    </row>
    <row r="12148" spans="1:2" x14ac:dyDescent="0.3">
      <c r="A12148" s="11"/>
      <c r="B12148" s="8"/>
    </row>
    <row r="12149" spans="1:2" x14ac:dyDescent="0.3">
      <c r="A12149" s="11"/>
      <c r="B12149" s="8"/>
    </row>
    <row r="12150" spans="1:2" x14ac:dyDescent="0.3">
      <c r="A12150" s="11"/>
      <c r="B12150" s="8"/>
    </row>
    <row r="12151" spans="1:2" x14ac:dyDescent="0.3">
      <c r="A12151" s="11"/>
      <c r="B12151" s="8"/>
    </row>
    <row r="12152" spans="1:2" x14ac:dyDescent="0.3">
      <c r="A12152" s="11"/>
      <c r="B12152" s="8"/>
    </row>
    <row r="12153" spans="1:2" x14ac:dyDescent="0.3">
      <c r="A12153" s="11"/>
      <c r="B12153" s="8"/>
    </row>
    <row r="12154" spans="1:2" x14ac:dyDescent="0.3">
      <c r="A12154" s="11"/>
      <c r="B12154" s="8"/>
    </row>
    <row r="12155" spans="1:2" x14ac:dyDescent="0.3">
      <c r="A12155" s="11"/>
      <c r="B12155" s="8"/>
    </row>
    <row r="12156" spans="1:2" x14ac:dyDescent="0.3">
      <c r="A12156" s="11"/>
      <c r="B12156" s="8"/>
    </row>
    <row r="12157" spans="1:2" x14ac:dyDescent="0.3">
      <c r="A12157" s="11"/>
      <c r="B12157" s="8"/>
    </row>
    <row r="12158" spans="1:2" x14ac:dyDescent="0.3">
      <c r="A12158" s="11"/>
      <c r="B12158" s="8"/>
    </row>
    <row r="12159" spans="1:2" x14ac:dyDescent="0.3">
      <c r="A12159" s="11"/>
      <c r="B12159" s="8"/>
    </row>
    <row r="12160" spans="1:2" x14ac:dyDescent="0.3">
      <c r="A12160" s="11"/>
      <c r="B12160" s="8"/>
    </row>
    <row r="12161" spans="1:2" x14ac:dyDescent="0.3">
      <c r="A12161" s="11"/>
      <c r="B12161" s="8"/>
    </row>
    <row r="12162" spans="1:2" x14ac:dyDescent="0.3">
      <c r="A12162" s="11"/>
      <c r="B12162" s="8"/>
    </row>
    <row r="12163" spans="1:2" x14ac:dyDescent="0.3">
      <c r="A12163" s="11"/>
      <c r="B12163" s="8"/>
    </row>
    <row r="12164" spans="1:2" x14ac:dyDescent="0.3">
      <c r="A12164" s="11"/>
      <c r="B12164" s="8"/>
    </row>
    <row r="12165" spans="1:2" x14ac:dyDescent="0.3">
      <c r="A12165" s="11"/>
      <c r="B12165" s="8"/>
    </row>
    <row r="12166" spans="1:2" x14ac:dyDescent="0.3">
      <c r="A12166" s="11"/>
      <c r="B12166" s="8"/>
    </row>
    <row r="12167" spans="1:2" x14ac:dyDescent="0.3">
      <c r="A12167" s="11"/>
      <c r="B12167" s="8"/>
    </row>
    <row r="12168" spans="1:2" x14ac:dyDescent="0.3">
      <c r="A12168" s="11"/>
      <c r="B12168" s="8"/>
    </row>
    <row r="12169" spans="1:2" x14ac:dyDescent="0.3">
      <c r="A12169" s="11"/>
      <c r="B12169" s="8"/>
    </row>
    <row r="12170" spans="1:2" x14ac:dyDescent="0.3">
      <c r="A12170" s="11"/>
      <c r="B12170" s="8"/>
    </row>
    <row r="12171" spans="1:2" x14ac:dyDescent="0.3">
      <c r="A12171" s="11"/>
      <c r="B12171" s="8"/>
    </row>
    <row r="12172" spans="1:2" x14ac:dyDescent="0.3">
      <c r="A12172" s="11"/>
      <c r="B12172" s="8"/>
    </row>
    <row r="12173" spans="1:2" x14ac:dyDescent="0.3">
      <c r="A12173" s="11"/>
      <c r="B12173" s="8"/>
    </row>
    <row r="12174" spans="1:2" x14ac:dyDescent="0.3">
      <c r="A12174" s="11"/>
      <c r="B12174" s="8"/>
    </row>
    <row r="12175" spans="1:2" x14ac:dyDescent="0.3">
      <c r="A12175" s="11"/>
      <c r="B12175" s="8"/>
    </row>
    <row r="12176" spans="1:2" x14ac:dyDescent="0.3">
      <c r="A12176" s="11"/>
      <c r="B12176" s="8"/>
    </row>
    <row r="12177" spans="1:2" x14ac:dyDescent="0.3">
      <c r="A12177" s="11"/>
      <c r="B12177" s="8"/>
    </row>
    <row r="12178" spans="1:2" x14ac:dyDescent="0.3">
      <c r="A12178" s="11"/>
      <c r="B12178" s="8"/>
    </row>
    <row r="12179" spans="1:2" x14ac:dyDescent="0.3">
      <c r="A12179" s="11"/>
      <c r="B12179" s="8"/>
    </row>
    <row r="12180" spans="1:2" x14ac:dyDescent="0.3">
      <c r="A12180" s="11"/>
      <c r="B12180" s="8"/>
    </row>
    <row r="12181" spans="1:2" x14ac:dyDescent="0.3">
      <c r="A12181" s="11"/>
      <c r="B12181" s="8"/>
    </row>
    <row r="12182" spans="1:2" x14ac:dyDescent="0.3">
      <c r="A12182" s="11"/>
      <c r="B12182" s="8"/>
    </row>
    <row r="12183" spans="1:2" x14ac:dyDescent="0.3">
      <c r="A12183" s="11"/>
      <c r="B12183" s="8"/>
    </row>
    <row r="12184" spans="1:2" x14ac:dyDescent="0.3">
      <c r="A12184" s="11"/>
      <c r="B12184" s="8"/>
    </row>
    <row r="12185" spans="1:2" x14ac:dyDescent="0.3">
      <c r="A12185" s="11"/>
      <c r="B12185" s="8"/>
    </row>
    <row r="12186" spans="1:2" x14ac:dyDescent="0.3">
      <c r="A12186" s="11"/>
      <c r="B12186" s="8"/>
    </row>
    <row r="12187" spans="1:2" x14ac:dyDescent="0.3">
      <c r="A12187" s="11"/>
      <c r="B12187" s="8"/>
    </row>
    <row r="12188" spans="1:2" x14ac:dyDescent="0.3">
      <c r="A12188" s="11"/>
      <c r="B12188" s="8"/>
    </row>
    <row r="12189" spans="1:2" x14ac:dyDescent="0.3">
      <c r="A12189" s="11"/>
      <c r="B12189" s="8"/>
    </row>
    <row r="12190" spans="1:2" x14ac:dyDescent="0.3">
      <c r="A12190" s="11"/>
      <c r="B12190" s="8"/>
    </row>
    <row r="12191" spans="1:2" x14ac:dyDescent="0.3">
      <c r="A12191" s="11"/>
      <c r="B12191" s="8"/>
    </row>
    <row r="12192" spans="1:2" x14ac:dyDescent="0.3">
      <c r="A12192" s="11"/>
      <c r="B12192" s="8"/>
    </row>
    <row r="12193" spans="1:2" x14ac:dyDescent="0.3">
      <c r="A12193" s="11"/>
      <c r="B12193" s="8"/>
    </row>
    <row r="12194" spans="1:2" x14ac:dyDescent="0.3">
      <c r="A12194" s="11"/>
      <c r="B12194" s="8"/>
    </row>
    <row r="12195" spans="1:2" x14ac:dyDescent="0.3">
      <c r="A12195" s="11"/>
      <c r="B12195" s="8"/>
    </row>
    <row r="12196" spans="1:2" x14ac:dyDescent="0.3">
      <c r="A12196" s="11"/>
      <c r="B12196" s="8"/>
    </row>
    <row r="12197" spans="1:2" x14ac:dyDescent="0.3">
      <c r="A12197" s="11"/>
      <c r="B12197" s="8"/>
    </row>
    <row r="12198" spans="1:2" x14ac:dyDescent="0.3">
      <c r="A12198" s="11"/>
      <c r="B12198" s="8"/>
    </row>
    <row r="12199" spans="1:2" x14ac:dyDescent="0.3">
      <c r="A12199" s="11"/>
      <c r="B12199" s="8"/>
    </row>
    <row r="12200" spans="1:2" x14ac:dyDescent="0.3">
      <c r="A12200" s="11"/>
      <c r="B12200" s="8"/>
    </row>
    <row r="12201" spans="1:2" x14ac:dyDescent="0.3">
      <c r="A12201" s="11"/>
      <c r="B12201" s="8"/>
    </row>
    <row r="12202" spans="1:2" x14ac:dyDescent="0.3">
      <c r="A12202" s="11"/>
      <c r="B12202" s="8"/>
    </row>
    <row r="12203" spans="1:2" x14ac:dyDescent="0.3">
      <c r="A12203" s="11"/>
      <c r="B12203" s="8"/>
    </row>
    <row r="12204" spans="1:2" x14ac:dyDescent="0.3">
      <c r="A12204" s="11"/>
      <c r="B12204" s="8"/>
    </row>
    <row r="12205" spans="1:2" x14ac:dyDescent="0.3">
      <c r="A12205" s="11"/>
      <c r="B12205" s="8"/>
    </row>
    <row r="12206" spans="1:2" x14ac:dyDescent="0.3">
      <c r="A12206" s="11"/>
      <c r="B12206" s="8"/>
    </row>
    <row r="12207" spans="1:2" x14ac:dyDescent="0.3">
      <c r="A12207" s="11"/>
      <c r="B12207" s="8"/>
    </row>
    <row r="12208" spans="1:2" x14ac:dyDescent="0.3">
      <c r="A12208" s="11"/>
      <c r="B12208" s="8"/>
    </row>
    <row r="12209" spans="1:2" x14ac:dyDescent="0.3">
      <c r="A12209" s="11"/>
      <c r="B12209" s="8"/>
    </row>
    <row r="12210" spans="1:2" x14ac:dyDescent="0.3">
      <c r="A12210" s="11"/>
      <c r="B12210" s="8"/>
    </row>
    <row r="12211" spans="1:2" x14ac:dyDescent="0.3">
      <c r="A12211" s="11"/>
      <c r="B12211" s="8"/>
    </row>
    <row r="12212" spans="1:2" x14ac:dyDescent="0.3">
      <c r="A12212" s="11"/>
      <c r="B12212" s="8"/>
    </row>
    <row r="12213" spans="1:2" x14ac:dyDescent="0.3">
      <c r="A12213" s="11"/>
      <c r="B12213" s="8"/>
    </row>
    <row r="12214" spans="1:2" x14ac:dyDescent="0.3">
      <c r="A12214" s="11"/>
      <c r="B12214" s="8"/>
    </row>
    <row r="12215" spans="1:2" x14ac:dyDescent="0.3">
      <c r="A12215" s="11"/>
      <c r="B12215" s="8"/>
    </row>
    <row r="12216" spans="1:2" x14ac:dyDescent="0.3">
      <c r="A12216" s="11"/>
      <c r="B12216" s="8"/>
    </row>
    <row r="12217" spans="1:2" x14ac:dyDescent="0.3">
      <c r="A12217" s="11"/>
      <c r="B12217" s="8"/>
    </row>
    <row r="12218" spans="1:2" x14ac:dyDescent="0.3">
      <c r="A12218" s="11"/>
      <c r="B12218" s="8"/>
    </row>
    <row r="12219" spans="1:2" x14ac:dyDescent="0.3">
      <c r="A12219" s="11"/>
      <c r="B12219" s="8"/>
    </row>
    <row r="12220" spans="1:2" x14ac:dyDescent="0.3">
      <c r="A12220" s="11"/>
      <c r="B12220" s="8"/>
    </row>
    <row r="12221" spans="1:2" x14ac:dyDescent="0.3">
      <c r="A12221" s="11"/>
      <c r="B12221" s="8"/>
    </row>
    <row r="12222" spans="1:2" x14ac:dyDescent="0.3">
      <c r="A12222" s="11"/>
      <c r="B12222" s="8"/>
    </row>
    <row r="12223" spans="1:2" x14ac:dyDescent="0.3">
      <c r="A12223" s="11"/>
      <c r="B12223" s="8"/>
    </row>
    <row r="12224" spans="1:2" x14ac:dyDescent="0.3">
      <c r="A12224" s="11"/>
      <c r="B12224" s="8"/>
    </row>
    <row r="12225" spans="1:2" x14ac:dyDescent="0.3">
      <c r="A12225" s="11"/>
      <c r="B12225" s="8"/>
    </row>
    <row r="12226" spans="1:2" x14ac:dyDescent="0.3">
      <c r="A12226" s="11"/>
      <c r="B12226" s="8"/>
    </row>
    <row r="12227" spans="1:2" x14ac:dyDescent="0.3">
      <c r="A12227" s="11"/>
      <c r="B12227" s="8"/>
    </row>
    <row r="12228" spans="1:2" x14ac:dyDescent="0.3">
      <c r="A12228" s="11"/>
      <c r="B12228" s="8"/>
    </row>
    <row r="12229" spans="1:2" x14ac:dyDescent="0.3">
      <c r="A12229" s="11"/>
      <c r="B12229" s="8"/>
    </row>
    <row r="12230" spans="1:2" x14ac:dyDescent="0.3">
      <c r="A12230" s="11"/>
      <c r="B12230" s="8"/>
    </row>
    <row r="12231" spans="1:2" x14ac:dyDescent="0.3">
      <c r="A12231" s="11"/>
      <c r="B12231" s="8"/>
    </row>
    <row r="12232" spans="1:2" x14ac:dyDescent="0.3">
      <c r="A12232" s="11"/>
      <c r="B12232" s="8"/>
    </row>
    <row r="12233" spans="1:2" x14ac:dyDescent="0.3">
      <c r="A12233" s="11"/>
      <c r="B12233" s="8"/>
    </row>
    <row r="12234" spans="1:2" x14ac:dyDescent="0.3">
      <c r="A12234" s="11"/>
      <c r="B12234" s="8"/>
    </row>
    <row r="12235" spans="1:2" x14ac:dyDescent="0.3">
      <c r="A12235" s="11"/>
      <c r="B12235" s="8"/>
    </row>
    <row r="12236" spans="1:2" x14ac:dyDescent="0.3">
      <c r="A12236" s="11"/>
      <c r="B12236" s="8"/>
    </row>
    <row r="12237" spans="1:2" x14ac:dyDescent="0.3">
      <c r="A12237" s="11"/>
      <c r="B12237" s="8"/>
    </row>
    <row r="12238" spans="1:2" x14ac:dyDescent="0.3">
      <c r="A12238" s="11"/>
      <c r="B12238" s="8"/>
    </row>
    <row r="12239" spans="1:2" x14ac:dyDescent="0.3">
      <c r="A12239" s="11"/>
      <c r="B12239" s="8"/>
    </row>
    <row r="12240" spans="1:2" x14ac:dyDescent="0.3">
      <c r="A12240" s="11"/>
      <c r="B12240" s="8"/>
    </row>
    <row r="12241" spans="1:2" x14ac:dyDescent="0.3">
      <c r="A12241" s="11"/>
      <c r="B12241" s="8"/>
    </row>
    <row r="12242" spans="1:2" x14ac:dyDescent="0.3">
      <c r="A12242" s="11"/>
      <c r="B12242" s="8"/>
    </row>
    <row r="12243" spans="1:2" x14ac:dyDescent="0.3">
      <c r="A12243" s="11"/>
      <c r="B12243" s="8"/>
    </row>
    <row r="12244" spans="1:2" x14ac:dyDescent="0.3">
      <c r="A12244" s="11"/>
      <c r="B12244" s="8"/>
    </row>
    <row r="12245" spans="1:2" x14ac:dyDescent="0.3">
      <c r="A12245" s="11"/>
      <c r="B12245" s="8"/>
    </row>
    <row r="12246" spans="1:2" x14ac:dyDescent="0.3">
      <c r="A12246" s="11"/>
      <c r="B12246" s="8"/>
    </row>
    <row r="12247" spans="1:2" x14ac:dyDescent="0.3">
      <c r="A12247" s="11"/>
      <c r="B12247" s="8"/>
    </row>
    <row r="12248" spans="1:2" x14ac:dyDescent="0.3">
      <c r="A12248" s="11"/>
      <c r="B12248" s="8"/>
    </row>
    <row r="12249" spans="1:2" x14ac:dyDescent="0.3">
      <c r="A12249" s="11"/>
      <c r="B12249" s="8"/>
    </row>
    <row r="12250" spans="1:2" x14ac:dyDescent="0.3">
      <c r="A12250" s="11"/>
      <c r="B12250" s="8"/>
    </row>
    <row r="12251" spans="1:2" x14ac:dyDescent="0.3">
      <c r="A12251" s="11"/>
      <c r="B12251" s="8"/>
    </row>
    <row r="12252" spans="1:2" x14ac:dyDescent="0.3">
      <c r="A12252" s="11"/>
      <c r="B12252" s="8"/>
    </row>
    <row r="12253" spans="1:2" x14ac:dyDescent="0.3">
      <c r="A12253" s="11"/>
      <c r="B12253" s="8"/>
    </row>
    <row r="12254" spans="1:2" x14ac:dyDescent="0.3">
      <c r="A12254" s="11"/>
      <c r="B12254" s="8"/>
    </row>
    <row r="12255" spans="1:2" x14ac:dyDescent="0.3">
      <c r="A12255" s="11"/>
      <c r="B12255" s="8"/>
    </row>
    <row r="12256" spans="1:2" x14ac:dyDescent="0.3">
      <c r="A12256" s="11"/>
      <c r="B12256" s="8"/>
    </row>
    <row r="12257" spans="1:2" x14ac:dyDescent="0.3">
      <c r="A12257" s="11"/>
      <c r="B12257" s="8"/>
    </row>
    <row r="12258" spans="1:2" x14ac:dyDescent="0.3">
      <c r="A12258" s="11"/>
      <c r="B12258" s="8"/>
    </row>
    <row r="12259" spans="1:2" x14ac:dyDescent="0.3">
      <c r="A12259" s="11"/>
      <c r="B12259" s="8"/>
    </row>
    <row r="12260" spans="1:2" x14ac:dyDescent="0.3">
      <c r="A12260" s="11"/>
      <c r="B12260" s="8"/>
    </row>
    <row r="12261" spans="1:2" x14ac:dyDescent="0.3">
      <c r="A12261" s="11"/>
      <c r="B12261" s="8"/>
    </row>
    <row r="12262" spans="1:2" x14ac:dyDescent="0.3">
      <c r="A12262" s="11"/>
      <c r="B12262" s="8"/>
    </row>
    <row r="12263" spans="1:2" x14ac:dyDescent="0.3">
      <c r="A12263" s="11"/>
      <c r="B12263" s="8"/>
    </row>
    <row r="12264" spans="1:2" x14ac:dyDescent="0.3">
      <c r="A12264" s="11"/>
      <c r="B12264" s="8"/>
    </row>
    <row r="12265" spans="1:2" x14ac:dyDescent="0.3">
      <c r="A12265" s="11"/>
      <c r="B12265" s="8"/>
    </row>
    <row r="12266" spans="1:2" x14ac:dyDescent="0.3">
      <c r="A12266" s="11"/>
      <c r="B12266" s="8"/>
    </row>
    <row r="12267" spans="1:2" x14ac:dyDescent="0.3">
      <c r="A12267" s="11"/>
      <c r="B12267" s="8"/>
    </row>
    <row r="12268" spans="1:2" x14ac:dyDescent="0.3">
      <c r="A12268" s="11"/>
      <c r="B12268" s="8"/>
    </row>
    <row r="12269" spans="1:2" x14ac:dyDescent="0.3">
      <c r="A12269" s="11"/>
      <c r="B12269" s="8"/>
    </row>
    <row r="12270" spans="1:2" x14ac:dyDescent="0.3">
      <c r="A12270" s="11"/>
      <c r="B12270" s="8"/>
    </row>
    <row r="12271" spans="1:2" x14ac:dyDescent="0.3">
      <c r="A12271" s="11"/>
      <c r="B12271" s="8"/>
    </row>
    <row r="12272" spans="1:2" x14ac:dyDescent="0.3">
      <c r="A12272" s="11"/>
      <c r="B12272" s="8"/>
    </row>
    <row r="12273" spans="1:2" x14ac:dyDescent="0.3">
      <c r="A12273" s="11"/>
      <c r="B12273" s="8"/>
    </row>
    <row r="12274" spans="1:2" x14ac:dyDescent="0.3">
      <c r="A12274" s="11"/>
      <c r="B12274" s="8"/>
    </row>
    <row r="12275" spans="1:2" x14ac:dyDescent="0.3">
      <c r="A12275" s="11"/>
      <c r="B12275" s="8"/>
    </row>
    <row r="12276" spans="1:2" x14ac:dyDescent="0.3">
      <c r="A12276" s="11"/>
      <c r="B12276" s="8"/>
    </row>
    <row r="12277" spans="1:2" x14ac:dyDescent="0.3">
      <c r="A12277" s="11"/>
      <c r="B12277" s="8"/>
    </row>
    <row r="12278" spans="1:2" x14ac:dyDescent="0.3">
      <c r="A12278" s="11"/>
      <c r="B12278" s="8"/>
    </row>
    <row r="12279" spans="1:2" x14ac:dyDescent="0.3">
      <c r="A12279" s="11"/>
      <c r="B12279" s="8"/>
    </row>
    <row r="12280" spans="1:2" x14ac:dyDescent="0.3">
      <c r="A12280" s="11"/>
      <c r="B12280" s="8"/>
    </row>
    <row r="12281" spans="1:2" x14ac:dyDescent="0.3">
      <c r="A12281" s="11"/>
      <c r="B12281" s="8"/>
    </row>
    <row r="12282" spans="1:2" x14ac:dyDescent="0.3">
      <c r="A12282" s="11"/>
      <c r="B12282" s="8"/>
    </row>
    <row r="12283" spans="1:2" x14ac:dyDescent="0.3">
      <c r="A12283" s="11"/>
      <c r="B12283" s="8"/>
    </row>
    <row r="12284" spans="1:2" x14ac:dyDescent="0.3">
      <c r="A12284" s="11"/>
      <c r="B12284" s="8"/>
    </row>
    <row r="12285" spans="1:2" x14ac:dyDescent="0.3">
      <c r="A12285" s="11"/>
      <c r="B12285" s="8"/>
    </row>
    <row r="12286" spans="1:2" x14ac:dyDescent="0.3">
      <c r="A12286" s="11"/>
      <c r="B12286" s="8"/>
    </row>
    <row r="12287" spans="1:2" x14ac:dyDescent="0.3">
      <c r="A12287" s="11"/>
      <c r="B12287" s="8"/>
    </row>
    <row r="12288" spans="1:2" x14ac:dyDescent="0.3">
      <c r="A12288" s="11"/>
      <c r="B12288" s="8"/>
    </row>
    <row r="12289" spans="1:2" x14ac:dyDescent="0.3">
      <c r="A12289" s="11"/>
      <c r="B12289" s="8"/>
    </row>
    <row r="12290" spans="1:2" x14ac:dyDescent="0.3">
      <c r="A12290" s="11"/>
      <c r="B12290" s="8"/>
    </row>
    <row r="12291" spans="1:2" x14ac:dyDescent="0.3">
      <c r="A12291" s="11"/>
      <c r="B12291" s="8"/>
    </row>
    <row r="12292" spans="1:2" x14ac:dyDescent="0.3">
      <c r="A12292" s="11"/>
      <c r="B12292" s="8"/>
    </row>
    <row r="12293" spans="1:2" x14ac:dyDescent="0.3">
      <c r="A12293" s="11"/>
      <c r="B12293" s="8"/>
    </row>
    <row r="12294" spans="1:2" x14ac:dyDescent="0.3">
      <c r="A12294" s="11"/>
      <c r="B12294" s="8"/>
    </row>
    <row r="12295" spans="1:2" x14ac:dyDescent="0.3">
      <c r="A12295" s="11"/>
      <c r="B12295" s="8"/>
    </row>
    <row r="12296" spans="1:2" x14ac:dyDescent="0.3">
      <c r="A12296" s="11"/>
      <c r="B12296" s="8"/>
    </row>
    <row r="12297" spans="1:2" x14ac:dyDescent="0.3">
      <c r="A12297" s="11"/>
      <c r="B12297" s="8"/>
    </row>
    <row r="12298" spans="1:2" x14ac:dyDescent="0.3">
      <c r="A12298" s="11"/>
      <c r="B12298" s="8"/>
    </row>
    <row r="12299" spans="1:2" x14ac:dyDescent="0.3">
      <c r="A12299" s="11"/>
      <c r="B12299" s="8"/>
    </row>
    <row r="12300" spans="1:2" x14ac:dyDescent="0.3">
      <c r="A12300" s="11"/>
      <c r="B12300" s="8"/>
    </row>
    <row r="12301" spans="1:2" x14ac:dyDescent="0.3">
      <c r="A12301" s="11"/>
      <c r="B12301" s="8"/>
    </row>
    <row r="12302" spans="1:2" x14ac:dyDescent="0.3">
      <c r="A12302" s="11"/>
      <c r="B12302" s="8"/>
    </row>
    <row r="12303" spans="1:2" x14ac:dyDescent="0.3">
      <c r="A12303" s="11"/>
      <c r="B12303" s="8"/>
    </row>
    <row r="12304" spans="1:2" x14ac:dyDescent="0.3">
      <c r="A12304" s="11"/>
      <c r="B12304" s="8"/>
    </row>
    <row r="12305" spans="1:2" x14ac:dyDescent="0.3">
      <c r="A12305" s="11"/>
      <c r="B12305" s="8"/>
    </row>
    <row r="12306" spans="1:2" x14ac:dyDescent="0.3">
      <c r="A12306" s="11"/>
      <c r="B12306" s="8"/>
    </row>
    <row r="12307" spans="1:2" x14ac:dyDescent="0.3">
      <c r="A12307" s="11"/>
      <c r="B12307" s="8"/>
    </row>
    <row r="12308" spans="1:2" x14ac:dyDescent="0.3">
      <c r="A12308" s="11"/>
      <c r="B12308" s="8"/>
    </row>
    <row r="12309" spans="1:2" x14ac:dyDescent="0.3">
      <c r="A12309" s="11"/>
      <c r="B12309" s="8"/>
    </row>
    <row r="12310" spans="1:2" x14ac:dyDescent="0.3">
      <c r="A12310" s="11"/>
      <c r="B12310" s="8"/>
    </row>
    <row r="12311" spans="1:2" x14ac:dyDescent="0.3">
      <c r="A12311" s="11"/>
      <c r="B12311" s="8"/>
    </row>
    <row r="12312" spans="1:2" x14ac:dyDescent="0.3">
      <c r="A12312" s="11"/>
      <c r="B12312" s="8"/>
    </row>
    <row r="12313" spans="1:2" x14ac:dyDescent="0.3">
      <c r="A12313" s="11"/>
      <c r="B12313" s="8"/>
    </row>
    <row r="12314" spans="1:2" x14ac:dyDescent="0.3">
      <c r="A12314" s="11"/>
      <c r="B12314" s="8"/>
    </row>
    <row r="12315" spans="1:2" x14ac:dyDescent="0.3">
      <c r="A12315" s="11"/>
      <c r="B12315" s="8"/>
    </row>
    <row r="12316" spans="1:2" x14ac:dyDescent="0.3">
      <c r="A12316" s="11"/>
      <c r="B12316" s="8"/>
    </row>
    <row r="12317" spans="1:2" x14ac:dyDescent="0.3">
      <c r="A12317" s="11"/>
      <c r="B12317" s="8"/>
    </row>
    <row r="12318" spans="1:2" x14ac:dyDescent="0.3">
      <c r="A12318" s="11"/>
      <c r="B12318" s="8"/>
    </row>
    <row r="12319" spans="1:2" x14ac:dyDescent="0.3">
      <c r="A12319" s="11"/>
      <c r="B12319" s="8"/>
    </row>
    <row r="12320" spans="1:2" x14ac:dyDescent="0.3">
      <c r="A12320" s="11"/>
      <c r="B12320" s="8"/>
    </row>
    <row r="12321" spans="1:2" x14ac:dyDescent="0.3">
      <c r="A12321" s="11"/>
      <c r="B12321" s="8"/>
    </row>
    <row r="12322" spans="1:2" x14ac:dyDescent="0.3">
      <c r="A12322" s="11"/>
      <c r="B12322" s="8"/>
    </row>
    <row r="12323" spans="1:2" x14ac:dyDescent="0.3">
      <c r="A12323" s="11"/>
      <c r="B12323" s="8"/>
    </row>
    <row r="12324" spans="1:2" x14ac:dyDescent="0.3">
      <c r="A12324" s="11"/>
      <c r="B12324" s="8"/>
    </row>
    <row r="12325" spans="1:2" x14ac:dyDescent="0.3">
      <c r="A12325" s="11"/>
      <c r="B12325" s="8"/>
    </row>
    <row r="12326" spans="1:2" x14ac:dyDescent="0.3">
      <c r="A12326" s="11"/>
      <c r="B12326" s="8"/>
    </row>
    <row r="12327" spans="1:2" x14ac:dyDescent="0.3">
      <c r="A12327" s="11"/>
      <c r="B12327" s="8"/>
    </row>
    <row r="12328" spans="1:2" x14ac:dyDescent="0.3">
      <c r="A12328" s="11"/>
      <c r="B12328" s="8"/>
    </row>
    <row r="12329" spans="1:2" x14ac:dyDescent="0.3">
      <c r="A12329" s="11"/>
      <c r="B12329" s="8"/>
    </row>
    <row r="12330" spans="1:2" x14ac:dyDescent="0.3">
      <c r="A12330" s="11"/>
      <c r="B12330" s="8"/>
    </row>
    <row r="12331" spans="1:2" x14ac:dyDescent="0.3">
      <c r="A12331" s="11"/>
      <c r="B12331" s="8"/>
    </row>
    <row r="12332" spans="1:2" x14ac:dyDescent="0.3">
      <c r="A12332" s="11"/>
      <c r="B12332" s="8"/>
    </row>
    <row r="12333" spans="1:2" x14ac:dyDescent="0.3">
      <c r="A12333" s="11"/>
      <c r="B12333" s="8"/>
    </row>
    <row r="12334" spans="1:2" x14ac:dyDescent="0.3">
      <c r="A12334" s="11"/>
      <c r="B12334" s="8"/>
    </row>
    <row r="12335" spans="1:2" x14ac:dyDescent="0.3">
      <c r="A12335" s="11"/>
      <c r="B12335" s="8"/>
    </row>
    <row r="12336" spans="1:2" x14ac:dyDescent="0.3">
      <c r="A12336" s="11"/>
      <c r="B12336" s="8"/>
    </row>
    <row r="12337" spans="1:2" x14ac:dyDescent="0.3">
      <c r="A12337" s="11"/>
      <c r="B12337" s="8"/>
    </row>
    <row r="12338" spans="1:2" x14ac:dyDescent="0.3">
      <c r="A12338" s="11"/>
      <c r="B12338" s="8"/>
    </row>
    <row r="12339" spans="1:2" x14ac:dyDescent="0.3">
      <c r="A12339" s="11"/>
      <c r="B12339" s="8"/>
    </row>
    <row r="12340" spans="1:2" x14ac:dyDescent="0.3">
      <c r="A12340" s="11"/>
      <c r="B12340" s="8"/>
    </row>
    <row r="12341" spans="1:2" x14ac:dyDescent="0.3">
      <c r="A12341" s="11"/>
      <c r="B12341" s="8"/>
    </row>
    <row r="12342" spans="1:2" x14ac:dyDescent="0.3">
      <c r="A12342" s="11"/>
      <c r="B12342" s="8"/>
    </row>
    <row r="12343" spans="1:2" x14ac:dyDescent="0.3">
      <c r="A12343" s="11"/>
      <c r="B12343" s="8"/>
    </row>
    <row r="12344" spans="1:2" x14ac:dyDescent="0.3">
      <c r="A12344" s="11"/>
      <c r="B12344" s="8"/>
    </row>
    <row r="12345" spans="1:2" x14ac:dyDescent="0.3">
      <c r="A12345" s="11"/>
      <c r="B12345" s="8"/>
    </row>
    <row r="12346" spans="1:2" x14ac:dyDescent="0.3">
      <c r="A12346" s="11"/>
      <c r="B12346" s="8"/>
    </row>
    <row r="12347" spans="1:2" x14ac:dyDescent="0.3">
      <c r="A12347" s="11"/>
      <c r="B12347" s="8"/>
    </row>
    <row r="12348" spans="1:2" x14ac:dyDescent="0.3">
      <c r="A12348" s="11"/>
      <c r="B12348" s="8"/>
    </row>
    <row r="12349" spans="1:2" x14ac:dyDescent="0.3">
      <c r="A12349" s="11"/>
      <c r="B12349" s="8"/>
    </row>
    <row r="12350" spans="1:2" x14ac:dyDescent="0.3">
      <c r="A12350" s="11"/>
      <c r="B12350" s="8"/>
    </row>
    <row r="12351" spans="1:2" x14ac:dyDescent="0.3">
      <c r="A12351" s="11"/>
      <c r="B12351" s="8"/>
    </row>
    <row r="12352" spans="1:2" x14ac:dyDescent="0.3">
      <c r="A12352" s="11"/>
      <c r="B12352" s="8"/>
    </row>
    <row r="12353" spans="1:2" x14ac:dyDescent="0.3">
      <c r="A12353" s="11"/>
      <c r="B12353" s="8"/>
    </row>
    <row r="12354" spans="1:2" x14ac:dyDescent="0.3">
      <c r="A12354" s="11"/>
      <c r="B12354" s="8"/>
    </row>
    <row r="12355" spans="1:2" x14ac:dyDescent="0.3">
      <c r="A12355" s="11"/>
      <c r="B12355" s="8"/>
    </row>
    <row r="12356" spans="1:2" x14ac:dyDescent="0.3">
      <c r="A12356" s="11"/>
      <c r="B12356" s="8"/>
    </row>
    <row r="12357" spans="1:2" x14ac:dyDescent="0.3">
      <c r="A12357" s="11"/>
      <c r="B12357" s="8"/>
    </row>
    <row r="12358" spans="1:2" x14ac:dyDescent="0.3">
      <c r="A12358" s="11"/>
      <c r="B12358" s="8"/>
    </row>
    <row r="12359" spans="1:2" x14ac:dyDescent="0.3">
      <c r="A12359" s="11"/>
      <c r="B12359" s="8"/>
    </row>
    <row r="12360" spans="1:2" x14ac:dyDescent="0.3">
      <c r="A12360" s="11"/>
      <c r="B12360" s="8"/>
    </row>
    <row r="12361" spans="1:2" x14ac:dyDescent="0.3">
      <c r="A12361" s="11"/>
      <c r="B12361" s="8"/>
    </row>
    <row r="12362" spans="1:2" x14ac:dyDescent="0.3">
      <c r="A12362" s="11"/>
      <c r="B12362" s="8"/>
    </row>
    <row r="12363" spans="1:2" x14ac:dyDescent="0.3">
      <c r="A12363" s="11"/>
      <c r="B12363" s="8"/>
    </row>
    <row r="12364" spans="1:2" x14ac:dyDescent="0.3">
      <c r="A12364" s="11"/>
      <c r="B12364" s="8"/>
    </row>
    <row r="12365" spans="1:2" x14ac:dyDescent="0.3">
      <c r="A12365" s="11"/>
      <c r="B12365" s="8"/>
    </row>
    <row r="12366" spans="1:2" x14ac:dyDescent="0.3">
      <c r="A12366" s="11"/>
      <c r="B12366" s="8"/>
    </row>
    <row r="12367" spans="1:2" x14ac:dyDescent="0.3">
      <c r="A12367" s="11"/>
      <c r="B12367" s="8"/>
    </row>
    <row r="12368" spans="1:2" x14ac:dyDescent="0.3">
      <c r="A12368" s="11"/>
      <c r="B12368" s="8"/>
    </row>
    <row r="12369" spans="1:2" x14ac:dyDescent="0.3">
      <c r="A12369" s="11"/>
      <c r="B12369" s="8"/>
    </row>
    <row r="12370" spans="1:2" x14ac:dyDescent="0.3">
      <c r="A12370" s="11"/>
      <c r="B12370" s="8"/>
    </row>
    <row r="12371" spans="1:2" x14ac:dyDescent="0.3">
      <c r="A12371" s="11"/>
      <c r="B12371" s="8"/>
    </row>
    <row r="12372" spans="1:2" x14ac:dyDescent="0.3">
      <c r="A12372" s="11"/>
      <c r="B12372" s="8"/>
    </row>
    <row r="12373" spans="1:2" x14ac:dyDescent="0.3">
      <c r="A12373" s="11"/>
      <c r="B12373" s="8"/>
    </row>
    <row r="12374" spans="1:2" x14ac:dyDescent="0.3">
      <c r="A12374" s="11"/>
      <c r="B12374" s="8"/>
    </row>
    <row r="12375" spans="1:2" x14ac:dyDescent="0.3">
      <c r="A12375" s="11"/>
      <c r="B12375" s="8"/>
    </row>
    <row r="12376" spans="1:2" x14ac:dyDescent="0.3">
      <c r="A12376" s="11"/>
      <c r="B12376" s="8"/>
    </row>
    <row r="12377" spans="1:2" x14ac:dyDescent="0.3">
      <c r="A12377" s="11"/>
      <c r="B12377" s="8"/>
    </row>
    <row r="12378" spans="1:2" x14ac:dyDescent="0.3">
      <c r="A12378" s="11"/>
      <c r="B12378" s="8"/>
    </row>
    <row r="12379" spans="1:2" x14ac:dyDescent="0.3">
      <c r="A12379" s="11"/>
      <c r="B12379" s="8"/>
    </row>
    <row r="12380" spans="1:2" x14ac:dyDescent="0.3">
      <c r="A12380" s="11"/>
      <c r="B12380" s="8"/>
    </row>
    <row r="12381" spans="1:2" x14ac:dyDescent="0.3">
      <c r="A12381" s="11"/>
      <c r="B12381" s="8"/>
    </row>
    <row r="12382" spans="1:2" x14ac:dyDescent="0.3">
      <c r="A12382" s="11"/>
      <c r="B12382" s="8"/>
    </row>
    <row r="12383" spans="1:2" x14ac:dyDescent="0.3">
      <c r="A12383" s="11"/>
      <c r="B12383" s="8"/>
    </row>
    <row r="12384" spans="1:2" x14ac:dyDescent="0.3">
      <c r="A12384" s="11"/>
      <c r="B12384" s="8"/>
    </row>
    <row r="12385" spans="1:2" x14ac:dyDescent="0.3">
      <c r="A12385" s="11"/>
      <c r="B12385" s="8"/>
    </row>
    <row r="12386" spans="1:2" x14ac:dyDescent="0.3">
      <c r="A12386" s="11"/>
      <c r="B12386" s="8"/>
    </row>
    <row r="12387" spans="1:2" x14ac:dyDescent="0.3">
      <c r="A12387" s="11"/>
      <c r="B12387" s="8"/>
    </row>
    <row r="12388" spans="1:2" x14ac:dyDescent="0.3">
      <c r="A12388" s="11"/>
      <c r="B12388" s="8"/>
    </row>
    <row r="12389" spans="1:2" x14ac:dyDescent="0.3">
      <c r="A12389" s="11"/>
      <c r="B12389" s="8"/>
    </row>
    <row r="12390" spans="1:2" x14ac:dyDescent="0.3">
      <c r="A12390" s="11"/>
      <c r="B12390" s="8"/>
    </row>
    <row r="12391" spans="1:2" x14ac:dyDescent="0.3">
      <c r="A12391" s="11"/>
      <c r="B12391" s="8"/>
    </row>
    <row r="12392" spans="1:2" x14ac:dyDescent="0.3">
      <c r="A12392" s="11"/>
      <c r="B12392" s="8"/>
    </row>
    <row r="12393" spans="1:2" x14ac:dyDescent="0.3">
      <c r="A12393" s="11"/>
      <c r="B12393" s="8"/>
    </row>
    <row r="12394" spans="1:2" x14ac:dyDescent="0.3">
      <c r="A12394" s="11"/>
      <c r="B12394" s="8"/>
    </row>
    <row r="12395" spans="1:2" x14ac:dyDescent="0.3">
      <c r="A12395" s="11"/>
      <c r="B12395" s="8"/>
    </row>
    <row r="12396" spans="1:2" x14ac:dyDescent="0.3">
      <c r="A12396" s="11"/>
      <c r="B12396" s="8"/>
    </row>
    <row r="12397" spans="1:2" x14ac:dyDescent="0.3">
      <c r="A12397" s="11"/>
      <c r="B12397" s="8"/>
    </row>
    <row r="12398" spans="1:2" x14ac:dyDescent="0.3">
      <c r="A12398" s="11"/>
      <c r="B12398" s="8"/>
    </row>
    <row r="12399" spans="1:2" x14ac:dyDescent="0.3">
      <c r="A12399" s="11"/>
      <c r="B12399" s="8"/>
    </row>
    <row r="12400" spans="1:2" x14ac:dyDescent="0.3">
      <c r="A12400" s="11"/>
      <c r="B12400" s="8"/>
    </row>
    <row r="12401" spans="1:2" x14ac:dyDescent="0.3">
      <c r="A12401" s="11"/>
      <c r="B12401" s="8"/>
    </row>
    <row r="12402" spans="1:2" x14ac:dyDescent="0.3">
      <c r="A12402" s="11"/>
      <c r="B12402" s="8"/>
    </row>
    <row r="12403" spans="1:2" x14ac:dyDescent="0.3">
      <c r="A12403" s="11"/>
      <c r="B12403" s="8"/>
    </row>
    <row r="12404" spans="1:2" x14ac:dyDescent="0.3">
      <c r="A12404" s="11"/>
      <c r="B12404" s="8"/>
    </row>
    <row r="12405" spans="1:2" x14ac:dyDescent="0.3">
      <c r="A12405" s="11"/>
      <c r="B12405" s="8"/>
    </row>
    <row r="12406" spans="1:2" x14ac:dyDescent="0.3">
      <c r="A12406" s="11"/>
      <c r="B12406" s="8"/>
    </row>
    <row r="12407" spans="1:2" x14ac:dyDescent="0.3">
      <c r="A12407" s="11"/>
      <c r="B12407" s="8"/>
    </row>
    <row r="12408" spans="1:2" x14ac:dyDescent="0.3">
      <c r="A12408" s="11"/>
      <c r="B12408" s="8"/>
    </row>
    <row r="12409" spans="1:2" x14ac:dyDescent="0.3">
      <c r="A12409" s="11"/>
      <c r="B12409" s="8"/>
    </row>
    <row r="12410" spans="1:2" x14ac:dyDescent="0.3">
      <c r="A12410" s="11"/>
      <c r="B12410" s="8"/>
    </row>
    <row r="12411" spans="1:2" x14ac:dyDescent="0.3">
      <c r="A12411" s="11"/>
      <c r="B12411" s="8"/>
    </row>
    <row r="12412" spans="1:2" x14ac:dyDescent="0.3">
      <c r="A12412" s="11"/>
      <c r="B12412" s="8"/>
    </row>
    <row r="12413" spans="1:2" x14ac:dyDescent="0.3">
      <c r="A12413" s="11"/>
      <c r="B12413" s="8"/>
    </row>
    <row r="12414" spans="1:2" x14ac:dyDescent="0.3">
      <c r="A12414" s="11"/>
      <c r="B12414" s="8"/>
    </row>
    <row r="12415" spans="1:2" x14ac:dyDescent="0.3">
      <c r="A12415" s="11"/>
      <c r="B12415" s="8"/>
    </row>
    <row r="12416" spans="1:2" x14ac:dyDescent="0.3">
      <c r="A12416" s="11"/>
      <c r="B12416" s="8"/>
    </row>
    <row r="12417" spans="1:2" x14ac:dyDescent="0.3">
      <c r="A12417" s="11"/>
      <c r="B12417" s="8"/>
    </row>
    <row r="12418" spans="1:2" x14ac:dyDescent="0.3">
      <c r="A12418" s="11"/>
      <c r="B12418" s="8"/>
    </row>
    <row r="12419" spans="1:2" x14ac:dyDescent="0.3">
      <c r="A12419" s="11"/>
      <c r="B12419" s="8"/>
    </row>
    <row r="12420" spans="1:2" x14ac:dyDescent="0.3">
      <c r="A12420" s="11"/>
      <c r="B12420" s="8"/>
    </row>
    <row r="12421" spans="1:2" x14ac:dyDescent="0.3">
      <c r="A12421" s="11"/>
      <c r="B12421" s="8"/>
    </row>
    <row r="12422" spans="1:2" x14ac:dyDescent="0.3">
      <c r="A12422" s="11"/>
      <c r="B12422" s="8"/>
    </row>
    <row r="12423" spans="1:2" x14ac:dyDescent="0.3">
      <c r="A12423" s="11"/>
      <c r="B12423" s="8"/>
    </row>
    <row r="12424" spans="1:2" x14ac:dyDescent="0.3">
      <c r="A12424" s="11"/>
      <c r="B12424" s="8"/>
    </row>
    <row r="12425" spans="1:2" x14ac:dyDescent="0.3">
      <c r="A12425" s="11"/>
      <c r="B12425" s="8"/>
    </row>
    <row r="12426" spans="1:2" x14ac:dyDescent="0.3">
      <c r="A12426" s="11"/>
      <c r="B12426" s="8"/>
    </row>
    <row r="12427" spans="1:2" x14ac:dyDescent="0.3">
      <c r="A12427" s="11"/>
      <c r="B12427" s="8"/>
    </row>
    <row r="12428" spans="1:2" x14ac:dyDescent="0.3">
      <c r="A12428" s="11"/>
      <c r="B12428" s="8"/>
    </row>
    <row r="12429" spans="1:2" x14ac:dyDescent="0.3">
      <c r="A12429" s="11"/>
      <c r="B12429" s="8"/>
    </row>
    <row r="12430" spans="1:2" x14ac:dyDescent="0.3">
      <c r="A12430" s="11"/>
      <c r="B12430" s="8"/>
    </row>
    <row r="12431" spans="1:2" x14ac:dyDescent="0.3">
      <c r="A12431" s="11"/>
      <c r="B12431" s="8"/>
    </row>
    <row r="12432" spans="1:2" x14ac:dyDescent="0.3">
      <c r="A12432" s="11"/>
      <c r="B12432" s="8"/>
    </row>
    <row r="12433" spans="1:2" x14ac:dyDescent="0.3">
      <c r="A12433" s="11"/>
      <c r="B12433" s="8"/>
    </row>
    <row r="12434" spans="1:2" x14ac:dyDescent="0.3">
      <c r="A12434" s="11"/>
      <c r="B12434" s="8"/>
    </row>
    <row r="12435" spans="1:2" x14ac:dyDescent="0.3">
      <c r="A12435" s="11"/>
      <c r="B12435" s="8"/>
    </row>
    <row r="12436" spans="1:2" x14ac:dyDescent="0.3">
      <c r="A12436" s="11"/>
      <c r="B12436" s="8"/>
    </row>
    <row r="12437" spans="1:2" x14ac:dyDescent="0.3">
      <c r="A12437" s="11"/>
      <c r="B12437" s="8"/>
    </row>
    <row r="12438" spans="1:2" x14ac:dyDescent="0.3">
      <c r="A12438" s="11"/>
      <c r="B12438" s="8"/>
    </row>
    <row r="12439" spans="1:2" x14ac:dyDescent="0.3">
      <c r="A12439" s="11"/>
      <c r="B12439" s="8"/>
    </row>
    <row r="12440" spans="1:2" x14ac:dyDescent="0.3">
      <c r="A12440" s="11"/>
      <c r="B12440" s="8"/>
    </row>
    <row r="12441" spans="1:2" x14ac:dyDescent="0.3">
      <c r="A12441" s="11"/>
      <c r="B12441" s="8"/>
    </row>
    <row r="12442" spans="1:2" x14ac:dyDescent="0.3">
      <c r="A12442" s="11"/>
      <c r="B12442" s="8"/>
    </row>
    <row r="12443" spans="1:2" x14ac:dyDescent="0.3">
      <c r="A12443" s="11"/>
      <c r="B12443" s="8"/>
    </row>
    <row r="12444" spans="1:2" x14ac:dyDescent="0.3">
      <c r="A12444" s="11"/>
      <c r="B12444" s="8"/>
    </row>
    <row r="12445" spans="1:2" x14ac:dyDescent="0.3">
      <c r="A12445" s="11"/>
      <c r="B12445" s="8"/>
    </row>
    <row r="12446" spans="1:2" x14ac:dyDescent="0.3">
      <c r="A12446" s="11"/>
      <c r="B12446" s="8"/>
    </row>
    <row r="12447" spans="1:2" x14ac:dyDescent="0.3">
      <c r="A12447" s="11"/>
      <c r="B12447" s="8"/>
    </row>
    <row r="12448" spans="1:2" x14ac:dyDescent="0.3">
      <c r="A12448" s="11"/>
      <c r="B12448" s="8"/>
    </row>
    <row r="12449" spans="1:2" x14ac:dyDescent="0.3">
      <c r="A12449" s="11"/>
      <c r="B12449" s="8"/>
    </row>
    <row r="12450" spans="1:2" x14ac:dyDescent="0.3">
      <c r="A12450" s="11"/>
      <c r="B12450" s="8"/>
    </row>
    <row r="12451" spans="1:2" x14ac:dyDescent="0.3">
      <c r="A12451" s="11"/>
      <c r="B12451" s="8"/>
    </row>
    <row r="12452" spans="1:2" x14ac:dyDescent="0.3">
      <c r="A12452" s="11"/>
      <c r="B12452" s="8"/>
    </row>
    <row r="12453" spans="1:2" x14ac:dyDescent="0.3">
      <c r="A12453" s="11"/>
      <c r="B12453" s="8"/>
    </row>
    <row r="12454" spans="1:2" x14ac:dyDescent="0.3">
      <c r="A12454" s="11"/>
      <c r="B12454" s="8"/>
    </row>
    <row r="12455" spans="1:2" x14ac:dyDescent="0.3">
      <c r="A12455" s="11"/>
      <c r="B12455" s="8"/>
    </row>
    <row r="12456" spans="1:2" x14ac:dyDescent="0.3">
      <c r="A12456" s="11"/>
      <c r="B12456" s="8"/>
    </row>
    <row r="12457" spans="1:2" x14ac:dyDescent="0.3">
      <c r="A12457" s="11"/>
      <c r="B12457" s="8"/>
    </row>
    <row r="12458" spans="1:2" x14ac:dyDescent="0.3">
      <c r="A12458" s="11"/>
      <c r="B12458" s="8"/>
    </row>
    <row r="12459" spans="1:2" x14ac:dyDescent="0.3">
      <c r="A12459" s="11"/>
      <c r="B12459" s="8"/>
    </row>
    <row r="12460" spans="1:2" x14ac:dyDescent="0.3">
      <c r="A12460" s="11"/>
      <c r="B12460" s="8"/>
    </row>
    <row r="12461" spans="1:2" x14ac:dyDescent="0.3">
      <c r="A12461" s="11"/>
      <c r="B12461" s="8"/>
    </row>
    <row r="12462" spans="1:2" x14ac:dyDescent="0.3">
      <c r="A12462" s="11"/>
      <c r="B12462" s="8"/>
    </row>
    <row r="12463" spans="1:2" x14ac:dyDescent="0.3">
      <c r="A12463" s="11"/>
      <c r="B12463" s="8"/>
    </row>
    <row r="12464" spans="1:2" x14ac:dyDescent="0.3">
      <c r="A12464" s="11"/>
      <c r="B12464" s="8"/>
    </row>
    <row r="12465" spans="1:2" x14ac:dyDescent="0.3">
      <c r="A12465" s="11"/>
      <c r="B12465" s="8"/>
    </row>
    <row r="12466" spans="1:2" x14ac:dyDescent="0.3">
      <c r="A12466" s="11"/>
      <c r="B12466" s="8"/>
    </row>
    <row r="12467" spans="1:2" x14ac:dyDescent="0.3">
      <c r="A12467" s="11"/>
      <c r="B12467" s="8"/>
    </row>
    <row r="12468" spans="1:2" x14ac:dyDescent="0.3">
      <c r="A12468" s="11"/>
      <c r="B12468" s="8"/>
    </row>
    <row r="12469" spans="1:2" x14ac:dyDescent="0.3">
      <c r="A12469" s="11"/>
      <c r="B12469" s="8"/>
    </row>
    <row r="12470" spans="1:2" x14ac:dyDescent="0.3">
      <c r="A12470" s="11"/>
      <c r="B12470" s="8"/>
    </row>
    <row r="12471" spans="1:2" x14ac:dyDescent="0.3">
      <c r="A12471" s="11"/>
      <c r="B12471" s="8"/>
    </row>
    <row r="12472" spans="1:2" x14ac:dyDescent="0.3">
      <c r="A12472" s="11"/>
      <c r="B12472" s="8"/>
    </row>
    <row r="12473" spans="1:2" x14ac:dyDescent="0.3">
      <c r="A12473" s="11"/>
      <c r="B12473" s="8"/>
    </row>
    <row r="12474" spans="1:2" x14ac:dyDescent="0.3">
      <c r="A12474" s="11"/>
      <c r="B12474" s="8"/>
    </row>
    <row r="12475" spans="1:2" x14ac:dyDescent="0.3">
      <c r="A12475" s="11"/>
      <c r="B12475" s="8"/>
    </row>
    <row r="12476" spans="1:2" x14ac:dyDescent="0.3">
      <c r="A12476" s="11"/>
      <c r="B12476" s="8"/>
    </row>
    <row r="12477" spans="1:2" x14ac:dyDescent="0.3">
      <c r="A12477" s="11"/>
      <c r="B12477" s="8"/>
    </row>
    <row r="12478" spans="1:2" x14ac:dyDescent="0.3">
      <c r="A12478" s="11"/>
      <c r="B12478" s="8"/>
    </row>
    <row r="12479" spans="1:2" x14ac:dyDescent="0.3">
      <c r="A12479" s="11"/>
      <c r="B12479" s="8"/>
    </row>
    <row r="12480" spans="1:2" x14ac:dyDescent="0.3">
      <c r="A12480" s="11"/>
      <c r="B12480" s="8"/>
    </row>
    <row r="12481" spans="1:2" x14ac:dyDescent="0.3">
      <c r="A12481" s="11"/>
      <c r="B12481" s="8"/>
    </row>
    <row r="12482" spans="1:2" x14ac:dyDescent="0.3">
      <c r="A12482" s="11"/>
      <c r="B12482" s="8"/>
    </row>
    <row r="12483" spans="1:2" x14ac:dyDescent="0.3">
      <c r="A12483" s="11"/>
      <c r="B12483" s="8"/>
    </row>
    <row r="12484" spans="1:2" x14ac:dyDescent="0.3">
      <c r="A12484" s="11"/>
      <c r="B12484" s="8"/>
    </row>
    <row r="12485" spans="1:2" x14ac:dyDescent="0.3">
      <c r="A12485" s="11"/>
      <c r="B12485" s="8"/>
    </row>
    <row r="12486" spans="1:2" x14ac:dyDescent="0.3">
      <c r="A12486" s="11"/>
      <c r="B12486" s="8"/>
    </row>
    <row r="12487" spans="1:2" x14ac:dyDescent="0.3">
      <c r="A12487" s="11"/>
      <c r="B12487" s="8"/>
    </row>
    <row r="12488" spans="1:2" x14ac:dyDescent="0.3">
      <c r="A12488" s="11"/>
      <c r="B12488" s="8"/>
    </row>
    <row r="12489" spans="1:2" x14ac:dyDescent="0.3">
      <c r="A12489" s="11"/>
      <c r="B12489" s="8"/>
    </row>
    <row r="12490" spans="1:2" x14ac:dyDescent="0.3">
      <c r="A12490" s="11"/>
      <c r="B12490" s="8"/>
    </row>
    <row r="12491" spans="1:2" x14ac:dyDescent="0.3">
      <c r="A12491" s="11"/>
      <c r="B12491" s="8"/>
    </row>
    <row r="12492" spans="1:2" x14ac:dyDescent="0.3">
      <c r="A12492" s="11"/>
      <c r="B12492" s="8"/>
    </row>
    <row r="12493" spans="1:2" x14ac:dyDescent="0.3">
      <c r="A12493" s="11"/>
      <c r="B12493" s="8"/>
    </row>
    <row r="12494" spans="1:2" x14ac:dyDescent="0.3">
      <c r="A12494" s="11"/>
      <c r="B12494" s="8"/>
    </row>
    <row r="12495" spans="1:2" x14ac:dyDescent="0.3">
      <c r="A12495" s="11"/>
      <c r="B12495" s="8"/>
    </row>
    <row r="12496" spans="1:2" x14ac:dyDescent="0.3">
      <c r="A12496" s="11"/>
      <c r="B12496" s="8"/>
    </row>
    <row r="12497" spans="1:2" x14ac:dyDescent="0.3">
      <c r="A12497" s="11"/>
      <c r="B12497" s="8"/>
    </row>
    <row r="12498" spans="1:2" x14ac:dyDescent="0.3">
      <c r="A12498" s="11"/>
      <c r="B12498" s="8"/>
    </row>
    <row r="12499" spans="1:2" x14ac:dyDescent="0.3">
      <c r="A12499" s="11"/>
      <c r="B12499" s="8"/>
    </row>
    <row r="12500" spans="1:2" x14ac:dyDescent="0.3">
      <c r="A12500" s="11"/>
      <c r="B12500" s="8"/>
    </row>
    <row r="12501" spans="1:2" x14ac:dyDescent="0.3">
      <c r="A12501" s="11"/>
      <c r="B12501" s="8"/>
    </row>
    <row r="12502" spans="1:2" x14ac:dyDescent="0.3">
      <c r="A12502" s="11"/>
      <c r="B12502" s="8"/>
    </row>
    <row r="12503" spans="1:2" x14ac:dyDescent="0.3">
      <c r="A12503" s="11"/>
      <c r="B12503" s="8"/>
    </row>
    <row r="12504" spans="1:2" x14ac:dyDescent="0.3">
      <c r="A12504" s="11"/>
      <c r="B12504" s="8"/>
    </row>
    <row r="12505" spans="1:2" x14ac:dyDescent="0.3">
      <c r="A12505" s="11"/>
      <c r="B12505" s="8"/>
    </row>
    <row r="12506" spans="1:2" x14ac:dyDescent="0.3">
      <c r="A12506" s="11"/>
      <c r="B12506" s="8"/>
    </row>
    <row r="12507" spans="1:2" x14ac:dyDescent="0.3">
      <c r="A12507" s="11"/>
      <c r="B12507" s="8"/>
    </row>
    <row r="12508" spans="1:2" x14ac:dyDescent="0.3">
      <c r="A12508" s="11"/>
      <c r="B12508" s="8"/>
    </row>
    <row r="12509" spans="1:2" x14ac:dyDescent="0.3">
      <c r="A12509" s="11"/>
      <c r="B12509" s="8"/>
    </row>
    <row r="12510" spans="1:2" x14ac:dyDescent="0.3">
      <c r="A12510" s="11"/>
      <c r="B12510" s="8"/>
    </row>
    <row r="12511" spans="1:2" x14ac:dyDescent="0.3">
      <c r="A12511" s="11"/>
      <c r="B12511" s="8"/>
    </row>
    <row r="12512" spans="1:2" x14ac:dyDescent="0.3">
      <c r="A12512" s="11"/>
      <c r="B12512" s="8"/>
    </row>
    <row r="12513" spans="1:2" x14ac:dyDescent="0.3">
      <c r="A12513" s="11"/>
      <c r="B12513" s="8"/>
    </row>
    <row r="12514" spans="1:2" x14ac:dyDescent="0.3">
      <c r="A12514" s="11"/>
      <c r="B12514" s="8"/>
    </row>
    <row r="12515" spans="1:2" x14ac:dyDescent="0.3">
      <c r="A12515" s="11"/>
      <c r="B12515" s="8"/>
    </row>
    <row r="12516" spans="1:2" x14ac:dyDescent="0.3">
      <c r="A12516" s="11"/>
      <c r="B12516" s="8"/>
    </row>
    <row r="12517" spans="1:2" x14ac:dyDescent="0.3">
      <c r="A12517" s="11"/>
      <c r="B12517" s="8"/>
    </row>
    <row r="12518" spans="1:2" x14ac:dyDescent="0.3">
      <c r="A12518" s="11"/>
      <c r="B12518" s="8"/>
    </row>
    <row r="12519" spans="1:2" x14ac:dyDescent="0.3">
      <c r="A12519" s="11"/>
      <c r="B12519" s="8"/>
    </row>
    <row r="12520" spans="1:2" x14ac:dyDescent="0.3">
      <c r="A12520" s="11"/>
      <c r="B12520" s="8"/>
    </row>
    <row r="12521" spans="1:2" x14ac:dyDescent="0.3">
      <c r="A12521" s="11"/>
      <c r="B12521" s="8"/>
    </row>
    <row r="12522" spans="1:2" x14ac:dyDescent="0.3">
      <c r="A12522" s="11"/>
      <c r="B12522" s="8"/>
    </row>
    <row r="12523" spans="1:2" x14ac:dyDescent="0.3">
      <c r="A12523" s="11"/>
      <c r="B12523" s="8"/>
    </row>
    <row r="12524" spans="1:2" x14ac:dyDescent="0.3">
      <c r="A12524" s="11"/>
      <c r="B12524" s="8"/>
    </row>
    <row r="12525" spans="1:2" x14ac:dyDescent="0.3">
      <c r="A12525" s="11"/>
      <c r="B12525" s="8"/>
    </row>
    <row r="12526" spans="1:2" x14ac:dyDescent="0.3">
      <c r="A12526" s="11"/>
      <c r="B12526" s="8"/>
    </row>
    <row r="12527" spans="1:2" x14ac:dyDescent="0.3">
      <c r="A12527" s="11"/>
      <c r="B12527" s="8"/>
    </row>
    <row r="12528" spans="1:2" x14ac:dyDescent="0.3">
      <c r="A12528" s="11"/>
      <c r="B12528" s="8"/>
    </row>
    <row r="12529" spans="1:2" x14ac:dyDescent="0.3">
      <c r="A12529" s="11"/>
      <c r="B12529" s="8"/>
    </row>
    <row r="12530" spans="1:2" x14ac:dyDescent="0.3">
      <c r="A12530" s="11"/>
      <c r="B12530" s="8"/>
    </row>
    <row r="12531" spans="1:2" x14ac:dyDescent="0.3">
      <c r="A12531" s="11"/>
      <c r="B12531" s="8"/>
    </row>
    <row r="12532" spans="1:2" x14ac:dyDescent="0.3">
      <c r="A12532" s="11"/>
      <c r="B12532" s="8"/>
    </row>
    <row r="12533" spans="1:2" x14ac:dyDescent="0.3">
      <c r="A12533" s="11"/>
      <c r="B12533" s="8"/>
    </row>
    <row r="12534" spans="1:2" x14ac:dyDescent="0.3">
      <c r="A12534" s="11"/>
      <c r="B12534" s="8"/>
    </row>
    <row r="12535" spans="1:2" x14ac:dyDescent="0.3">
      <c r="A12535" s="11"/>
      <c r="B12535" s="8"/>
    </row>
    <row r="12536" spans="1:2" x14ac:dyDescent="0.3">
      <c r="A12536" s="11"/>
      <c r="B12536" s="8"/>
    </row>
    <row r="12537" spans="1:2" x14ac:dyDescent="0.3">
      <c r="A12537" s="11"/>
      <c r="B12537" s="8"/>
    </row>
    <row r="12538" spans="1:2" x14ac:dyDescent="0.3">
      <c r="A12538" s="11"/>
      <c r="B12538" s="8"/>
    </row>
    <row r="12539" spans="1:2" x14ac:dyDescent="0.3">
      <c r="A12539" s="11"/>
      <c r="B12539" s="8"/>
    </row>
    <row r="12540" spans="1:2" x14ac:dyDescent="0.3">
      <c r="A12540" s="11"/>
      <c r="B12540" s="8"/>
    </row>
    <row r="12541" spans="1:2" x14ac:dyDescent="0.3">
      <c r="A12541" s="11"/>
      <c r="B12541" s="8"/>
    </row>
    <row r="12542" spans="1:2" x14ac:dyDescent="0.3">
      <c r="A12542" s="11"/>
      <c r="B12542" s="8"/>
    </row>
    <row r="12543" spans="1:2" x14ac:dyDescent="0.3">
      <c r="A12543" s="11"/>
      <c r="B12543" s="8"/>
    </row>
    <row r="12544" spans="1:2" x14ac:dyDescent="0.3">
      <c r="A12544" s="11"/>
      <c r="B12544" s="8"/>
    </row>
    <row r="12545" spans="1:2" x14ac:dyDescent="0.3">
      <c r="A12545" s="11"/>
      <c r="B12545" s="8"/>
    </row>
    <row r="12546" spans="1:2" x14ac:dyDescent="0.3">
      <c r="A12546" s="11"/>
      <c r="B12546" s="8"/>
    </row>
    <row r="12547" spans="1:2" x14ac:dyDescent="0.3">
      <c r="A12547" s="11"/>
      <c r="B12547" s="8"/>
    </row>
    <row r="12548" spans="1:2" x14ac:dyDescent="0.3">
      <c r="A12548" s="11"/>
      <c r="B12548" s="8"/>
    </row>
    <row r="12549" spans="1:2" x14ac:dyDescent="0.3">
      <c r="A12549" s="11"/>
      <c r="B12549" s="8"/>
    </row>
    <row r="12550" spans="1:2" x14ac:dyDescent="0.3">
      <c r="A12550" s="11"/>
      <c r="B12550" s="8"/>
    </row>
    <row r="12551" spans="1:2" x14ac:dyDescent="0.3">
      <c r="A12551" s="11"/>
      <c r="B12551" s="8"/>
    </row>
    <row r="12552" spans="1:2" x14ac:dyDescent="0.3">
      <c r="A12552" s="11"/>
      <c r="B12552" s="8"/>
    </row>
    <row r="12553" spans="1:2" x14ac:dyDescent="0.3">
      <c r="A12553" s="11"/>
      <c r="B12553" s="8"/>
    </row>
    <row r="12554" spans="1:2" x14ac:dyDescent="0.3">
      <c r="A12554" s="11"/>
      <c r="B12554" s="8"/>
    </row>
    <row r="12555" spans="1:2" x14ac:dyDescent="0.3">
      <c r="A12555" s="11"/>
      <c r="B12555" s="8"/>
    </row>
    <row r="12556" spans="1:2" x14ac:dyDescent="0.3">
      <c r="A12556" s="11"/>
      <c r="B12556" s="8"/>
    </row>
    <row r="12557" spans="1:2" x14ac:dyDescent="0.3">
      <c r="A12557" s="11"/>
      <c r="B12557" s="8"/>
    </row>
    <row r="12558" spans="1:2" x14ac:dyDescent="0.3">
      <c r="A12558" s="11"/>
      <c r="B12558" s="8"/>
    </row>
    <row r="12559" spans="1:2" x14ac:dyDescent="0.3">
      <c r="A12559" s="11"/>
      <c r="B12559" s="8"/>
    </row>
    <row r="12560" spans="1:2" x14ac:dyDescent="0.3">
      <c r="A12560" s="11"/>
      <c r="B12560" s="8"/>
    </row>
    <row r="12561" spans="1:2" x14ac:dyDescent="0.3">
      <c r="A12561" s="11"/>
      <c r="B12561" s="8"/>
    </row>
    <row r="12562" spans="1:2" x14ac:dyDescent="0.3">
      <c r="A12562" s="11"/>
      <c r="B12562" s="8"/>
    </row>
    <row r="12563" spans="1:2" x14ac:dyDescent="0.3">
      <c r="A12563" s="11"/>
      <c r="B12563" s="8"/>
    </row>
    <row r="12564" spans="1:2" x14ac:dyDescent="0.3">
      <c r="A12564" s="11"/>
      <c r="B12564" s="8"/>
    </row>
    <row r="12565" spans="1:2" x14ac:dyDescent="0.3">
      <c r="A12565" s="11"/>
      <c r="B12565" s="8"/>
    </row>
    <row r="12566" spans="1:2" x14ac:dyDescent="0.3">
      <c r="A12566" s="11"/>
      <c r="B12566" s="8"/>
    </row>
    <row r="12567" spans="1:2" x14ac:dyDescent="0.3">
      <c r="A12567" s="11"/>
      <c r="B12567" s="8"/>
    </row>
    <row r="12568" spans="1:2" x14ac:dyDescent="0.3">
      <c r="A12568" s="11"/>
      <c r="B12568" s="8"/>
    </row>
    <row r="12569" spans="1:2" x14ac:dyDescent="0.3">
      <c r="A12569" s="11"/>
      <c r="B12569" s="8"/>
    </row>
    <row r="12570" spans="1:2" x14ac:dyDescent="0.3">
      <c r="A12570" s="11"/>
      <c r="B12570" s="8"/>
    </row>
    <row r="12571" spans="1:2" x14ac:dyDescent="0.3">
      <c r="A12571" s="11"/>
      <c r="B12571" s="8"/>
    </row>
    <row r="12572" spans="1:2" x14ac:dyDescent="0.3">
      <c r="A12572" s="11"/>
      <c r="B12572" s="8"/>
    </row>
    <row r="12573" spans="1:2" x14ac:dyDescent="0.3">
      <c r="A12573" s="11"/>
      <c r="B12573" s="8"/>
    </row>
    <row r="12574" spans="1:2" x14ac:dyDescent="0.3">
      <c r="A12574" s="11"/>
      <c r="B12574" s="8"/>
    </row>
    <row r="12575" spans="1:2" x14ac:dyDescent="0.3">
      <c r="A12575" s="11"/>
      <c r="B12575" s="8"/>
    </row>
    <row r="12576" spans="1:2" x14ac:dyDescent="0.3">
      <c r="A12576" s="11"/>
      <c r="B12576" s="8"/>
    </row>
    <row r="12577" spans="1:2" x14ac:dyDescent="0.3">
      <c r="A12577" s="11"/>
      <c r="B12577" s="8"/>
    </row>
    <row r="12578" spans="1:2" x14ac:dyDescent="0.3">
      <c r="A12578" s="11"/>
      <c r="B12578" s="8"/>
    </row>
    <row r="12579" spans="1:2" x14ac:dyDescent="0.3">
      <c r="A12579" s="11"/>
      <c r="B12579" s="8"/>
    </row>
    <row r="12580" spans="1:2" x14ac:dyDescent="0.3">
      <c r="A12580" s="11"/>
      <c r="B12580" s="8"/>
    </row>
    <row r="12581" spans="1:2" x14ac:dyDescent="0.3">
      <c r="A12581" s="11"/>
      <c r="B12581" s="8"/>
    </row>
    <row r="12582" spans="1:2" x14ac:dyDescent="0.3">
      <c r="A12582" s="11"/>
      <c r="B12582" s="8"/>
    </row>
    <row r="12583" spans="1:2" x14ac:dyDescent="0.3">
      <c r="A12583" s="11"/>
      <c r="B12583" s="8"/>
    </row>
    <row r="12584" spans="1:2" x14ac:dyDescent="0.3">
      <c r="A12584" s="11"/>
      <c r="B12584" s="8"/>
    </row>
    <row r="12585" spans="1:2" x14ac:dyDescent="0.3">
      <c r="A12585" s="11"/>
      <c r="B12585" s="8"/>
    </row>
    <row r="12586" spans="1:2" x14ac:dyDescent="0.3">
      <c r="A12586" s="11"/>
      <c r="B12586" s="8"/>
    </row>
    <row r="12587" spans="1:2" x14ac:dyDescent="0.3">
      <c r="A12587" s="11"/>
      <c r="B12587" s="8"/>
    </row>
    <row r="12588" spans="1:2" x14ac:dyDescent="0.3">
      <c r="A12588" s="11"/>
      <c r="B12588" s="8"/>
    </row>
    <row r="12589" spans="1:2" x14ac:dyDescent="0.3">
      <c r="A12589" s="11"/>
      <c r="B12589" s="8"/>
    </row>
    <row r="12590" spans="1:2" x14ac:dyDescent="0.3">
      <c r="A12590" s="11"/>
      <c r="B12590" s="8"/>
    </row>
    <row r="12591" spans="1:2" x14ac:dyDescent="0.3">
      <c r="A12591" s="11"/>
      <c r="B12591" s="8"/>
    </row>
    <row r="12592" spans="1:2" x14ac:dyDescent="0.3">
      <c r="A12592" s="11"/>
      <c r="B12592" s="8"/>
    </row>
    <row r="12593" spans="1:2" x14ac:dyDescent="0.3">
      <c r="A12593" s="11"/>
      <c r="B12593" s="8"/>
    </row>
    <row r="12594" spans="1:2" x14ac:dyDescent="0.3">
      <c r="A12594" s="11"/>
      <c r="B12594" s="8"/>
    </row>
    <row r="12595" spans="1:2" x14ac:dyDescent="0.3">
      <c r="A12595" s="11"/>
      <c r="B12595" s="8"/>
    </row>
    <row r="12596" spans="1:2" x14ac:dyDescent="0.3">
      <c r="A12596" s="11"/>
      <c r="B12596" s="8"/>
    </row>
    <row r="12597" spans="1:2" x14ac:dyDescent="0.3">
      <c r="A12597" s="11"/>
      <c r="B12597" s="8"/>
    </row>
    <row r="12598" spans="1:2" x14ac:dyDescent="0.3">
      <c r="A12598" s="11"/>
      <c r="B12598" s="8"/>
    </row>
    <row r="12599" spans="1:2" x14ac:dyDescent="0.3">
      <c r="A12599" s="11"/>
      <c r="B12599" s="8"/>
    </row>
    <row r="12600" spans="1:2" x14ac:dyDescent="0.3">
      <c r="A12600" s="11"/>
      <c r="B12600" s="8"/>
    </row>
    <row r="12601" spans="1:2" x14ac:dyDescent="0.3">
      <c r="A12601" s="11"/>
      <c r="B12601" s="8"/>
    </row>
    <row r="12602" spans="1:2" x14ac:dyDescent="0.3">
      <c r="A12602" s="11"/>
      <c r="B12602" s="8"/>
    </row>
    <row r="12603" spans="1:2" x14ac:dyDescent="0.3">
      <c r="A12603" s="11"/>
      <c r="B12603" s="8"/>
    </row>
    <row r="12604" spans="1:2" x14ac:dyDescent="0.3">
      <c r="A12604" s="11"/>
      <c r="B12604" s="8"/>
    </row>
    <row r="12605" spans="1:2" x14ac:dyDescent="0.3">
      <c r="A12605" s="11"/>
      <c r="B12605" s="8"/>
    </row>
    <row r="12606" spans="1:2" x14ac:dyDescent="0.3">
      <c r="A12606" s="11"/>
      <c r="B12606" s="8"/>
    </row>
    <row r="12607" spans="1:2" x14ac:dyDescent="0.3">
      <c r="A12607" s="11"/>
      <c r="B12607" s="8"/>
    </row>
    <row r="12608" spans="1:2" x14ac:dyDescent="0.3">
      <c r="A12608" s="11"/>
      <c r="B12608" s="8"/>
    </row>
    <row r="12609" spans="1:2" x14ac:dyDescent="0.3">
      <c r="A12609" s="11"/>
      <c r="B12609" s="8"/>
    </row>
    <row r="12610" spans="1:2" x14ac:dyDescent="0.3">
      <c r="A12610" s="11"/>
      <c r="B12610" s="8"/>
    </row>
    <row r="12611" spans="1:2" x14ac:dyDescent="0.3">
      <c r="A12611" s="11"/>
      <c r="B12611" s="8"/>
    </row>
    <row r="12612" spans="1:2" x14ac:dyDescent="0.3">
      <c r="A12612" s="11"/>
      <c r="B12612" s="8"/>
    </row>
    <row r="12613" spans="1:2" x14ac:dyDescent="0.3">
      <c r="A12613" s="11"/>
      <c r="B12613" s="8"/>
    </row>
    <row r="12614" spans="1:2" x14ac:dyDescent="0.3">
      <c r="A12614" s="11"/>
      <c r="B12614" s="8"/>
    </row>
    <row r="12615" spans="1:2" x14ac:dyDescent="0.3">
      <c r="A12615" s="11"/>
      <c r="B12615" s="8"/>
    </row>
    <row r="12616" spans="1:2" x14ac:dyDescent="0.3">
      <c r="A12616" s="11"/>
      <c r="B12616" s="8"/>
    </row>
    <row r="12617" spans="1:2" x14ac:dyDescent="0.3">
      <c r="A12617" s="11"/>
      <c r="B12617" s="8"/>
    </row>
    <row r="12618" spans="1:2" x14ac:dyDescent="0.3">
      <c r="A12618" s="11"/>
      <c r="B12618" s="8"/>
    </row>
    <row r="12619" spans="1:2" x14ac:dyDescent="0.3">
      <c r="A12619" s="11"/>
      <c r="B12619" s="8"/>
    </row>
    <row r="12620" spans="1:2" x14ac:dyDescent="0.3">
      <c r="A12620" s="11"/>
      <c r="B12620" s="8"/>
    </row>
    <row r="12621" spans="1:2" x14ac:dyDescent="0.3">
      <c r="A12621" s="11"/>
      <c r="B12621" s="8"/>
    </row>
    <row r="12622" spans="1:2" x14ac:dyDescent="0.3">
      <c r="A12622" s="11"/>
      <c r="B12622" s="8"/>
    </row>
    <row r="12623" spans="1:2" x14ac:dyDescent="0.3">
      <c r="A12623" s="11"/>
      <c r="B12623" s="8"/>
    </row>
    <row r="12624" spans="1:2" x14ac:dyDescent="0.3">
      <c r="A12624" s="11"/>
      <c r="B12624" s="8"/>
    </row>
    <row r="12625" spans="1:2" x14ac:dyDescent="0.3">
      <c r="A12625" s="11"/>
      <c r="B12625" s="8"/>
    </row>
    <row r="12626" spans="1:2" x14ac:dyDescent="0.3">
      <c r="A12626" s="11"/>
      <c r="B12626" s="8"/>
    </row>
    <row r="12627" spans="1:2" x14ac:dyDescent="0.3">
      <c r="A12627" s="11"/>
      <c r="B12627" s="8"/>
    </row>
    <row r="12628" spans="1:2" x14ac:dyDescent="0.3">
      <c r="A12628" s="11"/>
      <c r="B12628" s="8"/>
    </row>
    <row r="12629" spans="1:2" x14ac:dyDescent="0.3">
      <c r="A12629" s="11"/>
      <c r="B12629" s="8"/>
    </row>
    <row r="12630" spans="1:2" x14ac:dyDescent="0.3">
      <c r="A12630" s="11"/>
      <c r="B12630" s="8"/>
    </row>
    <row r="12631" spans="1:2" x14ac:dyDescent="0.3">
      <c r="A12631" s="11"/>
      <c r="B12631" s="8"/>
    </row>
    <row r="12632" spans="1:2" x14ac:dyDescent="0.3">
      <c r="A12632" s="11"/>
      <c r="B12632" s="8"/>
    </row>
    <row r="12633" spans="1:2" x14ac:dyDescent="0.3">
      <c r="A12633" s="11"/>
      <c r="B12633" s="8"/>
    </row>
    <row r="12634" spans="1:2" x14ac:dyDescent="0.3">
      <c r="A12634" s="11"/>
      <c r="B12634" s="8"/>
    </row>
    <row r="12635" spans="1:2" x14ac:dyDescent="0.3">
      <c r="A12635" s="11"/>
      <c r="B12635" s="8"/>
    </row>
    <row r="12636" spans="1:2" x14ac:dyDescent="0.3">
      <c r="A12636" s="11"/>
      <c r="B12636" s="8"/>
    </row>
    <row r="12637" spans="1:2" x14ac:dyDescent="0.3">
      <c r="A12637" s="11"/>
      <c r="B12637" s="8"/>
    </row>
    <row r="12638" spans="1:2" x14ac:dyDescent="0.3">
      <c r="A12638" s="11"/>
      <c r="B12638" s="8"/>
    </row>
    <row r="12639" spans="1:2" x14ac:dyDescent="0.3">
      <c r="A12639" s="11"/>
      <c r="B12639" s="8"/>
    </row>
    <row r="12640" spans="1:2" x14ac:dyDescent="0.3">
      <c r="A12640" s="11"/>
      <c r="B12640" s="8"/>
    </row>
    <row r="12641" spans="1:2" x14ac:dyDescent="0.3">
      <c r="A12641" s="11"/>
      <c r="B12641" s="8"/>
    </row>
    <row r="12642" spans="1:2" x14ac:dyDescent="0.3">
      <c r="A12642" s="11"/>
      <c r="B12642" s="8"/>
    </row>
    <row r="12643" spans="1:2" x14ac:dyDescent="0.3">
      <c r="A12643" s="11"/>
      <c r="B12643" s="8"/>
    </row>
    <row r="12644" spans="1:2" x14ac:dyDescent="0.3">
      <c r="A12644" s="11"/>
      <c r="B12644" s="8"/>
    </row>
    <row r="12645" spans="1:2" x14ac:dyDescent="0.3">
      <c r="A12645" s="11"/>
      <c r="B12645" s="8"/>
    </row>
    <row r="12646" spans="1:2" x14ac:dyDescent="0.3">
      <c r="A12646" s="11"/>
      <c r="B12646" s="8"/>
    </row>
    <row r="12647" spans="1:2" x14ac:dyDescent="0.3">
      <c r="A12647" s="11"/>
      <c r="B12647" s="8"/>
    </row>
    <row r="12648" spans="1:2" x14ac:dyDescent="0.3">
      <c r="A12648" s="11"/>
      <c r="B12648" s="8"/>
    </row>
    <row r="12649" spans="1:2" x14ac:dyDescent="0.3">
      <c r="A12649" s="11"/>
      <c r="B12649" s="8"/>
    </row>
    <row r="12650" spans="1:2" x14ac:dyDescent="0.3">
      <c r="A12650" s="11"/>
      <c r="B12650" s="8"/>
    </row>
    <row r="12651" spans="1:2" x14ac:dyDescent="0.3">
      <c r="A12651" s="11"/>
      <c r="B12651" s="8"/>
    </row>
    <row r="12652" spans="1:2" x14ac:dyDescent="0.3">
      <c r="A12652" s="11"/>
      <c r="B12652" s="8"/>
    </row>
    <row r="12653" spans="1:2" x14ac:dyDescent="0.3">
      <c r="A12653" s="11"/>
      <c r="B12653" s="8"/>
    </row>
    <row r="12654" spans="1:2" x14ac:dyDescent="0.3">
      <c r="A12654" s="11"/>
      <c r="B12654" s="8"/>
    </row>
    <row r="12655" spans="1:2" x14ac:dyDescent="0.3">
      <c r="A12655" s="11"/>
      <c r="B12655" s="8"/>
    </row>
    <row r="12656" spans="1:2" x14ac:dyDescent="0.3">
      <c r="A12656" s="11"/>
      <c r="B12656" s="8"/>
    </row>
    <row r="12657" spans="1:2" x14ac:dyDescent="0.3">
      <c r="A12657" s="11"/>
      <c r="B12657" s="8"/>
    </row>
    <row r="12658" spans="1:2" x14ac:dyDescent="0.3">
      <c r="A12658" s="11"/>
      <c r="B12658" s="8"/>
    </row>
    <row r="12659" spans="1:2" x14ac:dyDescent="0.3">
      <c r="A12659" s="11"/>
      <c r="B12659" s="8"/>
    </row>
    <row r="12660" spans="1:2" x14ac:dyDescent="0.3">
      <c r="A12660" s="11"/>
      <c r="B12660" s="8"/>
    </row>
    <row r="12661" spans="1:2" x14ac:dyDescent="0.3">
      <c r="A12661" s="11"/>
      <c r="B12661" s="8"/>
    </row>
    <row r="12662" spans="1:2" x14ac:dyDescent="0.3">
      <c r="A12662" s="11"/>
      <c r="B12662" s="8"/>
    </row>
    <row r="12663" spans="1:2" x14ac:dyDescent="0.3">
      <c r="A12663" s="11"/>
      <c r="B12663" s="8"/>
    </row>
    <row r="12664" spans="1:2" x14ac:dyDescent="0.3">
      <c r="A12664" s="11"/>
      <c r="B12664" s="8"/>
    </row>
    <row r="12665" spans="1:2" x14ac:dyDescent="0.3">
      <c r="A12665" s="11"/>
      <c r="B12665" s="8"/>
    </row>
    <row r="12666" spans="1:2" x14ac:dyDescent="0.3">
      <c r="A12666" s="11"/>
      <c r="B12666" s="8"/>
    </row>
    <row r="12667" spans="1:2" x14ac:dyDescent="0.3">
      <c r="A12667" s="11"/>
      <c r="B12667" s="8"/>
    </row>
    <row r="12668" spans="1:2" x14ac:dyDescent="0.3">
      <c r="A12668" s="11"/>
      <c r="B12668" s="8"/>
    </row>
    <row r="12669" spans="1:2" x14ac:dyDescent="0.3">
      <c r="A12669" s="11"/>
      <c r="B12669" s="8"/>
    </row>
    <row r="12670" spans="1:2" x14ac:dyDescent="0.3">
      <c r="A12670" s="11"/>
      <c r="B12670" s="8"/>
    </row>
    <row r="12671" spans="1:2" x14ac:dyDescent="0.3">
      <c r="A12671" s="11"/>
      <c r="B12671" s="8"/>
    </row>
    <row r="12672" spans="1:2" x14ac:dyDescent="0.3">
      <c r="A12672" s="11"/>
      <c r="B12672" s="8"/>
    </row>
    <row r="12673" spans="1:2" x14ac:dyDescent="0.3">
      <c r="A12673" s="11"/>
      <c r="B12673" s="8"/>
    </row>
    <row r="12674" spans="1:2" x14ac:dyDescent="0.3">
      <c r="A12674" s="11"/>
      <c r="B12674" s="8"/>
    </row>
    <row r="12675" spans="1:2" x14ac:dyDescent="0.3">
      <c r="A12675" s="11"/>
      <c r="B12675" s="8"/>
    </row>
    <row r="12676" spans="1:2" x14ac:dyDescent="0.3">
      <c r="A12676" s="11"/>
      <c r="B12676" s="8"/>
    </row>
    <row r="12677" spans="1:2" x14ac:dyDescent="0.3">
      <c r="A12677" s="11"/>
      <c r="B12677" s="8"/>
    </row>
    <row r="12678" spans="1:2" x14ac:dyDescent="0.3">
      <c r="A12678" s="11"/>
      <c r="B12678" s="8"/>
    </row>
    <row r="12679" spans="1:2" x14ac:dyDescent="0.3">
      <c r="A12679" s="11"/>
      <c r="B12679" s="8"/>
    </row>
    <row r="12680" spans="1:2" x14ac:dyDescent="0.3">
      <c r="A12680" s="11"/>
      <c r="B12680" s="8"/>
    </row>
    <row r="12681" spans="1:2" x14ac:dyDescent="0.3">
      <c r="A12681" s="11"/>
      <c r="B12681" s="8"/>
    </row>
    <row r="12682" spans="1:2" x14ac:dyDescent="0.3">
      <c r="A12682" s="11"/>
      <c r="B12682" s="8"/>
    </row>
    <row r="12683" spans="1:2" x14ac:dyDescent="0.3">
      <c r="A12683" s="11"/>
      <c r="B12683" s="8"/>
    </row>
    <row r="12684" spans="1:2" x14ac:dyDescent="0.3">
      <c r="A12684" s="11"/>
      <c r="B12684" s="8"/>
    </row>
    <row r="12685" spans="1:2" x14ac:dyDescent="0.3">
      <c r="A12685" s="11"/>
      <c r="B12685" s="8"/>
    </row>
    <row r="12686" spans="1:2" x14ac:dyDescent="0.3">
      <c r="A12686" s="11"/>
      <c r="B12686" s="8"/>
    </row>
    <row r="12687" spans="1:2" x14ac:dyDescent="0.3">
      <c r="A12687" s="11"/>
      <c r="B12687" s="8"/>
    </row>
    <row r="12688" spans="1:2" x14ac:dyDescent="0.3">
      <c r="A12688" s="11"/>
      <c r="B12688" s="8"/>
    </row>
    <row r="12689" spans="1:2" x14ac:dyDescent="0.3">
      <c r="A12689" s="11"/>
      <c r="B12689" s="8"/>
    </row>
    <row r="12690" spans="1:2" x14ac:dyDescent="0.3">
      <c r="A12690" s="11"/>
      <c r="B12690" s="8"/>
    </row>
    <row r="12691" spans="1:2" x14ac:dyDescent="0.3">
      <c r="A12691" s="11"/>
      <c r="B12691" s="8"/>
    </row>
    <row r="12692" spans="1:2" x14ac:dyDescent="0.3">
      <c r="A12692" s="11"/>
      <c r="B12692" s="8"/>
    </row>
    <row r="12693" spans="1:2" x14ac:dyDescent="0.3">
      <c r="A12693" s="11"/>
      <c r="B12693" s="8"/>
    </row>
    <row r="12694" spans="1:2" x14ac:dyDescent="0.3">
      <c r="A12694" s="11"/>
      <c r="B12694" s="8"/>
    </row>
    <row r="12695" spans="1:2" x14ac:dyDescent="0.3">
      <c r="A12695" s="11"/>
      <c r="B12695" s="8"/>
    </row>
    <row r="12696" spans="1:2" x14ac:dyDescent="0.3">
      <c r="A12696" s="11"/>
      <c r="B12696" s="8"/>
    </row>
    <row r="12697" spans="1:2" x14ac:dyDescent="0.3">
      <c r="A12697" s="11"/>
      <c r="B12697" s="8"/>
    </row>
    <row r="12698" spans="1:2" x14ac:dyDescent="0.3">
      <c r="A12698" s="11"/>
      <c r="B12698" s="8"/>
    </row>
    <row r="12699" spans="1:2" x14ac:dyDescent="0.3">
      <c r="A12699" s="11"/>
      <c r="B12699" s="8"/>
    </row>
    <row r="12700" spans="1:2" x14ac:dyDescent="0.3">
      <c r="A12700" s="11"/>
      <c r="B12700" s="8"/>
    </row>
    <row r="12701" spans="1:2" x14ac:dyDescent="0.3">
      <c r="A12701" s="11"/>
      <c r="B12701" s="8"/>
    </row>
    <row r="12702" spans="1:2" x14ac:dyDescent="0.3">
      <c r="A12702" s="11"/>
      <c r="B12702" s="8"/>
    </row>
    <row r="12703" spans="1:2" x14ac:dyDescent="0.3">
      <c r="A12703" s="11"/>
      <c r="B12703" s="8"/>
    </row>
    <row r="12704" spans="1:2" x14ac:dyDescent="0.3">
      <c r="A12704" s="11"/>
      <c r="B12704" s="8"/>
    </row>
    <row r="12705" spans="1:2" x14ac:dyDescent="0.3">
      <c r="A12705" s="11"/>
      <c r="B12705" s="8"/>
    </row>
    <row r="12706" spans="1:2" x14ac:dyDescent="0.3">
      <c r="A12706" s="11"/>
      <c r="B12706" s="8"/>
    </row>
    <row r="12707" spans="1:2" x14ac:dyDescent="0.3">
      <c r="A12707" s="11"/>
      <c r="B12707" s="8"/>
    </row>
    <row r="12708" spans="1:2" x14ac:dyDescent="0.3">
      <c r="A12708" s="11"/>
      <c r="B12708" s="8"/>
    </row>
    <row r="12709" spans="1:2" x14ac:dyDescent="0.3">
      <c r="A12709" s="11"/>
      <c r="B12709" s="8"/>
    </row>
    <row r="12710" spans="1:2" x14ac:dyDescent="0.3">
      <c r="A12710" s="11"/>
      <c r="B12710" s="8"/>
    </row>
    <row r="12711" spans="1:2" x14ac:dyDescent="0.3">
      <c r="A12711" s="11"/>
      <c r="B12711" s="8"/>
    </row>
    <row r="12712" spans="1:2" x14ac:dyDescent="0.3">
      <c r="A12712" s="11"/>
      <c r="B12712" s="8"/>
    </row>
    <row r="12713" spans="1:2" x14ac:dyDescent="0.3">
      <c r="A12713" s="11"/>
      <c r="B12713" s="8"/>
    </row>
    <row r="12714" spans="1:2" x14ac:dyDescent="0.3">
      <c r="A12714" s="11"/>
      <c r="B12714" s="8"/>
    </row>
    <row r="12715" spans="1:2" x14ac:dyDescent="0.3">
      <c r="A12715" s="11"/>
      <c r="B12715" s="8"/>
    </row>
    <row r="12716" spans="1:2" x14ac:dyDescent="0.3">
      <c r="A12716" s="11"/>
      <c r="B12716" s="8"/>
    </row>
    <row r="12717" spans="1:2" x14ac:dyDescent="0.3">
      <c r="A12717" s="11"/>
      <c r="B12717" s="8"/>
    </row>
    <row r="12718" spans="1:2" x14ac:dyDescent="0.3">
      <c r="A12718" s="11"/>
      <c r="B12718" s="8"/>
    </row>
    <row r="12719" spans="1:2" x14ac:dyDescent="0.3">
      <c r="A12719" s="11"/>
      <c r="B12719" s="8"/>
    </row>
    <row r="12720" spans="1:2" x14ac:dyDescent="0.3">
      <c r="A12720" s="11"/>
      <c r="B12720" s="8"/>
    </row>
    <row r="12721" spans="1:2" x14ac:dyDescent="0.3">
      <c r="A12721" s="11"/>
      <c r="B12721" s="8"/>
    </row>
    <row r="12722" spans="1:2" x14ac:dyDescent="0.3">
      <c r="A12722" s="11"/>
      <c r="B12722" s="8"/>
    </row>
    <row r="12723" spans="1:2" x14ac:dyDescent="0.3">
      <c r="A12723" s="11"/>
      <c r="B12723" s="8"/>
    </row>
    <row r="12724" spans="1:2" x14ac:dyDescent="0.3">
      <c r="A12724" s="11"/>
      <c r="B12724" s="8"/>
    </row>
    <row r="12725" spans="1:2" x14ac:dyDescent="0.3">
      <c r="A12725" s="11"/>
      <c r="B12725" s="8"/>
    </row>
    <row r="12726" spans="1:2" x14ac:dyDescent="0.3">
      <c r="A12726" s="11"/>
      <c r="B12726" s="8"/>
    </row>
    <row r="12727" spans="1:2" x14ac:dyDescent="0.3">
      <c r="A12727" s="11"/>
      <c r="B12727" s="8"/>
    </row>
    <row r="12728" spans="1:2" x14ac:dyDescent="0.3">
      <c r="A12728" s="11"/>
      <c r="B12728" s="8"/>
    </row>
    <row r="12729" spans="1:2" x14ac:dyDescent="0.3">
      <c r="A12729" s="11"/>
      <c r="B12729" s="8"/>
    </row>
    <row r="12730" spans="1:2" x14ac:dyDescent="0.3">
      <c r="A12730" s="11"/>
      <c r="B12730" s="8"/>
    </row>
    <row r="12731" spans="1:2" x14ac:dyDescent="0.3">
      <c r="A12731" s="11"/>
      <c r="B12731" s="8"/>
    </row>
    <row r="12732" spans="1:2" x14ac:dyDescent="0.3">
      <c r="A12732" s="11"/>
      <c r="B12732" s="8"/>
    </row>
    <row r="12733" spans="1:2" x14ac:dyDescent="0.3">
      <c r="A12733" s="11"/>
      <c r="B12733" s="8"/>
    </row>
    <row r="12734" spans="1:2" x14ac:dyDescent="0.3">
      <c r="A12734" s="11"/>
      <c r="B12734" s="8"/>
    </row>
    <row r="12735" spans="1:2" x14ac:dyDescent="0.3">
      <c r="A12735" s="11"/>
      <c r="B12735" s="8"/>
    </row>
    <row r="12736" spans="1:2" x14ac:dyDescent="0.3">
      <c r="A12736" s="11"/>
      <c r="B12736" s="8"/>
    </row>
    <row r="12737" spans="1:2" x14ac:dyDescent="0.3">
      <c r="A12737" s="11"/>
      <c r="B12737" s="8"/>
    </row>
    <row r="12738" spans="1:2" x14ac:dyDescent="0.3">
      <c r="A12738" s="11"/>
      <c r="B12738" s="8"/>
    </row>
    <row r="12739" spans="1:2" x14ac:dyDescent="0.3">
      <c r="A12739" s="11"/>
      <c r="B12739" s="8"/>
    </row>
    <row r="12740" spans="1:2" x14ac:dyDescent="0.3">
      <c r="A12740" s="11"/>
      <c r="B12740" s="8"/>
    </row>
    <row r="12741" spans="1:2" x14ac:dyDescent="0.3">
      <c r="A12741" s="11"/>
      <c r="B12741" s="8"/>
    </row>
    <row r="12742" spans="1:2" x14ac:dyDescent="0.3">
      <c r="A12742" s="11"/>
      <c r="B12742" s="8"/>
    </row>
    <row r="12743" spans="1:2" x14ac:dyDescent="0.3">
      <c r="A12743" s="11"/>
      <c r="B12743" s="8"/>
    </row>
    <row r="12744" spans="1:2" x14ac:dyDescent="0.3">
      <c r="A12744" s="11"/>
      <c r="B12744" s="8"/>
    </row>
    <row r="12745" spans="1:2" x14ac:dyDescent="0.3">
      <c r="A12745" s="11"/>
      <c r="B12745" s="8"/>
    </row>
    <row r="12746" spans="1:2" x14ac:dyDescent="0.3">
      <c r="A12746" s="11"/>
      <c r="B12746" s="8"/>
    </row>
    <row r="12747" spans="1:2" x14ac:dyDescent="0.3">
      <c r="A12747" s="11"/>
      <c r="B12747" s="8"/>
    </row>
    <row r="12748" spans="1:2" x14ac:dyDescent="0.3">
      <c r="A12748" s="11"/>
      <c r="B12748" s="8"/>
    </row>
    <row r="12749" spans="1:2" x14ac:dyDescent="0.3">
      <c r="A12749" s="11"/>
      <c r="B12749" s="8"/>
    </row>
    <row r="12750" spans="1:2" x14ac:dyDescent="0.3">
      <c r="A12750" s="11"/>
      <c r="B12750" s="8"/>
    </row>
    <row r="12751" spans="1:2" x14ac:dyDescent="0.3">
      <c r="A12751" s="11"/>
      <c r="B12751" s="8"/>
    </row>
    <row r="12752" spans="1:2" x14ac:dyDescent="0.3">
      <c r="A12752" s="11"/>
      <c r="B12752" s="8"/>
    </row>
    <row r="12753" spans="1:2" x14ac:dyDescent="0.3">
      <c r="A12753" s="11"/>
      <c r="B12753" s="8"/>
    </row>
    <row r="12754" spans="1:2" x14ac:dyDescent="0.3">
      <c r="A12754" s="11"/>
      <c r="B12754" s="8"/>
    </row>
    <row r="12755" spans="1:2" x14ac:dyDescent="0.3">
      <c r="A12755" s="11"/>
      <c r="B12755" s="8"/>
    </row>
    <row r="12756" spans="1:2" x14ac:dyDescent="0.3">
      <c r="A12756" s="11"/>
      <c r="B12756" s="8"/>
    </row>
    <row r="12757" spans="1:2" x14ac:dyDescent="0.3">
      <c r="A12757" s="11"/>
      <c r="B12757" s="8"/>
    </row>
    <row r="12758" spans="1:2" x14ac:dyDescent="0.3">
      <c r="A12758" s="11"/>
      <c r="B12758" s="8"/>
    </row>
    <row r="12759" spans="1:2" x14ac:dyDescent="0.3">
      <c r="A12759" s="11"/>
      <c r="B12759" s="8"/>
    </row>
    <row r="12760" spans="1:2" x14ac:dyDescent="0.3">
      <c r="A12760" s="11"/>
      <c r="B12760" s="8"/>
    </row>
    <row r="12761" spans="1:2" x14ac:dyDescent="0.3">
      <c r="A12761" s="11"/>
      <c r="B12761" s="8"/>
    </row>
    <row r="12762" spans="1:2" x14ac:dyDescent="0.3">
      <c r="A12762" s="11"/>
      <c r="B12762" s="8"/>
    </row>
    <row r="12763" spans="1:2" x14ac:dyDescent="0.3">
      <c r="A12763" s="11"/>
      <c r="B12763" s="8"/>
    </row>
    <row r="12764" spans="1:2" x14ac:dyDescent="0.3">
      <c r="A12764" s="11"/>
      <c r="B12764" s="8"/>
    </row>
    <row r="12765" spans="1:2" x14ac:dyDescent="0.3">
      <c r="A12765" s="11"/>
      <c r="B12765" s="8"/>
    </row>
    <row r="12766" spans="1:2" x14ac:dyDescent="0.3">
      <c r="A12766" s="11"/>
      <c r="B12766" s="8"/>
    </row>
    <row r="12767" spans="1:2" x14ac:dyDescent="0.3">
      <c r="A12767" s="11"/>
      <c r="B12767" s="8"/>
    </row>
    <row r="12768" spans="1:2" x14ac:dyDescent="0.3">
      <c r="A12768" s="11"/>
      <c r="B12768" s="8"/>
    </row>
    <row r="12769" spans="1:2" x14ac:dyDescent="0.3">
      <c r="A12769" s="11"/>
      <c r="B12769" s="8"/>
    </row>
    <row r="12770" spans="1:2" x14ac:dyDescent="0.3">
      <c r="A12770" s="11"/>
      <c r="B12770" s="8"/>
    </row>
    <row r="12771" spans="1:2" x14ac:dyDescent="0.3">
      <c r="A12771" s="11"/>
      <c r="B12771" s="8"/>
    </row>
    <row r="12772" spans="1:2" x14ac:dyDescent="0.3">
      <c r="A12772" s="11"/>
      <c r="B12772" s="8"/>
    </row>
    <row r="12773" spans="1:2" x14ac:dyDescent="0.3">
      <c r="A12773" s="11"/>
      <c r="B12773" s="8"/>
    </row>
    <row r="12774" spans="1:2" x14ac:dyDescent="0.3">
      <c r="A12774" s="11"/>
      <c r="B12774" s="8"/>
    </row>
    <row r="12775" spans="1:2" x14ac:dyDescent="0.3">
      <c r="A12775" s="11"/>
      <c r="B12775" s="8"/>
    </row>
    <row r="12776" spans="1:2" x14ac:dyDescent="0.3">
      <c r="A12776" s="11"/>
      <c r="B12776" s="8"/>
    </row>
    <row r="12777" spans="1:2" x14ac:dyDescent="0.3">
      <c r="A12777" s="11"/>
      <c r="B12777" s="8"/>
    </row>
    <row r="12778" spans="1:2" x14ac:dyDescent="0.3">
      <c r="A12778" s="11"/>
      <c r="B12778" s="8"/>
    </row>
    <row r="12779" spans="1:2" x14ac:dyDescent="0.3">
      <c r="A12779" s="11"/>
      <c r="B12779" s="8"/>
    </row>
    <row r="12780" spans="1:2" x14ac:dyDescent="0.3">
      <c r="A12780" s="11"/>
      <c r="B12780" s="8"/>
    </row>
    <row r="12781" spans="1:2" x14ac:dyDescent="0.3">
      <c r="A12781" s="11"/>
      <c r="B12781" s="8"/>
    </row>
    <row r="12782" spans="1:2" x14ac:dyDescent="0.3">
      <c r="A12782" s="11"/>
      <c r="B12782" s="8"/>
    </row>
    <row r="12783" spans="1:2" x14ac:dyDescent="0.3">
      <c r="A12783" s="11"/>
      <c r="B12783" s="8"/>
    </row>
    <row r="12784" spans="1:2" x14ac:dyDescent="0.3">
      <c r="A12784" s="11"/>
      <c r="B12784" s="8"/>
    </row>
    <row r="12785" spans="1:2" x14ac:dyDescent="0.3">
      <c r="A12785" s="11"/>
      <c r="B12785" s="8"/>
    </row>
    <row r="12786" spans="1:2" x14ac:dyDescent="0.3">
      <c r="A12786" s="11"/>
      <c r="B12786" s="8"/>
    </row>
    <row r="12787" spans="1:2" x14ac:dyDescent="0.3">
      <c r="A12787" s="11"/>
      <c r="B12787" s="8"/>
    </row>
    <row r="12788" spans="1:2" x14ac:dyDescent="0.3">
      <c r="A12788" s="11"/>
      <c r="B12788" s="8"/>
    </row>
    <row r="12789" spans="1:2" x14ac:dyDescent="0.3">
      <c r="A12789" s="11"/>
      <c r="B12789" s="8"/>
    </row>
    <row r="12790" spans="1:2" x14ac:dyDescent="0.3">
      <c r="A12790" s="11"/>
      <c r="B12790" s="8"/>
    </row>
    <row r="12791" spans="1:2" x14ac:dyDescent="0.3">
      <c r="A12791" s="11"/>
      <c r="B12791" s="8"/>
    </row>
    <row r="12792" spans="1:2" x14ac:dyDescent="0.3">
      <c r="A12792" s="11"/>
      <c r="B12792" s="8"/>
    </row>
    <row r="12793" spans="1:2" x14ac:dyDescent="0.3">
      <c r="A12793" s="11"/>
      <c r="B12793" s="8"/>
    </row>
    <row r="12794" spans="1:2" x14ac:dyDescent="0.3">
      <c r="A12794" s="11"/>
      <c r="B12794" s="8"/>
    </row>
    <row r="12795" spans="1:2" x14ac:dyDescent="0.3">
      <c r="A12795" s="11"/>
      <c r="B12795" s="8"/>
    </row>
    <row r="12796" spans="1:2" x14ac:dyDescent="0.3">
      <c r="A12796" s="11"/>
      <c r="B12796" s="8"/>
    </row>
    <row r="12797" spans="1:2" x14ac:dyDescent="0.3">
      <c r="A12797" s="11"/>
      <c r="B12797" s="8"/>
    </row>
    <row r="12798" spans="1:2" x14ac:dyDescent="0.3">
      <c r="A12798" s="11"/>
      <c r="B12798" s="8"/>
    </row>
    <row r="12799" spans="1:2" x14ac:dyDescent="0.3">
      <c r="A12799" s="11"/>
      <c r="B12799" s="8"/>
    </row>
    <row r="12800" spans="1:2" x14ac:dyDescent="0.3">
      <c r="A12800" s="11"/>
      <c r="B12800" s="8"/>
    </row>
    <row r="12801" spans="1:2" x14ac:dyDescent="0.3">
      <c r="A12801" s="11"/>
      <c r="B12801" s="8"/>
    </row>
    <row r="12802" spans="1:2" x14ac:dyDescent="0.3">
      <c r="A12802" s="11"/>
      <c r="B12802" s="8"/>
    </row>
    <row r="12803" spans="1:2" x14ac:dyDescent="0.3">
      <c r="A12803" s="11"/>
      <c r="B12803" s="8"/>
    </row>
    <row r="12804" spans="1:2" x14ac:dyDescent="0.3">
      <c r="A12804" s="11"/>
      <c r="B12804" s="8"/>
    </row>
    <row r="12805" spans="1:2" x14ac:dyDescent="0.3">
      <c r="A12805" s="11"/>
      <c r="B12805" s="8"/>
    </row>
    <row r="12806" spans="1:2" x14ac:dyDescent="0.3">
      <c r="A12806" s="11"/>
      <c r="B12806" s="8"/>
    </row>
    <row r="12807" spans="1:2" x14ac:dyDescent="0.3">
      <c r="A12807" s="11"/>
      <c r="B12807" s="8"/>
    </row>
    <row r="12808" spans="1:2" x14ac:dyDescent="0.3">
      <c r="A12808" s="11"/>
      <c r="B12808" s="8"/>
    </row>
    <row r="12809" spans="1:2" x14ac:dyDescent="0.3">
      <c r="A12809" s="11"/>
      <c r="B12809" s="8"/>
    </row>
    <row r="12810" spans="1:2" x14ac:dyDescent="0.3">
      <c r="A12810" s="11"/>
      <c r="B12810" s="8"/>
    </row>
    <row r="12811" spans="1:2" x14ac:dyDescent="0.3">
      <c r="A12811" s="11"/>
      <c r="B12811" s="8"/>
    </row>
    <row r="12812" spans="1:2" x14ac:dyDescent="0.3">
      <c r="A12812" s="11"/>
      <c r="B12812" s="8"/>
    </row>
    <row r="12813" spans="1:2" x14ac:dyDescent="0.3">
      <c r="A12813" s="11"/>
      <c r="B12813" s="8"/>
    </row>
    <row r="12814" spans="1:2" x14ac:dyDescent="0.3">
      <c r="A12814" s="11"/>
      <c r="B12814" s="8"/>
    </row>
    <row r="12815" spans="1:2" x14ac:dyDescent="0.3">
      <c r="A12815" s="11"/>
      <c r="B12815" s="8"/>
    </row>
    <row r="12816" spans="1:2" x14ac:dyDescent="0.3">
      <c r="A12816" s="11"/>
      <c r="B12816" s="8"/>
    </row>
    <row r="12817" spans="1:2" x14ac:dyDescent="0.3">
      <c r="A12817" s="11"/>
      <c r="B12817" s="8"/>
    </row>
    <row r="12818" spans="1:2" x14ac:dyDescent="0.3">
      <c r="A12818" s="11"/>
      <c r="B12818" s="8"/>
    </row>
    <row r="12819" spans="1:2" x14ac:dyDescent="0.3">
      <c r="A12819" s="11"/>
      <c r="B12819" s="8"/>
    </row>
    <row r="12820" spans="1:2" x14ac:dyDescent="0.3">
      <c r="A12820" s="11"/>
      <c r="B12820" s="8"/>
    </row>
    <row r="12821" spans="1:2" x14ac:dyDescent="0.3">
      <c r="A12821" s="11"/>
      <c r="B12821" s="8"/>
    </row>
    <row r="12822" spans="1:2" x14ac:dyDescent="0.3">
      <c r="A12822" s="11"/>
      <c r="B12822" s="8"/>
    </row>
    <row r="12823" spans="1:2" x14ac:dyDescent="0.3">
      <c r="A12823" s="11"/>
      <c r="B12823" s="8"/>
    </row>
    <row r="12824" spans="1:2" x14ac:dyDescent="0.3">
      <c r="A12824" s="11"/>
      <c r="B12824" s="8"/>
    </row>
    <row r="12825" spans="1:2" x14ac:dyDescent="0.3">
      <c r="A12825" s="11"/>
      <c r="B12825" s="8"/>
    </row>
    <row r="12826" spans="1:2" x14ac:dyDescent="0.3">
      <c r="A12826" s="11"/>
      <c r="B12826" s="8"/>
    </row>
    <row r="12827" spans="1:2" x14ac:dyDescent="0.3">
      <c r="A12827" s="11"/>
      <c r="B12827" s="8"/>
    </row>
    <row r="12828" spans="1:2" x14ac:dyDescent="0.3">
      <c r="A12828" s="11"/>
      <c r="B12828" s="8"/>
    </row>
    <row r="12829" spans="1:2" x14ac:dyDescent="0.3">
      <c r="A12829" s="11"/>
      <c r="B12829" s="8"/>
    </row>
    <row r="12830" spans="1:2" x14ac:dyDescent="0.3">
      <c r="A12830" s="11"/>
      <c r="B12830" s="8"/>
    </row>
    <row r="12831" spans="1:2" x14ac:dyDescent="0.3">
      <c r="A12831" s="11"/>
      <c r="B12831" s="8"/>
    </row>
    <row r="12832" spans="1:2" x14ac:dyDescent="0.3">
      <c r="A12832" s="11"/>
      <c r="B12832" s="8"/>
    </row>
    <row r="12833" spans="1:2" x14ac:dyDescent="0.3">
      <c r="A12833" s="11"/>
      <c r="B12833" s="8"/>
    </row>
    <row r="12834" spans="1:2" x14ac:dyDescent="0.3">
      <c r="A12834" s="11"/>
      <c r="B12834" s="8"/>
    </row>
    <row r="12835" spans="1:2" x14ac:dyDescent="0.3">
      <c r="A12835" s="11"/>
      <c r="B12835" s="8"/>
    </row>
    <row r="12836" spans="1:2" x14ac:dyDescent="0.3">
      <c r="A12836" s="11"/>
      <c r="B12836" s="8"/>
    </row>
    <row r="12837" spans="1:2" x14ac:dyDescent="0.3">
      <c r="A12837" s="11"/>
      <c r="B12837" s="8"/>
    </row>
    <row r="12838" spans="1:2" x14ac:dyDescent="0.3">
      <c r="A12838" s="11"/>
      <c r="B12838" s="8"/>
    </row>
    <row r="12839" spans="1:2" x14ac:dyDescent="0.3">
      <c r="A12839" s="11"/>
      <c r="B12839" s="8"/>
    </row>
    <row r="12840" spans="1:2" x14ac:dyDescent="0.3">
      <c r="A12840" s="11"/>
      <c r="B12840" s="8"/>
    </row>
    <row r="12841" spans="1:2" x14ac:dyDescent="0.3">
      <c r="A12841" s="11"/>
      <c r="B12841" s="8"/>
    </row>
    <row r="12842" spans="1:2" x14ac:dyDescent="0.3">
      <c r="A12842" s="11"/>
      <c r="B12842" s="8"/>
    </row>
    <row r="12843" spans="1:2" x14ac:dyDescent="0.3">
      <c r="A12843" s="11"/>
      <c r="B12843" s="8"/>
    </row>
    <row r="12844" spans="1:2" x14ac:dyDescent="0.3">
      <c r="A12844" s="11"/>
      <c r="B12844" s="8"/>
    </row>
    <row r="12845" spans="1:2" x14ac:dyDescent="0.3">
      <c r="A12845" s="11"/>
      <c r="B12845" s="8"/>
    </row>
    <row r="12846" spans="1:2" x14ac:dyDescent="0.3">
      <c r="A12846" s="11"/>
      <c r="B12846" s="8"/>
    </row>
    <row r="12847" spans="1:2" x14ac:dyDescent="0.3">
      <c r="A12847" s="11"/>
      <c r="B12847" s="8"/>
    </row>
    <row r="12848" spans="1:2" x14ac:dyDescent="0.3">
      <c r="A12848" s="11"/>
      <c r="B12848" s="8"/>
    </row>
    <row r="12849" spans="1:2" x14ac:dyDescent="0.3">
      <c r="A12849" s="11"/>
      <c r="B12849" s="8"/>
    </row>
    <row r="12850" spans="1:2" x14ac:dyDescent="0.3">
      <c r="A12850" s="11"/>
      <c r="B12850" s="8"/>
    </row>
    <row r="12851" spans="1:2" x14ac:dyDescent="0.3">
      <c r="A12851" s="11"/>
      <c r="B12851" s="8"/>
    </row>
    <row r="12852" spans="1:2" x14ac:dyDescent="0.3">
      <c r="A12852" s="11"/>
      <c r="B12852" s="8"/>
    </row>
    <row r="12853" spans="1:2" x14ac:dyDescent="0.3">
      <c r="A12853" s="11"/>
      <c r="B12853" s="8"/>
    </row>
    <row r="12854" spans="1:2" x14ac:dyDescent="0.3">
      <c r="A12854" s="11"/>
      <c r="B12854" s="8"/>
    </row>
    <row r="12855" spans="1:2" x14ac:dyDescent="0.3">
      <c r="A12855" s="11"/>
      <c r="B12855" s="8"/>
    </row>
    <row r="12856" spans="1:2" x14ac:dyDescent="0.3">
      <c r="A12856" s="11"/>
      <c r="B12856" s="8"/>
    </row>
    <row r="12857" spans="1:2" x14ac:dyDescent="0.3">
      <c r="A12857" s="11"/>
      <c r="B12857" s="8"/>
    </row>
    <row r="12858" spans="1:2" x14ac:dyDescent="0.3">
      <c r="A12858" s="11"/>
      <c r="B12858" s="8"/>
    </row>
    <row r="12859" spans="1:2" x14ac:dyDescent="0.3">
      <c r="A12859" s="11"/>
      <c r="B12859" s="8"/>
    </row>
    <row r="12860" spans="1:2" x14ac:dyDescent="0.3">
      <c r="A12860" s="11"/>
      <c r="B12860" s="8"/>
    </row>
    <row r="12861" spans="1:2" x14ac:dyDescent="0.3">
      <c r="A12861" s="11"/>
      <c r="B12861" s="8"/>
    </row>
    <row r="12862" spans="1:2" x14ac:dyDescent="0.3">
      <c r="A12862" s="11"/>
      <c r="B12862" s="8"/>
    </row>
    <row r="12863" spans="1:2" x14ac:dyDescent="0.3">
      <c r="A12863" s="11"/>
      <c r="B12863" s="8"/>
    </row>
    <row r="12864" spans="1:2" x14ac:dyDescent="0.3">
      <c r="A12864" s="11"/>
      <c r="B12864" s="8"/>
    </row>
    <row r="12865" spans="1:2" x14ac:dyDescent="0.3">
      <c r="A12865" s="11"/>
      <c r="B12865" s="8"/>
    </row>
    <row r="12866" spans="1:2" x14ac:dyDescent="0.3">
      <c r="A12866" s="11"/>
      <c r="B12866" s="8"/>
    </row>
    <row r="12867" spans="1:2" x14ac:dyDescent="0.3">
      <c r="A12867" s="11"/>
      <c r="B12867" s="8"/>
    </row>
    <row r="12868" spans="1:2" x14ac:dyDescent="0.3">
      <c r="A12868" s="11"/>
      <c r="B12868" s="8"/>
    </row>
    <row r="12869" spans="1:2" x14ac:dyDescent="0.3">
      <c r="A12869" s="11"/>
      <c r="B12869" s="8"/>
    </row>
    <row r="12870" spans="1:2" x14ac:dyDescent="0.3">
      <c r="A12870" s="11"/>
      <c r="B12870" s="8"/>
    </row>
    <row r="12871" spans="1:2" x14ac:dyDescent="0.3">
      <c r="A12871" s="11"/>
      <c r="B12871" s="8"/>
    </row>
    <row r="12872" spans="1:2" x14ac:dyDescent="0.3">
      <c r="A12872" s="11"/>
      <c r="B12872" s="8"/>
    </row>
    <row r="12873" spans="1:2" x14ac:dyDescent="0.3">
      <c r="A12873" s="11"/>
      <c r="B12873" s="8"/>
    </row>
    <row r="12874" spans="1:2" x14ac:dyDescent="0.3">
      <c r="A12874" s="11"/>
      <c r="B12874" s="8"/>
    </row>
    <row r="12875" spans="1:2" x14ac:dyDescent="0.3">
      <c r="A12875" s="11"/>
      <c r="B12875" s="8"/>
    </row>
    <row r="12876" spans="1:2" x14ac:dyDescent="0.3">
      <c r="A12876" s="11"/>
      <c r="B12876" s="8"/>
    </row>
    <row r="12877" spans="1:2" x14ac:dyDescent="0.3">
      <c r="A12877" s="11"/>
      <c r="B12877" s="8"/>
    </row>
    <row r="12878" spans="1:2" x14ac:dyDescent="0.3">
      <c r="A12878" s="11"/>
      <c r="B12878" s="8"/>
    </row>
    <row r="12879" spans="1:2" x14ac:dyDescent="0.3">
      <c r="A12879" s="11"/>
      <c r="B12879" s="8"/>
    </row>
    <row r="12880" spans="1:2" x14ac:dyDescent="0.3">
      <c r="A12880" s="11"/>
      <c r="B12880" s="8"/>
    </row>
    <row r="12881" spans="1:2" x14ac:dyDescent="0.3">
      <c r="A12881" s="11"/>
      <c r="B12881" s="8"/>
    </row>
    <row r="12882" spans="1:2" x14ac:dyDescent="0.3">
      <c r="A12882" s="11"/>
      <c r="B12882" s="8"/>
    </row>
    <row r="12883" spans="1:2" x14ac:dyDescent="0.3">
      <c r="A12883" s="11"/>
      <c r="B12883" s="8"/>
    </row>
    <row r="12884" spans="1:2" x14ac:dyDescent="0.3">
      <c r="A12884" s="11"/>
      <c r="B12884" s="8"/>
    </row>
    <row r="12885" spans="1:2" x14ac:dyDescent="0.3">
      <c r="A12885" s="11"/>
      <c r="B12885" s="8"/>
    </row>
    <row r="12886" spans="1:2" x14ac:dyDescent="0.3">
      <c r="A12886" s="11"/>
      <c r="B12886" s="8"/>
    </row>
    <row r="12887" spans="1:2" x14ac:dyDescent="0.3">
      <c r="A12887" s="11"/>
      <c r="B12887" s="8"/>
    </row>
    <row r="12888" spans="1:2" x14ac:dyDescent="0.3">
      <c r="A12888" s="11"/>
      <c r="B12888" s="8"/>
    </row>
    <row r="12889" spans="1:2" x14ac:dyDescent="0.3">
      <c r="A12889" s="11"/>
      <c r="B12889" s="8"/>
    </row>
    <row r="12890" spans="1:2" x14ac:dyDescent="0.3">
      <c r="A12890" s="11"/>
      <c r="B12890" s="8"/>
    </row>
    <row r="12891" spans="1:2" x14ac:dyDescent="0.3">
      <c r="A12891" s="11"/>
      <c r="B12891" s="8"/>
    </row>
    <row r="12892" spans="1:2" x14ac:dyDescent="0.3">
      <c r="A12892" s="11"/>
      <c r="B12892" s="8"/>
    </row>
    <row r="12893" spans="1:2" x14ac:dyDescent="0.3">
      <c r="A12893" s="11"/>
      <c r="B12893" s="8"/>
    </row>
    <row r="12894" spans="1:2" x14ac:dyDescent="0.3">
      <c r="A12894" s="11"/>
      <c r="B12894" s="8"/>
    </row>
    <row r="12895" spans="1:2" x14ac:dyDescent="0.3">
      <c r="A12895" s="11"/>
      <c r="B12895" s="8"/>
    </row>
    <row r="12896" spans="1:2" x14ac:dyDescent="0.3">
      <c r="A12896" s="11"/>
      <c r="B12896" s="8"/>
    </row>
    <row r="12897" spans="1:2" x14ac:dyDescent="0.3">
      <c r="A12897" s="11"/>
      <c r="B12897" s="8"/>
    </row>
    <row r="12898" spans="1:2" x14ac:dyDescent="0.3">
      <c r="A12898" s="11"/>
      <c r="B12898" s="8"/>
    </row>
    <row r="12899" spans="1:2" x14ac:dyDescent="0.3">
      <c r="A12899" s="11"/>
      <c r="B12899" s="8"/>
    </row>
    <row r="12900" spans="1:2" x14ac:dyDescent="0.3">
      <c r="A12900" s="11"/>
      <c r="B12900" s="8"/>
    </row>
    <row r="12901" spans="1:2" x14ac:dyDescent="0.3">
      <c r="A12901" s="11"/>
      <c r="B12901" s="8"/>
    </row>
    <row r="12902" spans="1:2" x14ac:dyDescent="0.3">
      <c r="A12902" s="11"/>
      <c r="B12902" s="8"/>
    </row>
    <row r="12903" spans="1:2" x14ac:dyDescent="0.3">
      <c r="A12903" s="11"/>
      <c r="B12903" s="8"/>
    </row>
    <row r="12904" spans="1:2" x14ac:dyDescent="0.3">
      <c r="A12904" s="11"/>
      <c r="B12904" s="8"/>
    </row>
    <row r="12905" spans="1:2" x14ac:dyDescent="0.3">
      <c r="A12905" s="11"/>
      <c r="B12905" s="8"/>
    </row>
    <row r="12906" spans="1:2" x14ac:dyDescent="0.3">
      <c r="A12906" s="11"/>
      <c r="B12906" s="8"/>
    </row>
    <row r="12907" spans="1:2" x14ac:dyDescent="0.3">
      <c r="A12907" s="11"/>
      <c r="B12907" s="8"/>
    </row>
    <row r="12908" spans="1:2" x14ac:dyDescent="0.3">
      <c r="A12908" s="11"/>
      <c r="B12908" s="8"/>
    </row>
    <row r="12909" spans="1:2" x14ac:dyDescent="0.3">
      <c r="A12909" s="11"/>
      <c r="B12909" s="8"/>
    </row>
    <row r="12910" spans="1:2" x14ac:dyDescent="0.3">
      <c r="A12910" s="11"/>
      <c r="B12910" s="8"/>
    </row>
    <row r="12911" spans="1:2" x14ac:dyDescent="0.3">
      <c r="A12911" s="11"/>
      <c r="B12911" s="8"/>
    </row>
    <row r="12912" spans="1:2" x14ac:dyDescent="0.3">
      <c r="A12912" s="11"/>
      <c r="B12912" s="8"/>
    </row>
    <row r="12913" spans="1:2" x14ac:dyDescent="0.3">
      <c r="A12913" s="11"/>
      <c r="B12913" s="8"/>
    </row>
    <row r="12914" spans="1:2" x14ac:dyDescent="0.3">
      <c r="A12914" s="11"/>
      <c r="B12914" s="8"/>
    </row>
    <row r="12915" spans="1:2" x14ac:dyDescent="0.3">
      <c r="A12915" s="11"/>
      <c r="B12915" s="8"/>
    </row>
    <row r="12916" spans="1:2" x14ac:dyDescent="0.3">
      <c r="A12916" s="11"/>
      <c r="B12916" s="8"/>
    </row>
    <row r="12917" spans="1:2" x14ac:dyDescent="0.3">
      <c r="A12917" s="11"/>
      <c r="B12917" s="8"/>
    </row>
    <row r="12918" spans="1:2" x14ac:dyDescent="0.3">
      <c r="A12918" s="11"/>
      <c r="B12918" s="8"/>
    </row>
    <row r="12919" spans="1:2" x14ac:dyDescent="0.3">
      <c r="A12919" s="11"/>
      <c r="B12919" s="8"/>
    </row>
    <row r="12920" spans="1:2" x14ac:dyDescent="0.3">
      <c r="A12920" s="11"/>
      <c r="B12920" s="8"/>
    </row>
    <row r="12921" spans="1:2" x14ac:dyDescent="0.3">
      <c r="A12921" s="11"/>
      <c r="B12921" s="8"/>
    </row>
    <row r="12922" spans="1:2" x14ac:dyDescent="0.3">
      <c r="A12922" s="11"/>
      <c r="B12922" s="8"/>
    </row>
    <row r="12923" spans="1:2" x14ac:dyDescent="0.3">
      <c r="A12923" s="11"/>
      <c r="B12923" s="8"/>
    </row>
    <row r="12924" spans="1:2" x14ac:dyDescent="0.3">
      <c r="A12924" s="11"/>
      <c r="B12924" s="8"/>
    </row>
    <row r="12925" spans="1:2" x14ac:dyDescent="0.3">
      <c r="A12925" s="11"/>
      <c r="B12925" s="8"/>
    </row>
    <row r="12926" spans="1:2" x14ac:dyDescent="0.3">
      <c r="A12926" s="11"/>
      <c r="B12926" s="8"/>
    </row>
    <row r="12927" spans="1:2" x14ac:dyDescent="0.3">
      <c r="A12927" s="11"/>
      <c r="B12927" s="8"/>
    </row>
    <row r="12928" spans="1:2" x14ac:dyDescent="0.3">
      <c r="A12928" s="11"/>
      <c r="B12928" s="8"/>
    </row>
    <row r="12929" spans="1:2" x14ac:dyDescent="0.3">
      <c r="A12929" s="11"/>
      <c r="B12929" s="8"/>
    </row>
    <row r="12930" spans="1:2" x14ac:dyDescent="0.3">
      <c r="A12930" s="11"/>
      <c r="B12930" s="8"/>
    </row>
    <row r="12931" spans="1:2" x14ac:dyDescent="0.3">
      <c r="A12931" s="11"/>
      <c r="B12931" s="8"/>
    </row>
    <row r="12932" spans="1:2" x14ac:dyDescent="0.3">
      <c r="A12932" s="11"/>
      <c r="B12932" s="8"/>
    </row>
    <row r="12933" spans="1:2" x14ac:dyDescent="0.3">
      <c r="A12933" s="11"/>
      <c r="B12933" s="8"/>
    </row>
    <row r="12934" spans="1:2" x14ac:dyDescent="0.3">
      <c r="A12934" s="11"/>
      <c r="B12934" s="8"/>
    </row>
    <row r="12935" spans="1:2" x14ac:dyDescent="0.3">
      <c r="A12935" s="11"/>
      <c r="B12935" s="8"/>
    </row>
    <row r="12936" spans="1:2" x14ac:dyDescent="0.3">
      <c r="A12936" s="11"/>
      <c r="B12936" s="8"/>
    </row>
    <row r="12937" spans="1:2" x14ac:dyDescent="0.3">
      <c r="A12937" s="11"/>
      <c r="B12937" s="8"/>
    </row>
    <row r="12938" spans="1:2" x14ac:dyDescent="0.3">
      <c r="A12938" s="11"/>
      <c r="B12938" s="8"/>
    </row>
    <row r="12939" spans="1:2" x14ac:dyDescent="0.3">
      <c r="A12939" s="11"/>
      <c r="B12939" s="8"/>
    </row>
    <row r="12940" spans="1:2" x14ac:dyDescent="0.3">
      <c r="A12940" s="11"/>
      <c r="B12940" s="8"/>
    </row>
    <row r="12941" spans="1:2" x14ac:dyDescent="0.3">
      <c r="A12941" s="11"/>
      <c r="B12941" s="8"/>
    </row>
    <row r="12942" spans="1:2" x14ac:dyDescent="0.3">
      <c r="A12942" s="11"/>
      <c r="B12942" s="8"/>
    </row>
    <row r="12943" spans="1:2" x14ac:dyDescent="0.3">
      <c r="A12943" s="11"/>
      <c r="B12943" s="8"/>
    </row>
    <row r="12944" spans="1:2" x14ac:dyDescent="0.3">
      <c r="A12944" s="11"/>
      <c r="B12944" s="8"/>
    </row>
    <row r="12945" spans="1:2" x14ac:dyDescent="0.3">
      <c r="A12945" s="11"/>
      <c r="B12945" s="8"/>
    </row>
    <row r="12946" spans="1:2" x14ac:dyDescent="0.3">
      <c r="A12946" s="11"/>
      <c r="B12946" s="8"/>
    </row>
    <row r="12947" spans="1:2" x14ac:dyDescent="0.3">
      <c r="A12947" s="11"/>
      <c r="B12947" s="8"/>
    </row>
    <row r="12948" spans="1:2" x14ac:dyDescent="0.3">
      <c r="A12948" s="11"/>
      <c r="B12948" s="8"/>
    </row>
    <row r="12949" spans="1:2" x14ac:dyDescent="0.3">
      <c r="A12949" s="11"/>
      <c r="B12949" s="8"/>
    </row>
    <row r="12950" spans="1:2" x14ac:dyDescent="0.3">
      <c r="A12950" s="11"/>
      <c r="B12950" s="8"/>
    </row>
    <row r="12951" spans="1:2" x14ac:dyDescent="0.3">
      <c r="A12951" s="11"/>
      <c r="B12951" s="8"/>
    </row>
    <row r="12952" spans="1:2" x14ac:dyDescent="0.3">
      <c r="A12952" s="11"/>
      <c r="B12952" s="8"/>
    </row>
    <row r="12953" spans="1:2" x14ac:dyDescent="0.3">
      <c r="A12953" s="11"/>
      <c r="B12953" s="8"/>
    </row>
    <row r="12954" spans="1:2" x14ac:dyDescent="0.3">
      <c r="A12954" s="11"/>
      <c r="B12954" s="8"/>
    </row>
    <row r="12955" spans="1:2" x14ac:dyDescent="0.3">
      <c r="A12955" s="11"/>
      <c r="B12955" s="8"/>
    </row>
    <row r="12956" spans="1:2" x14ac:dyDescent="0.3">
      <c r="A12956" s="11"/>
      <c r="B12956" s="8"/>
    </row>
    <row r="12957" spans="1:2" x14ac:dyDescent="0.3">
      <c r="A12957" s="11"/>
      <c r="B12957" s="8"/>
    </row>
    <row r="12958" spans="1:2" x14ac:dyDescent="0.3">
      <c r="A12958" s="11"/>
      <c r="B12958" s="8"/>
    </row>
    <row r="12959" spans="1:2" x14ac:dyDescent="0.3">
      <c r="A12959" s="11"/>
      <c r="B12959" s="8"/>
    </row>
    <row r="12960" spans="1:2" x14ac:dyDescent="0.3">
      <c r="A12960" s="11"/>
      <c r="B12960" s="8"/>
    </row>
    <row r="12961" spans="1:2" x14ac:dyDescent="0.3">
      <c r="A12961" s="11"/>
      <c r="B12961" s="8"/>
    </row>
    <row r="12962" spans="1:2" x14ac:dyDescent="0.3">
      <c r="A12962" s="11"/>
      <c r="B12962" s="8"/>
    </row>
    <row r="12963" spans="1:2" x14ac:dyDescent="0.3">
      <c r="A12963" s="11"/>
      <c r="B12963" s="8"/>
    </row>
    <row r="12964" spans="1:2" x14ac:dyDescent="0.3">
      <c r="A12964" s="11"/>
      <c r="B12964" s="8"/>
    </row>
    <row r="12965" spans="1:2" x14ac:dyDescent="0.3">
      <c r="A12965" s="11"/>
      <c r="B12965" s="8"/>
    </row>
    <row r="12966" spans="1:2" x14ac:dyDescent="0.3">
      <c r="A12966" s="11"/>
      <c r="B12966" s="8"/>
    </row>
    <row r="12967" spans="1:2" x14ac:dyDescent="0.3">
      <c r="A12967" s="11"/>
      <c r="B12967" s="8"/>
    </row>
    <row r="12968" spans="1:2" x14ac:dyDescent="0.3">
      <c r="A12968" s="11"/>
      <c r="B12968" s="8"/>
    </row>
    <row r="12969" spans="1:2" x14ac:dyDescent="0.3">
      <c r="A12969" s="11"/>
      <c r="B12969" s="8"/>
    </row>
    <row r="12970" spans="1:2" x14ac:dyDescent="0.3">
      <c r="A12970" s="11"/>
      <c r="B12970" s="8"/>
    </row>
    <row r="12971" spans="1:2" x14ac:dyDescent="0.3">
      <c r="A12971" s="11"/>
      <c r="B12971" s="8"/>
    </row>
    <row r="12972" spans="1:2" x14ac:dyDescent="0.3">
      <c r="A12972" s="11"/>
      <c r="B12972" s="8"/>
    </row>
    <row r="12973" spans="1:2" x14ac:dyDescent="0.3">
      <c r="A12973" s="11"/>
      <c r="B12973" s="8"/>
    </row>
    <row r="12974" spans="1:2" x14ac:dyDescent="0.3">
      <c r="A12974" s="11"/>
      <c r="B12974" s="8"/>
    </row>
    <row r="12975" spans="1:2" x14ac:dyDescent="0.3">
      <c r="A12975" s="11"/>
      <c r="B12975" s="8"/>
    </row>
    <row r="12976" spans="1:2" x14ac:dyDescent="0.3">
      <c r="A12976" s="11"/>
      <c r="B12976" s="8"/>
    </row>
    <row r="12977" spans="1:2" x14ac:dyDescent="0.3">
      <c r="A12977" s="11"/>
      <c r="B12977" s="8"/>
    </row>
    <row r="12978" spans="1:2" x14ac:dyDescent="0.3">
      <c r="A12978" s="11"/>
      <c r="B12978" s="8"/>
    </row>
    <row r="12979" spans="1:2" x14ac:dyDescent="0.3">
      <c r="A12979" s="11"/>
      <c r="B12979" s="8"/>
    </row>
    <row r="12980" spans="1:2" x14ac:dyDescent="0.3">
      <c r="A12980" s="11"/>
      <c r="B12980" s="8"/>
    </row>
    <row r="12981" spans="1:2" x14ac:dyDescent="0.3">
      <c r="A12981" s="11"/>
      <c r="B12981" s="8"/>
    </row>
    <row r="12982" spans="1:2" x14ac:dyDescent="0.3">
      <c r="A12982" s="11"/>
      <c r="B12982" s="8"/>
    </row>
    <row r="12983" spans="1:2" x14ac:dyDescent="0.3">
      <c r="A12983" s="11"/>
      <c r="B12983" s="8"/>
    </row>
    <row r="12984" spans="1:2" x14ac:dyDescent="0.3">
      <c r="A12984" s="11"/>
      <c r="B12984" s="8"/>
    </row>
    <row r="12985" spans="1:2" x14ac:dyDescent="0.3">
      <c r="A12985" s="11"/>
      <c r="B12985" s="8"/>
    </row>
    <row r="12986" spans="1:2" x14ac:dyDescent="0.3">
      <c r="A12986" s="11"/>
      <c r="B12986" s="8"/>
    </row>
    <row r="12987" spans="1:2" x14ac:dyDescent="0.3">
      <c r="A12987" s="11"/>
      <c r="B12987" s="8"/>
    </row>
    <row r="12988" spans="1:2" x14ac:dyDescent="0.3">
      <c r="A12988" s="11"/>
      <c r="B12988" s="8"/>
    </row>
    <row r="12989" spans="1:2" x14ac:dyDescent="0.3">
      <c r="A12989" s="11"/>
      <c r="B12989" s="8"/>
    </row>
    <row r="12990" spans="1:2" x14ac:dyDescent="0.3">
      <c r="A12990" s="11"/>
      <c r="B12990" s="8"/>
    </row>
    <row r="12991" spans="1:2" x14ac:dyDescent="0.3">
      <c r="A12991" s="11"/>
      <c r="B12991" s="8"/>
    </row>
    <row r="12992" spans="1:2" x14ac:dyDescent="0.3">
      <c r="A12992" s="11"/>
      <c r="B12992" s="8"/>
    </row>
    <row r="12993" spans="1:2" x14ac:dyDescent="0.3">
      <c r="A12993" s="11"/>
      <c r="B12993" s="8"/>
    </row>
    <row r="12994" spans="1:2" x14ac:dyDescent="0.3">
      <c r="A12994" s="11"/>
      <c r="B12994" s="8"/>
    </row>
    <row r="12995" spans="1:2" x14ac:dyDescent="0.3">
      <c r="A12995" s="11"/>
      <c r="B12995" s="8"/>
    </row>
    <row r="12996" spans="1:2" x14ac:dyDescent="0.3">
      <c r="A12996" s="11"/>
      <c r="B12996" s="8"/>
    </row>
    <row r="12997" spans="1:2" x14ac:dyDescent="0.3">
      <c r="A12997" s="11"/>
      <c r="B12997" s="8"/>
    </row>
    <row r="12998" spans="1:2" x14ac:dyDescent="0.3">
      <c r="A12998" s="11"/>
      <c r="B12998" s="8"/>
    </row>
    <row r="12999" spans="1:2" x14ac:dyDescent="0.3">
      <c r="A12999" s="11"/>
      <c r="B12999" s="8"/>
    </row>
    <row r="13000" spans="1:2" x14ac:dyDescent="0.3">
      <c r="A13000" s="11"/>
      <c r="B13000" s="8"/>
    </row>
    <row r="13001" spans="1:2" x14ac:dyDescent="0.3">
      <c r="A13001" s="11"/>
      <c r="B13001" s="8"/>
    </row>
    <row r="13002" spans="1:2" x14ac:dyDescent="0.3">
      <c r="A13002" s="11"/>
      <c r="B13002" s="8"/>
    </row>
    <row r="13003" spans="1:2" x14ac:dyDescent="0.3">
      <c r="A13003" s="11"/>
      <c r="B13003" s="8"/>
    </row>
    <row r="13004" spans="1:2" x14ac:dyDescent="0.3">
      <c r="A13004" s="11"/>
      <c r="B13004" s="8"/>
    </row>
    <row r="13005" spans="1:2" x14ac:dyDescent="0.3">
      <c r="A13005" s="11"/>
      <c r="B13005" s="8"/>
    </row>
    <row r="13006" spans="1:2" x14ac:dyDescent="0.3">
      <c r="A13006" s="11"/>
      <c r="B13006" s="8"/>
    </row>
    <row r="13007" spans="1:2" x14ac:dyDescent="0.3">
      <c r="A13007" s="11"/>
      <c r="B13007" s="8"/>
    </row>
    <row r="13008" spans="1:2" x14ac:dyDescent="0.3">
      <c r="A13008" s="11"/>
      <c r="B13008" s="8"/>
    </row>
    <row r="13009" spans="1:2" x14ac:dyDescent="0.3">
      <c r="A13009" s="11"/>
      <c r="B13009" s="8"/>
    </row>
    <row r="13010" spans="1:2" x14ac:dyDescent="0.3">
      <c r="A13010" s="11"/>
      <c r="B13010" s="8"/>
    </row>
    <row r="13011" spans="1:2" x14ac:dyDescent="0.3">
      <c r="A13011" s="11"/>
      <c r="B13011" s="8"/>
    </row>
    <row r="13012" spans="1:2" x14ac:dyDescent="0.3">
      <c r="A13012" s="11"/>
      <c r="B13012" s="8"/>
    </row>
    <row r="13013" spans="1:2" x14ac:dyDescent="0.3">
      <c r="A13013" s="11"/>
      <c r="B13013" s="8"/>
    </row>
    <row r="13014" spans="1:2" x14ac:dyDescent="0.3">
      <c r="A13014" s="11"/>
      <c r="B13014" s="8"/>
    </row>
    <row r="13015" spans="1:2" x14ac:dyDescent="0.3">
      <c r="A13015" s="11"/>
      <c r="B13015" s="8"/>
    </row>
    <row r="13016" spans="1:2" x14ac:dyDescent="0.3">
      <c r="A13016" s="11"/>
      <c r="B13016" s="8"/>
    </row>
    <row r="13017" spans="1:2" x14ac:dyDescent="0.3">
      <c r="A13017" s="11"/>
      <c r="B13017" s="8"/>
    </row>
    <row r="13018" spans="1:2" x14ac:dyDescent="0.3">
      <c r="A13018" s="11"/>
      <c r="B13018" s="8"/>
    </row>
    <row r="13019" spans="1:2" x14ac:dyDescent="0.3">
      <c r="A13019" s="11"/>
      <c r="B13019" s="8"/>
    </row>
    <row r="13020" spans="1:2" x14ac:dyDescent="0.3">
      <c r="A13020" s="11"/>
      <c r="B13020" s="8"/>
    </row>
    <row r="13021" spans="1:2" x14ac:dyDescent="0.3">
      <c r="A13021" s="11"/>
      <c r="B13021" s="8"/>
    </row>
    <row r="13022" spans="1:2" x14ac:dyDescent="0.3">
      <c r="A13022" s="11"/>
      <c r="B13022" s="8"/>
    </row>
    <row r="13023" spans="1:2" x14ac:dyDescent="0.3">
      <c r="A13023" s="11"/>
      <c r="B13023" s="8"/>
    </row>
    <row r="13024" spans="1:2" x14ac:dyDescent="0.3">
      <c r="A13024" s="11"/>
      <c r="B13024" s="8"/>
    </row>
    <row r="13025" spans="1:2" x14ac:dyDescent="0.3">
      <c r="A13025" s="11"/>
      <c r="B13025" s="8"/>
    </row>
    <row r="13026" spans="1:2" x14ac:dyDescent="0.3">
      <c r="A13026" s="11"/>
      <c r="B13026" s="8"/>
    </row>
    <row r="13027" spans="1:2" x14ac:dyDescent="0.3">
      <c r="A13027" s="11"/>
      <c r="B13027" s="8"/>
    </row>
    <row r="13028" spans="1:2" x14ac:dyDescent="0.3">
      <c r="A13028" s="11"/>
      <c r="B13028" s="8"/>
    </row>
    <row r="13029" spans="1:2" x14ac:dyDescent="0.3">
      <c r="A13029" s="11"/>
      <c r="B13029" s="8"/>
    </row>
    <row r="13030" spans="1:2" x14ac:dyDescent="0.3">
      <c r="A13030" s="11"/>
      <c r="B13030" s="8"/>
    </row>
    <row r="13031" spans="1:2" x14ac:dyDescent="0.3">
      <c r="A13031" s="11"/>
      <c r="B13031" s="8"/>
    </row>
    <row r="13032" spans="1:2" x14ac:dyDescent="0.3">
      <c r="A13032" s="11"/>
      <c r="B13032" s="8"/>
    </row>
    <row r="13033" spans="1:2" x14ac:dyDescent="0.3">
      <c r="A13033" s="11"/>
      <c r="B13033" s="8"/>
    </row>
    <row r="13034" spans="1:2" x14ac:dyDescent="0.3">
      <c r="A13034" s="11"/>
      <c r="B13034" s="8"/>
    </row>
    <row r="13035" spans="1:2" x14ac:dyDescent="0.3">
      <c r="A13035" s="11"/>
      <c r="B13035" s="8"/>
    </row>
    <row r="13036" spans="1:2" x14ac:dyDescent="0.3">
      <c r="A13036" s="11"/>
      <c r="B13036" s="8"/>
    </row>
    <row r="13037" spans="1:2" x14ac:dyDescent="0.3">
      <c r="A13037" s="11"/>
      <c r="B13037" s="8"/>
    </row>
    <row r="13038" spans="1:2" x14ac:dyDescent="0.3">
      <c r="A13038" s="11"/>
      <c r="B13038" s="8"/>
    </row>
    <row r="13039" spans="1:2" x14ac:dyDescent="0.3">
      <c r="A13039" s="11"/>
      <c r="B13039" s="8"/>
    </row>
    <row r="13040" spans="1:2" x14ac:dyDescent="0.3">
      <c r="A13040" s="11"/>
      <c r="B13040" s="8"/>
    </row>
    <row r="13041" spans="1:2" x14ac:dyDescent="0.3">
      <c r="A13041" s="11"/>
      <c r="B13041" s="8"/>
    </row>
    <row r="13042" spans="1:2" x14ac:dyDescent="0.3">
      <c r="A13042" s="11"/>
      <c r="B13042" s="8"/>
    </row>
    <row r="13043" spans="1:2" x14ac:dyDescent="0.3">
      <c r="A13043" s="11"/>
      <c r="B13043" s="8"/>
    </row>
    <row r="13044" spans="1:2" x14ac:dyDescent="0.3">
      <c r="A13044" s="11"/>
      <c r="B13044" s="8"/>
    </row>
    <row r="13045" spans="1:2" x14ac:dyDescent="0.3">
      <c r="A13045" s="11"/>
      <c r="B13045" s="8"/>
    </row>
    <row r="13046" spans="1:2" x14ac:dyDescent="0.3">
      <c r="A13046" s="11"/>
      <c r="B13046" s="8"/>
    </row>
    <row r="13047" spans="1:2" x14ac:dyDescent="0.3">
      <c r="A13047" s="11"/>
      <c r="B13047" s="8"/>
    </row>
    <row r="13048" spans="1:2" x14ac:dyDescent="0.3">
      <c r="A13048" s="11"/>
      <c r="B13048" s="8"/>
    </row>
    <row r="13049" spans="1:2" x14ac:dyDescent="0.3">
      <c r="A13049" s="11"/>
      <c r="B13049" s="8"/>
    </row>
    <row r="13050" spans="1:2" x14ac:dyDescent="0.3">
      <c r="A13050" s="11"/>
      <c r="B13050" s="8"/>
    </row>
    <row r="13051" spans="1:2" x14ac:dyDescent="0.3">
      <c r="A13051" s="11"/>
      <c r="B13051" s="8"/>
    </row>
    <row r="13052" spans="1:2" x14ac:dyDescent="0.3">
      <c r="A13052" s="11"/>
      <c r="B13052" s="8"/>
    </row>
    <row r="13053" spans="1:2" x14ac:dyDescent="0.3">
      <c r="A13053" s="11"/>
      <c r="B13053" s="8"/>
    </row>
    <row r="13054" spans="1:2" x14ac:dyDescent="0.3">
      <c r="A13054" s="11"/>
      <c r="B13054" s="8"/>
    </row>
    <row r="13055" spans="1:2" x14ac:dyDescent="0.3">
      <c r="A13055" s="11"/>
      <c r="B13055" s="8"/>
    </row>
    <row r="13056" spans="1:2" x14ac:dyDescent="0.3">
      <c r="A13056" s="11"/>
      <c r="B13056" s="8"/>
    </row>
    <row r="13057" spans="1:2" x14ac:dyDescent="0.3">
      <c r="A13057" s="11"/>
      <c r="B13057" s="8"/>
    </row>
    <row r="13058" spans="1:2" x14ac:dyDescent="0.3">
      <c r="A13058" s="11"/>
      <c r="B13058" s="8"/>
    </row>
    <row r="13059" spans="1:2" x14ac:dyDescent="0.3">
      <c r="A13059" s="11"/>
      <c r="B13059" s="8"/>
    </row>
    <row r="13060" spans="1:2" x14ac:dyDescent="0.3">
      <c r="A13060" s="11"/>
      <c r="B13060" s="8"/>
    </row>
    <row r="13061" spans="1:2" x14ac:dyDescent="0.3">
      <c r="A13061" s="11"/>
      <c r="B13061" s="8"/>
    </row>
    <row r="13062" spans="1:2" x14ac:dyDescent="0.3">
      <c r="A13062" s="11"/>
      <c r="B13062" s="8"/>
    </row>
    <row r="13063" spans="1:2" x14ac:dyDescent="0.3">
      <c r="A13063" s="11"/>
      <c r="B13063" s="8"/>
    </row>
    <row r="13064" spans="1:2" x14ac:dyDescent="0.3">
      <c r="A13064" s="11"/>
      <c r="B13064" s="8"/>
    </row>
    <row r="13065" spans="1:2" x14ac:dyDescent="0.3">
      <c r="A13065" s="11"/>
      <c r="B13065" s="8"/>
    </row>
    <row r="13066" spans="1:2" x14ac:dyDescent="0.3">
      <c r="A13066" s="11"/>
      <c r="B13066" s="8"/>
    </row>
    <row r="13067" spans="1:2" x14ac:dyDescent="0.3">
      <c r="A13067" s="11"/>
      <c r="B13067" s="8"/>
    </row>
    <row r="13068" spans="1:2" x14ac:dyDescent="0.3">
      <c r="A13068" s="11"/>
      <c r="B13068" s="8"/>
    </row>
    <row r="13069" spans="1:2" x14ac:dyDescent="0.3">
      <c r="A13069" s="11"/>
      <c r="B13069" s="8"/>
    </row>
    <row r="13070" spans="1:2" x14ac:dyDescent="0.3">
      <c r="A13070" s="11"/>
      <c r="B13070" s="8"/>
    </row>
    <row r="13071" spans="1:2" x14ac:dyDescent="0.3">
      <c r="A13071" s="11"/>
      <c r="B13071" s="8"/>
    </row>
    <row r="13072" spans="1:2" x14ac:dyDescent="0.3">
      <c r="A13072" s="11"/>
      <c r="B13072" s="8"/>
    </row>
    <row r="13073" spans="1:2" x14ac:dyDescent="0.3">
      <c r="A13073" s="11"/>
      <c r="B13073" s="8"/>
    </row>
    <row r="13074" spans="1:2" x14ac:dyDescent="0.3">
      <c r="A13074" s="11"/>
      <c r="B13074" s="8"/>
    </row>
    <row r="13075" spans="1:2" x14ac:dyDescent="0.3">
      <c r="A13075" s="11"/>
      <c r="B13075" s="8"/>
    </row>
    <row r="13076" spans="1:2" x14ac:dyDescent="0.3">
      <c r="A13076" s="11"/>
      <c r="B13076" s="8"/>
    </row>
    <row r="13077" spans="1:2" x14ac:dyDescent="0.3">
      <c r="A13077" s="11"/>
      <c r="B13077" s="8"/>
    </row>
    <row r="13078" spans="1:2" x14ac:dyDescent="0.3">
      <c r="A13078" s="11"/>
      <c r="B13078" s="8"/>
    </row>
    <row r="13079" spans="1:2" x14ac:dyDescent="0.3">
      <c r="A13079" s="11"/>
      <c r="B13079" s="8"/>
    </row>
    <row r="13080" spans="1:2" x14ac:dyDescent="0.3">
      <c r="A13080" s="11"/>
      <c r="B13080" s="8"/>
    </row>
    <row r="13081" spans="1:2" x14ac:dyDescent="0.3">
      <c r="A13081" s="11"/>
      <c r="B13081" s="8"/>
    </row>
    <row r="13082" spans="1:2" x14ac:dyDescent="0.3">
      <c r="A13082" s="11"/>
      <c r="B13082" s="8"/>
    </row>
    <row r="13083" spans="1:2" x14ac:dyDescent="0.3">
      <c r="A13083" s="11"/>
      <c r="B13083" s="8"/>
    </row>
    <row r="13084" spans="1:2" x14ac:dyDescent="0.3">
      <c r="A13084" s="11"/>
      <c r="B13084" s="8"/>
    </row>
    <row r="13085" spans="1:2" x14ac:dyDescent="0.3">
      <c r="A13085" s="11"/>
      <c r="B13085" s="8"/>
    </row>
    <row r="13086" spans="1:2" x14ac:dyDescent="0.3">
      <c r="A13086" s="11"/>
      <c r="B13086" s="8"/>
    </row>
    <row r="13087" spans="1:2" x14ac:dyDescent="0.3">
      <c r="A13087" s="11"/>
      <c r="B13087" s="8"/>
    </row>
    <row r="13088" spans="1:2" x14ac:dyDescent="0.3">
      <c r="A13088" s="11"/>
      <c r="B13088" s="8"/>
    </row>
    <row r="13089" spans="1:2" x14ac:dyDescent="0.3">
      <c r="A13089" s="11"/>
      <c r="B13089" s="8"/>
    </row>
    <row r="13090" spans="1:2" x14ac:dyDescent="0.3">
      <c r="A13090" s="11"/>
      <c r="B13090" s="8"/>
    </row>
    <row r="13091" spans="1:2" x14ac:dyDescent="0.3">
      <c r="A13091" s="11"/>
      <c r="B13091" s="8"/>
    </row>
    <row r="13092" spans="1:2" x14ac:dyDescent="0.3">
      <c r="A13092" s="11"/>
      <c r="B13092" s="8"/>
    </row>
    <row r="13093" spans="1:2" x14ac:dyDescent="0.3">
      <c r="A13093" s="11"/>
      <c r="B13093" s="8"/>
    </row>
    <row r="13094" spans="1:2" x14ac:dyDescent="0.3">
      <c r="A13094" s="11"/>
      <c r="B13094" s="8"/>
    </row>
    <row r="13095" spans="1:2" x14ac:dyDescent="0.3">
      <c r="A13095" s="11"/>
      <c r="B13095" s="8"/>
    </row>
    <row r="13096" spans="1:2" x14ac:dyDescent="0.3">
      <c r="A13096" s="11"/>
      <c r="B13096" s="8"/>
    </row>
    <row r="13097" spans="1:2" x14ac:dyDescent="0.3">
      <c r="A13097" s="11"/>
      <c r="B13097" s="8"/>
    </row>
    <row r="13098" spans="1:2" x14ac:dyDescent="0.3">
      <c r="A13098" s="11"/>
      <c r="B13098" s="8"/>
    </row>
    <row r="13099" spans="1:2" x14ac:dyDescent="0.3">
      <c r="A13099" s="11"/>
      <c r="B13099" s="8"/>
    </row>
    <row r="13100" spans="1:2" x14ac:dyDescent="0.3">
      <c r="A13100" s="11"/>
      <c r="B13100" s="8"/>
    </row>
    <row r="13101" spans="1:2" x14ac:dyDescent="0.3">
      <c r="A13101" s="11"/>
      <c r="B13101" s="8"/>
    </row>
    <row r="13102" spans="1:2" x14ac:dyDescent="0.3">
      <c r="A13102" s="11"/>
      <c r="B13102" s="8"/>
    </row>
    <row r="13103" spans="1:2" x14ac:dyDescent="0.3">
      <c r="A13103" s="11"/>
      <c r="B13103" s="8"/>
    </row>
    <row r="13104" spans="1:2" x14ac:dyDescent="0.3">
      <c r="A13104" s="11"/>
      <c r="B13104" s="8"/>
    </row>
    <row r="13105" spans="1:2" x14ac:dyDescent="0.3">
      <c r="A13105" s="11"/>
      <c r="B13105" s="8"/>
    </row>
    <row r="13106" spans="1:2" x14ac:dyDescent="0.3">
      <c r="A13106" s="11"/>
      <c r="B13106" s="8"/>
    </row>
    <row r="13107" spans="1:2" x14ac:dyDescent="0.3">
      <c r="A13107" s="11"/>
      <c r="B13107" s="8"/>
    </row>
    <row r="13108" spans="1:2" x14ac:dyDescent="0.3">
      <c r="A13108" s="11"/>
      <c r="B13108" s="8"/>
    </row>
    <row r="13109" spans="1:2" x14ac:dyDescent="0.3">
      <c r="A13109" s="11"/>
      <c r="B13109" s="8"/>
    </row>
    <row r="13110" spans="1:2" x14ac:dyDescent="0.3">
      <c r="A13110" s="11"/>
      <c r="B13110" s="8"/>
    </row>
    <row r="13111" spans="1:2" x14ac:dyDescent="0.3">
      <c r="A13111" s="11"/>
      <c r="B13111" s="8"/>
    </row>
    <row r="13112" spans="1:2" x14ac:dyDescent="0.3">
      <c r="A13112" s="11"/>
      <c r="B13112" s="8"/>
    </row>
    <row r="13113" spans="1:2" x14ac:dyDescent="0.3">
      <c r="A13113" s="11"/>
      <c r="B13113" s="8"/>
    </row>
    <row r="13114" spans="1:2" x14ac:dyDescent="0.3">
      <c r="A13114" s="11"/>
      <c r="B13114" s="8"/>
    </row>
    <row r="13115" spans="1:2" x14ac:dyDescent="0.3">
      <c r="A13115" s="11"/>
      <c r="B13115" s="8"/>
    </row>
    <row r="13116" spans="1:2" x14ac:dyDescent="0.3">
      <c r="A13116" s="11"/>
      <c r="B13116" s="8"/>
    </row>
    <row r="13117" spans="1:2" x14ac:dyDescent="0.3">
      <c r="A13117" s="11"/>
      <c r="B13117" s="8"/>
    </row>
    <row r="13118" spans="1:2" x14ac:dyDescent="0.3">
      <c r="A13118" s="11"/>
      <c r="B13118" s="8"/>
    </row>
    <row r="13119" spans="1:2" x14ac:dyDescent="0.3">
      <c r="A13119" s="11"/>
      <c r="B13119" s="8"/>
    </row>
    <row r="13120" spans="1:2" x14ac:dyDescent="0.3">
      <c r="A13120" s="11"/>
      <c r="B13120" s="8"/>
    </row>
    <row r="13121" spans="1:2" x14ac:dyDescent="0.3">
      <c r="A13121" s="11"/>
      <c r="B13121" s="8"/>
    </row>
    <row r="13122" spans="1:2" x14ac:dyDescent="0.3">
      <c r="A13122" s="11"/>
      <c r="B13122" s="8"/>
    </row>
    <row r="13123" spans="1:2" x14ac:dyDescent="0.3">
      <c r="A13123" s="11"/>
      <c r="B13123" s="8"/>
    </row>
    <row r="13124" spans="1:2" x14ac:dyDescent="0.3">
      <c r="A13124" s="11"/>
      <c r="B13124" s="8"/>
    </row>
    <row r="13125" spans="1:2" x14ac:dyDescent="0.3">
      <c r="A13125" s="11"/>
      <c r="B13125" s="8"/>
    </row>
    <row r="13126" spans="1:2" x14ac:dyDescent="0.3">
      <c r="A13126" s="11"/>
      <c r="B13126" s="8"/>
    </row>
    <row r="13127" spans="1:2" x14ac:dyDescent="0.3">
      <c r="A13127" s="11"/>
      <c r="B13127" s="8"/>
    </row>
    <row r="13128" spans="1:2" x14ac:dyDescent="0.3">
      <c r="A13128" s="11"/>
      <c r="B13128" s="8"/>
    </row>
    <row r="13129" spans="1:2" x14ac:dyDescent="0.3">
      <c r="A13129" s="11"/>
      <c r="B13129" s="8"/>
    </row>
    <row r="13130" spans="1:2" x14ac:dyDescent="0.3">
      <c r="A13130" s="11"/>
      <c r="B13130" s="8"/>
    </row>
    <row r="13131" spans="1:2" x14ac:dyDescent="0.3">
      <c r="A13131" s="11"/>
      <c r="B13131" s="8"/>
    </row>
    <row r="13132" spans="1:2" x14ac:dyDescent="0.3">
      <c r="A13132" s="11"/>
      <c r="B13132" s="8"/>
    </row>
    <row r="13133" spans="1:2" x14ac:dyDescent="0.3">
      <c r="A13133" s="11"/>
      <c r="B13133" s="8"/>
    </row>
    <row r="13134" spans="1:2" x14ac:dyDescent="0.3">
      <c r="A13134" s="11"/>
      <c r="B13134" s="8"/>
    </row>
    <row r="13135" spans="1:2" x14ac:dyDescent="0.3">
      <c r="A13135" s="11"/>
      <c r="B13135" s="8"/>
    </row>
    <row r="13136" spans="1:2" x14ac:dyDescent="0.3">
      <c r="A13136" s="11"/>
      <c r="B13136" s="8"/>
    </row>
    <row r="13137" spans="1:2" x14ac:dyDescent="0.3">
      <c r="A13137" s="11"/>
      <c r="B13137" s="8"/>
    </row>
    <row r="13138" spans="1:2" x14ac:dyDescent="0.3">
      <c r="A13138" s="11"/>
      <c r="B13138" s="8"/>
    </row>
    <row r="13139" spans="1:2" x14ac:dyDescent="0.3">
      <c r="A13139" s="11"/>
      <c r="B13139" s="8"/>
    </row>
    <row r="13140" spans="1:2" x14ac:dyDescent="0.3">
      <c r="A13140" s="11"/>
      <c r="B13140" s="8"/>
    </row>
    <row r="13141" spans="1:2" x14ac:dyDescent="0.3">
      <c r="A13141" s="11"/>
      <c r="B13141" s="8"/>
    </row>
    <row r="13142" spans="1:2" x14ac:dyDescent="0.3">
      <c r="A13142" s="11"/>
      <c r="B13142" s="8"/>
    </row>
    <row r="13143" spans="1:2" x14ac:dyDescent="0.3">
      <c r="A13143" s="11"/>
      <c r="B13143" s="8"/>
    </row>
    <row r="13144" spans="1:2" x14ac:dyDescent="0.3">
      <c r="A13144" s="11"/>
      <c r="B13144" s="8"/>
    </row>
    <row r="13145" spans="1:2" x14ac:dyDescent="0.3">
      <c r="A13145" s="11"/>
      <c r="B13145" s="8"/>
    </row>
    <row r="13146" spans="1:2" x14ac:dyDescent="0.3">
      <c r="A13146" s="11"/>
      <c r="B13146" s="8"/>
    </row>
    <row r="13147" spans="1:2" x14ac:dyDescent="0.3">
      <c r="A13147" s="11"/>
      <c r="B13147" s="8"/>
    </row>
    <row r="13148" spans="1:2" x14ac:dyDescent="0.3">
      <c r="A13148" s="11"/>
      <c r="B13148" s="8"/>
    </row>
    <row r="13149" spans="1:2" x14ac:dyDescent="0.3">
      <c r="A13149" s="11"/>
      <c r="B13149" s="8"/>
    </row>
    <row r="13150" spans="1:2" x14ac:dyDescent="0.3">
      <c r="A13150" s="11"/>
      <c r="B13150" s="8"/>
    </row>
    <row r="13151" spans="1:2" x14ac:dyDescent="0.3">
      <c r="A13151" s="11"/>
      <c r="B13151" s="8"/>
    </row>
    <row r="13152" spans="1:2" x14ac:dyDescent="0.3">
      <c r="A13152" s="11"/>
      <c r="B13152" s="8"/>
    </row>
    <row r="13153" spans="1:2" x14ac:dyDescent="0.3">
      <c r="A13153" s="11"/>
      <c r="B13153" s="8"/>
    </row>
    <row r="13154" spans="1:2" x14ac:dyDescent="0.3">
      <c r="A13154" s="11"/>
      <c r="B13154" s="8"/>
    </row>
    <row r="13155" spans="1:2" x14ac:dyDescent="0.3">
      <c r="A13155" s="11"/>
      <c r="B13155" s="8"/>
    </row>
    <row r="13156" spans="1:2" x14ac:dyDescent="0.3">
      <c r="A13156" s="11"/>
      <c r="B13156" s="8"/>
    </row>
    <row r="13157" spans="1:2" x14ac:dyDescent="0.3">
      <c r="A13157" s="11"/>
      <c r="B13157" s="8"/>
    </row>
    <row r="13158" spans="1:2" x14ac:dyDescent="0.3">
      <c r="A13158" s="11"/>
      <c r="B13158" s="8"/>
    </row>
    <row r="13159" spans="1:2" x14ac:dyDescent="0.3">
      <c r="A13159" s="11"/>
      <c r="B13159" s="8"/>
    </row>
    <row r="13160" spans="1:2" x14ac:dyDescent="0.3">
      <c r="A13160" s="11"/>
      <c r="B13160" s="8"/>
    </row>
    <row r="13161" spans="1:2" x14ac:dyDescent="0.3">
      <c r="A13161" s="11"/>
      <c r="B13161" s="8"/>
    </row>
    <row r="13162" spans="1:2" x14ac:dyDescent="0.3">
      <c r="A13162" s="11"/>
      <c r="B13162" s="8"/>
    </row>
    <row r="13163" spans="1:2" x14ac:dyDescent="0.3">
      <c r="A13163" s="11"/>
      <c r="B13163" s="8"/>
    </row>
    <row r="13164" spans="1:2" x14ac:dyDescent="0.3">
      <c r="A13164" s="11"/>
      <c r="B13164" s="8"/>
    </row>
    <row r="13165" spans="1:2" x14ac:dyDescent="0.3">
      <c r="A13165" s="11"/>
      <c r="B13165" s="8"/>
    </row>
    <row r="13166" spans="1:2" x14ac:dyDescent="0.3">
      <c r="A13166" s="11"/>
      <c r="B13166" s="8"/>
    </row>
    <row r="13167" spans="1:2" x14ac:dyDescent="0.3">
      <c r="A13167" s="11"/>
      <c r="B13167" s="8"/>
    </row>
    <row r="13168" spans="1:2" x14ac:dyDescent="0.3">
      <c r="A13168" s="11"/>
      <c r="B13168" s="8"/>
    </row>
    <row r="13169" spans="1:2" x14ac:dyDescent="0.3">
      <c r="A13169" s="11"/>
      <c r="B13169" s="8"/>
    </row>
    <row r="13170" spans="1:2" x14ac:dyDescent="0.3">
      <c r="A13170" s="11"/>
      <c r="B13170" s="8"/>
    </row>
    <row r="13171" spans="1:2" x14ac:dyDescent="0.3">
      <c r="A13171" s="11"/>
      <c r="B13171" s="8"/>
    </row>
    <row r="13172" spans="1:2" x14ac:dyDescent="0.3">
      <c r="A13172" s="11"/>
      <c r="B13172" s="8"/>
    </row>
    <row r="13173" spans="1:2" x14ac:dyDescent="0.3">
      <c r="A13173" s="11"/>
      <c r="B13173" s="8"/>
    </row>
    <row r="13174" spans="1:2" x14ac:dyDescent="0.3">
      <c r="A13174" s="11"/>
      <c r="B13174" s="8"/>
    </row>
    <row r="13175" spans="1:2" x14ac:dyDescent="0.3">
      <c r="A13175" s="11"/>
      <c r="B13175" s="8"/>
    </row>
    <row r="13176" spans="1:2" x14ac:dyDescent="0.3">
      <c r="A13176" s="11"/>
      <c r="B13176" s="8"/>
    </row>
    <row r="13177" spans="1:2" x14ac:dyDescent="0.3">
      <c r="A13177" s="11"/>
      <c r="B13177" s="8"/>
    </row>
    <row r="13178" spans="1:2" x14ac:dyDescent="0.3">
      <c r="A13178" s="11"/>
      <c r="B13178" s="8"/>
    </row>
    <row r="13179" spans="1:2" x14ac:dyDescent="0.3">
      <c r="A13179" s="11"/>
      <c r="B13179" s="8"/>
    </row>
    <row r="13180" spans="1:2" x14ac:dyDescent="0.3">
      <c r="A13180" s="11"/>
      <c r="B13180" s="8"/>
    </row>
    <row r="13181" spans="1:2" x14ac:dyDescent="0.3">
      <c r="A13181" s="11"/>
      <c r="B13181" s="8"/>
    </row>
    <row r="13182" spans="1:2" x14ac:dyDescent="0.3">
      <c r="A13182" s="11"/>
      <c r="B13182" s="8"/>
    </row>
    <row r="13183" spans="1:2" x14ac:dyDescent="0.3">
      <c r="A13183" s="11"/>
      <c r="B13183" s="8"/>
    </row>
    <row r="13184" spans="1:2" x14ac:dyDescent="0.3">
      <c r="A13184" s="11"/>
      <c r="B13184" s="8"/>
    </row>
    <row r="13185" spans="1:2" x14ac:dyDescent="0.3">
      <c r="A13185" s="11"/>
      <c r="B13185" s="8"/>
    </row>
    <row r="13186" spans="1:2" x14ac:dyDescent="0.3">
      <c r="A13186" s="11"/>
      <c r="B13186" s="8"/>
    </row>
    <row r="13187" spans="1:2" x14ac:dyDescent="0.3">
      <c r="A13187" s="11"/>
      <c r="B13187" s="8"/>
    </row>
    <row r="13188" spans="1:2" x14ac:dyDescent="0.3">
      <c r="A13188" s="11"/>
      <c r="B13188" s="8"/>
    </row>
    <row r="13189" spans="1:2" x14ac:dyDescent="0.3">
      <c r="A13189" s="11"/>
      <c r="B13189" s="8"/>
    </row>
    <row r="13190" spans="1:2" x14ac:dyDescent="0.3">
      <c r="A13190" s="11"/>
      <c r="B13190" s="8"/>
    </row>
    <row r="13191" spans="1:2" x14ac:dyDescent="0.3">
      <c r="A13191" s="11"/>
      <c r="B13191" s="8"/>
    </row>
    <row r="13192" spans="1:2" x14ac:dyDescent="0.3">
      <c r="A13192" s="11"/>
      <c r="B13192" s="8"/>
    </row>
    <row r="13193" spans="1:2" x14ac:dyDescent="0.3">
      <c r="A13193" s="11"/>
      <c r="B13193" s="8"/>
    </row>
    <row r="13194" spans="1:2" x14ac:dyDescent="0.3">
      <c r="A13194" s="11"/>
      <c r="B13194" s="8"/>
    </row>
    <row r="13195" spans="1:2" x14ac:dyDescent="0.3">
      <c r="A13195" s="11"/>
      <c r="B13195" s="8"/>
    </row>
    <row r="13196" spans="1:2" x14ac:dyDescent="0.3">
      <c r="A13196" s="11"/>
      <c r="B13196" s="8"/>
    </row>
    <row r="13197" spans="1:2" x14ac:dyDescent="0.3">
      <c r="A13197" s="11"/>
      <c r="B13197" s="8"/>
    </row>
    <row r="13198" spans="1:2" x14ac:dyDescent="0.3">
      <c r="A13198" s="11"/>
      <c r="B13198" s="8"/>
    </row>
    <row r="13199" spans="1:2" x14ac:dyDescent="0.3">
      <c r="A13199" s="11"/>
      <c r="B13199" s="8"/>
    </row>
    <row r="13200" spans="1:2" x14ac:dyDescent="0.3">
      <c r="A13200" s="11"/>
      <c r="B13200" s="8"/>
    </row>
    <row r="13201" spans="1:2" x14ac:dyDescent="0.3">
      <c r="A13201" s="11"/>
      <c r="B13201" s="8"/>
    </row>
    <row r="13202" spans="1:2" x14ac:dyDescent="0.3">
      <c r="A13202" s="11"/>
      <c r="B13202" s="8"/>
    </row>
    <row r="13203" spans="1:2" x14ac:dyDescent="0.3">
      <c r="A13203" s="11"/>
      <c r="B13203" s="8"/>
    </row>
    <row r="13204" spans="1:2" x14ac:dyDescent="0.3">
      <c r="A13204" s="11"/>
      <c r="B13204" s="8"/>
    </row>
    <row r="13205" spans="1:2" x14ac:dyDescent="0.3">
      <c r="A13205" s="11"/>
      <c r="B13205" s="8"/>
    </row>
    <row r="13206" spans="1:2" x14ac:dyDescent="0.3">
      <c r="A13206" s="11"/>
      <c r="B13206" s="8"/>
    </row>
    <row r="13207" spans="1:2" x14ac:dyDescent="0.3">
      <c r="A13207" s="11"/>
      <c r="B13207" s="8"/>
    </row>
    <row r="13208" spans="1:2" x14ac:dyDescent="0.3">
      <c r="A13208" s="11"/>
      <c r="B13208" s="8"/>
    </row>
    <row r="13209" spans="1:2" x14ac:dyDescent="0.3">
      <c r="A13209" s="11"/>
      <c r="B13209" s="8"/>
    </row>
    <row r="13210" spans="1:2" x14ac:dyDescent="0.3">
      <c r="A13210" s="11"/>
      <c r="B13210" s="8"/>
    </row>
    <row r="13211" spans="1:2" x14ac:dyDescent="0.3">
      <c r="A13211" s="11"/>
      <c r="B13211" s="8"/>
    </row>
    <row r="13212" spans="1:2" x14ac:dyDescent="0.3">
      <c r="A13212" s="11"/>
      <c r="B13212" s="8"/>
    </row>
    <row r="13213" spans="1:2" x14ac:dyDescent="0.3">
      <c r="A13213" s="11"/>
      <c r="B13213" s="8"/>
    </row>
    <row r="13214" spans="1:2" x14ac:dyDescent="0.3">
      <c r="A13214" s="11"/>
      <c r="B13214" s="8"/>
    </row>
    <row r="13215" spans="1:2" x14ac:dyDescent="0.3">
      <c r="A13215" s="11"/>
      <c r="B13215" s="8"/>
    </row>
    <row r="13216" spans="1:2" x14ac:dyDescent="0.3">
      <c r="A13216" s="11"/>
      <c r="B13216" s="8"/>
    </row>
    <row r="13217" spans="1:2" x14ac:dyDescent="0.3">
      <c r="A13217" s="11"/>
      <c r="B13217" s="8"/>
    </row>
    <row r="13218" spans="1:2" x14ac:dyDescent="0.3">
      <c r="A13218" s="11"/>
      <c r="B13218" s="8"/>
    </row>
    <row r="13219" spans="1:2" x14ac:dyDescent="0.3">
      <c r="A13219" s="11"/>
      <c r="B13219" s="8"/>
    </row>
    <row r="13220" spans="1:2" x14ac:dyDescent="0.3">
      <c r="A13220" s="11"/>
      <c r="B13220" s="8"/>
    </row>
    <row r="13221" spans="1:2" x14ac:dyDescent="0.3">
      <c r="A13221" s="11"/>
      <c r="B13221" s="8"/>
    </row>
    <row r="13222" spans="1:2" x14ac:dyDescent="0.3">
      <c r="A13222" s="11"/>
      <c r="B13222" s="8"/>
    </row>
    <row r="13223" spans="1:2" x14ac:dyDescent="0.3">
      <c r="A13223" s="11"/>
      <c r="B13223" s="8"/>
    </row>
    <row r="13224" spans="1:2" x14ac:dyDescent="0.3">
      <c r="A13224" s="11"/>
      <c r="B13224" s="8"/>
    </row>
    <row r="13225" spans="1:2" x14ac:dyDescent="0.3">
      <c r="A13225" s="11"/>
      <c r="B13225" s="8"/>
    </row>
    <row r="13226" spans="1:2" x14ac:dyDescent="0.3">
      <c r="A13226" s="11"/>
      <c r="B13226" s="8"/>
    </row>
    <row r="13227" spans="1:2" x14ac:dyDescent="0.3">
      <c r="A13227" s="11"/>
      <c r="B13227" s="8"/>
    </row>
    <row r="13228" spans="1:2" x14ac:dyDescent="0.3">
      <c r="A13228" s="11"/>
      <c r="B13228" s="8"/>
    </row>
    <row r="13229" spans="1:2" x14ac:dyDescent="0.3">
      <c r="A13229" s="11"/>
      <c r="B13229" s="8"/>
    </row>
    <row r="13230" spans="1:2" x14ac:dyDescent="0.3">
      <c r="A13230" s="11"/>
      <c r="B13230" s="8"/>
    </row>
    <row r="13231" spans="1:2" x14ac:dyDescent="0.3">
      <c r="A13231" s="11"/>
      <c r="B13231" s="8"/>
    </row>
    <row r="13232" spans="1:2" x14ac:dyDescent="0.3">
      <c r="A13232" s="11"/>
      <c r="B13232" s="8"/>
    </row>
    <row r="13233" spans="1:2" x14ac:dyDescent="0.3">
      <c r="A13233" s="11"/>
      <c r="B13233" s="8"/>
    </row>
    <row r="13234" spans="1:2" x14ac:dyDescent="0.3">
      <c r="A13234" s="11"/>
      <c r="B13234" s="8"/>
    </row>
    <row r="13235" spans="1:2" x14ac:dyDescent="0.3">
      <c r="A13235" s="11"/>
      <c r="B13235" s="8"/>
    </row>
    <row r="13236" spans="1:2" x14ac:dyDescent="0.3">
      <c r="A13236" s="11"/>
      <c r="B13236" s="8"/>
    </row>
    <row r="13237" spans="1:2" x14ac:dyDescent="0.3">
      <c r="A13237" s="11"/>
      <c r="B13237" s="8"/>
    </row>
    <row r="13238" spans="1:2" x14ac:dyDescent="0.3">
      <c r="A13238" s="11"/>
      <c r="B13238" s="8"/>
    </row>
    <row r="13239" spans="1:2" x14ac:dyDescent="0.3">
      <c r="A13239" s="11"/>
      <c r="B13239" s="8"/>
    </row>
    <row r="13240" spans="1:2" x14ac:dyDescent="0.3">
      <c r="A13240" s="11"/>
      <c r="B13240" s="8"/>
    </row>
    <row r="13241" spans="1:2" x14ac:dyDescent="0.3">
      <c r="A13241" s="11"/>
      <c r="B13241" s="8"/>
    </row>
    <row r="13242" spans="1:2" x14ac:dyDescent="0.3">
      <c r="A13242" s="11"/>
      <c r="B13242" s="8"/>
    </row>
    <row r="13243" spans="1:2" x14ac:dyDescent="0.3">
      <c r="A13243" s="11"/>
      <c r="B13243" s="8"/>
    </row>
    <row r="13244" spans="1:2" x14ac:dyDescent="0.3">
      <c r="A13244" s="11"/>
      <c r="B13244" s="8"/>
    </row>
    <row r="13245" spans="1:2" x14ac:dyDescent="0.3">
      <c r="A13245" s="11"/>
      <c r="B13245" s="8"/>
    </row>
    <row r="13246" spans="1:2" x14ac:dyDescent="0.3">
      <c r="A13246" s="11"/>
      <c r="B13246" s="8"/>
    </row>
    <row r="13247" spans="1:2" x14ac:dyDescent="0.3">
      <c r="A13247" s="11"/>
      <c r="B13247" s="8"/>
    </row>
    <row r="13248" spans="1:2" x14ac:dyDescent="0.3">
      <c r="A13248" s="11"/>
      <c r="B13248" s="8"/>
    </row>
    <row r="13249" spans="1:2" x14ac:dyDescent="0.3">
      <c r="A13249" s="11"/>
      <c r="B13249" s="8"/>
    </row>
    <row r="13250" spans="1:2" x14ac:dyDescent="0.3">
      <c r="A13250" s="11"/>
      <c r="B13250" s="8"/>
    </row>
    <row r="13251" spans="1:2" x14ac:dyDescent="0.3">
      <c r="A13251" s="11"/>
      <c r="B13251" s="8"/>
    </row>
    <row r="13252" spans="1:2" x14ac:dyDescent="0.3">
      <c r="A13252" s="11"/>
      <c r="B13252" s="8"/>
    </row>
    <row r="13253" spans="1:2" x14ac:dyDescent="0.3">
      <c r="A13253" s="11"/>
      <c r="B13253" s="8"/>
    </row>
    <row r="13254" spans="1:2" x14ac:dyDescent="0.3">
      <c r="A13254" s="11"/>
      <c r="B13254" s="8"/>
    </row>
    <row r="13255" spans="1:2" x14ac:dyDescent="0.3">
      <c r="A13255" s="11"/>
      <c r="B13255" s="8"/>
    </row>
    <row r="13256" spans="1:2" x14ac:dyDescent="0.3">
      <c r="A13256" s="11"/>
      <c r="B13256" s="8"/>
    </row>
    <row r="13257" spans="1:2" x14ac:dyDescent="0.3">
      <c r="A13257" s="11"/>
      <c r="B13257" s="8"/>
    </row>
    <row r="13258" spans="1:2" x14ac:dyDescent="0.3">
      <c r="A13258" s="11"/>
      <c r="B13258" s="8"/>
    </row>
    <row r="13259" spans="1:2" x14ac:dyDescent="0.3">
      <c r="A13259" s="11"/>
      <c r="B13259" s="8"/>
    </row>
    <row r="13260" spans="1:2" x14ac:dyDescent="0.3">
      <c r="A13260" s="11"/>
      <c r="B13260" s="8"/>
    </row>
    <row r="13261" spans="1:2" x14ac:dyDescent="0.3">
      <c r="A13261" s="11"/>
      <c r="B13261" s="8"/>
    </row>
    <row r="13262" spans="1:2" x14ac:dyDescent="0.3">
      <c r="A13262" s="11"/>
      <c r="B13262" s="8"/>
    </row>
    <row r="13263" spans="1:2" x14ac:dyDescent="0.3">
      <c r="A13263" s="11"/>
      <c r="B13263" s="8"/>
    </row>
    <row r="13264" spans="1:2" x14ac:dyDescent="0.3">
      <c r="A13264" s="11"/>
      <c r="B13264" s="8"/>
    </row>
    <row r="13265" spans="1:2" x14ac:dyDescent="0.3">
      <c r="A13265" s="11"/>
      <c r="B13265" s="8"/>
    </row>
    <row r="13266" spans="1:2" x14ac:dyDescent="0.3">
      <c r="A13266" s="11"/>
      <c r="B13266" s="8"/>
    </row>
    <row r="13267" spans="1:2" x14ac:dyDescent="0.3">
      <c r="A13267" s="11"/>
      <c r="B13267" s="8"/>
    </row>
    <row r="13268" spans="1:2" x14ac:dyDescent="0.3">
      <c r="A13268" s="11"/>
      <c r="B13268" s="8"/>
    </row>
    <row r="13269" spans="1:2" x14ac:dyDescent="0.3">
      <c r="A13269" s="11"/>
      <c r="B13269" s="8"/>
    </row>
    <row r="13270" spans="1:2" x14ac:dyDescent="0.3">
      <c r="A13270" s="11"/>
      <c r="B13270" s="8"/>
    </row>
    <row r="13271" spans="1:2" x14ac:dyDescent="0.3">
      <c r="A13271" s="11"/>
      <c r="B13271" s="8"/>
    </row>
    <row r="13272" spans="1:2" x14ac:dyDescent="0.3">
      <c r="A13272" s="11"/>
      <c r="B13272" s="8"/>
    </row>
    <row r="13273" spans="1:2" x14ac:dyDescent="0.3">
      <c r="A13273" s="11"/>
      <c r="B13273" s="8"/>
    </row>
    <row r="13274" spans="1:2" x14ac:dyDescent="0.3">
      <c r="A13274" s="11"/>
      <c r="B13274" s="8"/>
    </row>
    <row r="13275" spans="1:2" x14ac:dyDescent="0.3">
      <c r="A13275" s="11"/>
      <c r="B13275" s="8"/>
    </row>
    <row r="13276" spans="1:2" x14ac:dyDescent="0.3">
      <c r="A13276" s="11"/>
      <c r="B13276" s="8"/>
    </row>
    <row r="13277" spans="1:2" x14ac:dyDescent="0.3">
      <c r="A13277" s="11"/>
      <c r="B13277" s="8"/>
    </row>
    <row r="13278" spans="1:2" x14ac:dyDescent="0.3">
      <c r="A13278" s="11"/>
      <c r="B13278" s="8"/>
    </row>
    <row r="13279" spans="1:2" x14ac:dyDescent="0.3">
      <c r="A13279" s="11"/>
      <c r="B13279" s="8"/>
    </row>
    <row r="13280" spans="1:2" x14ac:dyDescent="0.3">
      <c r="A13280" s="11"/>
      <c r="B13280" s="8"/>
    </row>
    <row r="13281" spans="1:2" x14ac:dyDescent="0.3">
      <c r="A13281" s="11"/>
      <c r="B13281" s="8"/>
    </row>
    <row r="13282" spans="1:2" x14ac:dyDescent="0.3">
      <c r="A13282" s="11"/>
      <c r="B13282" s="8"/>
    </row>
    <row r="13283" spans="1:2" x14ac:dyDescent="0.3">
      <c r="A13283" s="11"/>
      <c r="B13283" s="8"/>
    </row>
    <row r="13284" spans="1:2" x14ac:dyDescent="0.3">
      <c r="A13284" s="11"/>
      <c r="B13284" s="8"/>
    </row>
    <row r="13285" spans="1:2" x14ac:dyDescent="0.3">
      <c r="A13285" s="11"/>
      <c r="B13285" s="8"/>
    </row>
    <row r="13286" spans="1:2" x14ac:dyDescent="0.3">
      <c r="A13286" s="11"/>
      <c r="B13286" s="8"/>
    </row>
    <row r="13287" spans="1:2" x14ac:dyDescent="0.3">
      <c r="A13287" s="11"/>
      <c r="B13287" s="8"/>
    </row>
    <row r="13288" spans="1:2" x14ac:dyDescent="0.3">
      <c r="A13288" s="11"/>
      <c r="B13288" s="8"/>
    </row>
    <row r="13289" spans="1:2" x14ac:dyDescent="0.3">
      <c r="A13289" s="11"/>
      <c r="B13289" s="8"/>
    </row>
    <row r="13290" spans="1:2" x14ac:dyDescent="0.3">
      <c r="A13290" s="11"/>
      <c r="B13290" s="8"/>
    </row>
    <row r="13291" spans="1:2" x14ac:dyDescent="0.3">
      <c r="A13291" s="11"/>
      <c r="B13291" s="8"/>
    </row>
    <row r="13292" spans="1:2" x14ac:dyDescent="0.3">
      <c r="A13292" s="11"/>
      <c r="B13292" s="8"/>
    </row>
    <row r="13293" spans="1:2" x14ac:dyDescent="0.3">
      <c r="A13293" s="11"/>
      <c r="B13293" s="8"/>
    </row>
    <row r="13294" spans="1:2" x14ac:dyDescent="0.3">
      <c r="A13294" s="11"/>
      <c r="B13294" s="8"/>
    </row>
    <row r="13295" spans="1:2" x14ac:dyDescent="0.3">
      <c r="A13295" s="11"/>
      <c r="B13295" s="8"/>
    </row>
    <row r="13296" spans="1:2" x14ac:dyDescent="0.3">
      <c r="A13296" s="11"/>
      <c r="B13296" s="8"/>
    </row>
    <row r="13297" spans="1:2" x14ac:dyDescent="0.3">
      <c r="A13297" s="11"/>
      <c r="B13297" s="8"/>
    </row>
    <row r="13298" spans="1:2" x14ac:dyDescent="0.3">
      <c r="A13298" s="11"/>
      <c r="B13298" s="8"/>
    </row>
    <row r="13299" spans="1:2" x14ac:dyDescent="0.3">
      <c r="A13299" s="11"/>
      <c r="B13299" s="8"/>
    </row>
    <row r="13300" spans="1:2" x14ac:dyDescent="0.3">
      <c r="A13300" s="11"/>
      <c r="B13300" s="8"/>
    </row>
    <row r="13301" spans="1:2" x14ac:dyDescent="0.3">
      <c r="A13301" s="11"/>
      <c r="B13301" s="8"/>
    </row>
    <row r="13302" spans="1:2" x14ac:dyDescent="0.3">
      <c r="A13302" s="11"/>
      <c r="B13302" s="8"/>
    </row>
    <row r="13303" spans="1:2" x14ac:dyDescent="0.3">
      <c r="A13303" s="11"/>
      <c r="B13303" s="8"/>
    </row>
    <row r="13304" spans="1:2" x14ac:dyDescent="0.3">
      <c r="A13304" s="11"/>
      <c r="B13304" s="8"/>
    </row>
    <row r="13305" spans="1:2" x14ac:dyDescent="0.3">
      <c r="A13305" s="11"/>
      <c r="B13305" s="8"/>
    </row>
    <row r="13306" spans="1:2" x14ac:dyDescent="0.3">
      <c r="A13306" s="11"/>
      <c r="B13306" s="8"/>
    </row>
    <row r="13307" spans="1:2" x14ac:dyDescent="0.3">
      <c r="A13307" s="11"/>
      <c r="B13307" s="8"/>
    </row>
    <row r="13308" spans="1:2" x14ac:dyDescent="0.3">
      <c r="A13308" s="11"/>
      <c r="B13308" s="8"/>
    </row>
    <row r="13309" spans="1:2" x14ac:dyDescent="0.3">
      <c r="A13309" s="11"/>
      <c r="B13309" s="8"/>
    </row>
    <row r="13310" spans="1:2" x14ac:dyDescent="0.3">
      <c r="A13310" s="11"/>
      <c r="B13310" s="8"/>
    </row>
    <row r="13311" spans="1:2" x14ac:dyDescent="0.3">
      <c r="A13311" s="11"/>
      <c r="B13311" s="8"/>
    </row>
    <row r="13312" spans="1:2" x14ac:dyDescent="0.3">
      <c r="A13312" s="11"/>
      <c r="B13312" s="8"/>
    </row>
    <row r="13313" spans="1:2" x14ac:dyDescent="0.3">
      <c r="A13313" s="11"/>
      <c r="B13313" s="8"/>
    </row>
    <row r="13314" spans="1:2" x14ac:dyDescent="0.3">
      <c r="A13314" s="11"/>
      <c r="B13314" s="8"/>
    </row>
    <row r="13315" spans="1:2" x14ac:dyDescent="0.3">
      <c r="A13315" s="11"/>
      <c r="B13315" s="8"/>
    </row>
    <row r="13316" spans="1:2" x14ac:dyDescent="0.3">
      <c r="A13316" s="11"/>
      <c r="B13316" s="8"/>
    </row>
    <row r="13317" spans="1:2" x14ac:dyDescent="0.3">
      <c r="A13317" s="11"/>
      <c r="B13317" s="8"/>
    </row>
    <row r="13318" spans="1:2" x14ac:dyDescent="0.3">
      <c r="A13318" s="11"/>
      <c r="B13318" s="8"/>
    </row>
    <row r="13319" spans="1:2" x14ac:dyDescent="0.3">
      <c r="A13319" s="11"/>
      <c r="B13319" s="8"/>
    </row>
    <row r="13320" spans="1:2" x14ac:dyDescent="0.3">
      <c r="A13320" s="11"/>
      <c r="B13320" s="8"/>
    </row>
    <row r="13321" spans="1:2" x14ac:dyDescent="0.3">
      <c r="A13321" s="11"/>
      <c r="B13321" s="8"/>
    </row>
    <row r="13322" spans="1:2" x14ac:dyDescent="0.3">
      <c r="A13322" s="11"/>
      <c r="B13322" s="8"/>
    </row>
    <row r="13323" spans="1:2" x14ac:dyDescent="0.3">
      <c r="A13323" s="11"/>
      <c r="B13323" s="8"/>
    </row>
    <row r="13324" spans="1:2" x14ac:dyDescent="0.3">
      <c r="A13324" s="11"/>
      <c r="B13324" s="8"/>
    </row>
    <row r="13325" spans="1:2" x14ac:dyDescent="0.3">
      <c r="A13325" s="11"/>
      <c r="B13325" s="8"/>
    </row>
    <row r="13326" spans="1:2" x14ac:dyDescent="0.3">
      <c r="A13326" s="11"/>
      <c r="B13326" s="8"/>
    </row>
    <row r="13327" spans="1:2" x14ac:dyDescent="0.3">
      <c r="A13327" s="11"/>
      <c r="B13327" s="8"/>
    </row>
    <row r="13328" spans="1:2" x14ac:dyDescent="0.3">
      <c r="A13328" s="11"/>
      <c r="B13328" s="8"/>
    </row>
    <row r="13329" spans="1:2" x14ac:dyDescent="0.3">
      <c r="A13329" s="11"/>
      <c r="B13329" s="8"/>
    </row>
    <row r="13330" spans="1:2" x14ac:dyDescent="0.3">
      <c r="A13330" s="11"/>
      <c r="B13330" s="8"/>
    </row>
    <row r="13331" spans="1:2" x14ac:dyDescent="0.3">
      <c r="A13331" s="11"/>
      <c r="B13331" s="8"/>
    </row>
    <row r="13332" spans="1:2" x14ac:dyDescent="0.3">
      <c r="A13332" s="11"/>
      <c r="B13332" s="8"/>
    </row>
    <row r="13333" spans="1:2" x14ac:dyDescent="0.3">
      <c r="A13333" s="11"/>
      <c r="B13333" s="8"/>
    </row>
    <row r="13334" spans="1:2" x14ac:dyDescent="0.3">
      <c r="A13334" s="11"/>
      <c r="B13334" s="8"/>
    </row>
    <row r="13335" spans="1:2" x14ac:dyDescent="0.3">
      <c r="A13335" s="11"/>
      <c r="B13335" s="8"/>
    </row>
    <row r="13336" spans="1:2" x14ac:dyDescent="0.3">
      <c r="A13336" s="11"/>
      <c r="B13336" s="8"/>
    </row>
    <row r="13337" spans="1:2" x14ac:dyDescent="0.3">
      <c r="A13337" s="11"/>
      <c r="B13337" s="8"/>
    </row>
    <row r="13338" spans="1:2" x14ac:dyDescent="0.3">
      <c r="A13338" s="11"/>
      <c r="B13338" s="8"/>
    </row>
    <row r="13339" spans="1:2" x14ac:dyDescent="0.3">
      <c r="A13339" s="11"/>
      <c r="B13339" s="8"/>
    </row>
    <row r="13340" spans="1:2" x14ac:dyDescent="0.3">
      <c r="A13340" s="11"/>
      <c r="B13340" s="8"/>
    </row>
    <row r="13341" spans="1:2" x14ac:dyDescent="0.3">
      <c r="A13341" s="11"/>
      <c r="B13341" s="8"/>
    </row>
    <row r="13342" spans="1:2" x14ac:dyDescent="0.3">
      <c r="A13342" s="11"/>
      <c r="B13342" s="8"/>
    </row>
    <row r="13343" spans="1:2" x14ac:dyDescent="0.3">
      <c r="A13343" s="11"/>
      <c r="B13343" s="8"/>
    </row>
    <row r="13344" spans="1:2" x14ac:dyDescent="0.3">
      <c r="A13344" s="11"/>
      <c r="B13344" s="8"/>
    </row>
    <row r="13345" spans="1:2" x14ac:dyDescent="0.3">
      <c r="A13345" s="11"/>
      <c r="B13345" s="8"/>
    </row>
    <row r="13346" spans="1:2" x14ac:dyDescent="0.3">
      <c r="A13346" s="11"/>
      <c r="B13346" s="8"/>
    </row>
    <row r="13347" spans="1:2" x14ac:dyDescent="0.3">
      <c r="A13347" s="11"/>
      <c r="B13347" s="8"/>
    </row>
    <row r="13348" spans="1:2" x14ac:dyDescent="0.3">
      <c r="A13348" s="11"/>
      <c r="B13348" s="8"/>
    </row>
    <row r="13349" spans="1:2" x14ac:dyDescent="0.3">
      <c r="A13349" s="11"/>
      <c r="B13349" s="8"/>
    </row>
    <row r="13350" spans="1:2" x14ac:dyDescent="0.3">
      <c r="A13350" s="11"/>
      <c r="B13350" s="8"/>
    </row>
    <row r="13351" spans="1:2" x14ac:dyDescent="0.3">
      <c r="A13351" s="11"/>
      <c r="B13351" s="8"/>
    </row>
    <row r="13352" spans="1:2" x14ac:dyDescent="0.3">
      <c r="A13352" s="11"/>
      <c r="B13352" s="8"/>
    </row>
    <row r="13353" spans="1:2" x14ac:dyDescent="0.3">
      <c r="A13353" s="11"/>
      <c r="B13353" s="8"/>
    </row>
    <row r="13354" spans="1:2" x14ac:dyDescent="0.3">
      <c r="A13354" s="11"/>
      <c r="B13354" s="8"/>
    </row>
    <row r="13355" spans="1:2" x14ac:dyDescent="0.3">
      <c r="A13355" s="11"/>
      <c r="B13355" s="8"/>
    </row>
    <row r="13356" spans="1:2" x14ac:dyDescent="0.3">
      <c r="A13356" s="11"/>
      <c r="B13356" s="8"/>
    </row>
    <row r="13357" spans="1:2" x14ac:dyDescent="0.3">
      <c r="A13357" s="11"/>
      <c r="B13357" s="8"/>
    </row>
    <row r="13358" spans="1:2" x14ac:dyDescent="0.3">
      <c r="A13358" s="11"/>
      <c r="B13358" s="8"/>
    </row>
    <row r="13359" spans="1:2" x14ac:dyDescent="0.3">
      <c r="A13359" s="11"/>
      <c r="B13359" s="8"/>
    </row>
    <row r="13360" spans="1:2" x14ac:dyDescent="0.3">
      <c r="A13360" s="11"/>
      <c r="B13360" s="8"/>
    </row>
    <row r="13361" spans="1:2" x14ac:dyDescent="0.3">
      <c r="A13361" s="11"/>
      <c r="B13361" s="8"/>
    </row>
    <row r="13362" spans="1:2" x14ac:dyDescent="0.3">
      <c r="A13362" s="11"/>
      <c r="B13362" s="8"/>
    </row>
    <row r="13363" spans="1:2" x14ac:dyDescent="0.3">
      <c r="A13363" s="11"/>
      <c r="B13363" s="8"/>
    </row>
    <row r="13364" spans="1:2" x14ac:dyDescent="0.3">
      <c r="A13364" s="11"/>
      <c r="B13364" s="8"/>
    </row>
    <row r="13365" spans="1:2" x14ac:dyDescent="0.3">
      <c r="A13365" s="11"/>
      <c r="B13365" s="8"/>
    </row>
    <row r="13366" spans="1:2" x14ac:dyDescent="0.3">
      <c r="A13366" s="11"/>
      <c r="B13366" s="8"/>
    </row>
    <row r="13367" spans="1:2" x14ac:dyDescent="0.3">
      <c r="A13367" s="11"/>
      <c r="B13367" s="8"/>
    </row>
    <row r="13368" spans="1:2" x14ac:dyDescent="0.3">
      <c r="A13368" s="11"/>
      <c r="B13368" s="8"/>
    </row>
    <row r="13369" spans="1:2" x14ac:dyDescent="0.3">
      <c r="A13369" s="11"/>
      <c r="B13369" s="8"/>
    </row>
    <row r="13370" spans="1:2" x14ac:dyDescent="0.3">
      <c r="A13370" s="11"/>
      <c r="B13370" s="8"/>
    </row>
    <row r="13371" spans="1:2" x14ac:dyDescent="0.3">
      <c r="A13371" s="11"/>
      <c r="B13371" s="8"/>
    </row>
    <row r="13372" spans="1:2" x14ac:dyDescent="0.3">
      <c r="A13372" s="11"/>
      <c r="B13372" s="8"/>
    </row>
    <row r="13373" spans="1:2" x14ac:dyDescent="0.3">
      <c r="A13373" s="11"/>
      <c r="B13373" s="8"/>
    </row>
    <row r="13374" spans="1:2" x14ac:dyDescent="0.3">
      <c r="A13374" s="11"/>
      <c r="B13374" s="8"/>
    </row>
    <row r="13375" spans="1:2" x14ac:dyDescent="0.3">
      <c r="A13375" s="11"/>
      <c r="B13375" s="8"/>
    </row>
    <row r="13376" spans="1:2" x14ac:dyDescent="0.3">
      <c r="A13376" s="11"/>
      <c r="B13376" s="8"/>
    </row>
    <row r="13377" spans="1:2" x14ac:dyDescent="0.3">
      <c r="A13377" s="11"/>
      <c r="B13377" s="8"/>
    </row>
    <row r="13378" spans="1:2" x14ac:dyDescent="0.3">
      <c r="A13378" s="11"/>
      <c r="B13378" s="8"/>
    </row>
    <row r="13379" spans="1:2" x14ac:dyDescent="0.3">
      <c r="A13379" s="11"/>
      <c r="B13379" s="8"/>
    </row>
    <row r="13380" spans="1:2" x14ac:dyDescent="0.3">
      <c r="A13380" s="11"/>
      <c r="B13380" s="8"/>
    </row>
    <row r="13381" spans="1:2" x14ac:dyDescent="0.3">
      <c r="A13381" s="11"/>
      <c r="B13381" s="8"/>
    </row>
    <row r="13382" spans="1:2" x14ac:dyDescent="0.3">
      <c r="A13382" s="11"/>
      <c r="B13382" s="8"/>
    </row>
    <row r="13383" spans="1:2" x14ac:dyDescent="0.3">
      <c r="A13383" s="11"/>
      <c r="B13383" s="8"/>
    </row>
    <row r="13384" spans="1:2" x14ac:dyDescent="0.3">
      <c r="A13384" s="11"/>
      <c r="B13384" s="8"/>
    </row>
    <row r="13385" spans="1:2" x14ac:dyDescent="0.3">
      <c r="A13385" s="11"/>
      <c r="B13385" s="8"/>
    </row>
    <row r="13386" spans="1:2" x14ac:dyDescent="0.3">
      <c r="A13386" s="11"/>
      <c r="B13386" s="8"/>
    </row>
    <row r="13387" spans="1:2" x14ac:dyDescent="0.3">
      <c r="A13387" s="11"/>
      <c r="B13387" s="8"/>
    </row>
    <row r="13388" spans="1:2" x14ac:dyDescent="0.3">
      <c r="A13388" s="11"/>
      <c r="B13388" s="8"/>
    </row>
    <row r="13389" spans="1:2" x14ac:dyDescent="0.3">
      <c r="A13389" s="11"/>
      <c r="B13389" s="8"/>
    </row>
    <row r="13390" spans="1:2" x14ac:dyDescent="0.3">
      <c r="A13390" s="11"/>
      <c r="B13390" s="8"/>
    </row>
    <row r="13391" spans="1:2" x14ac:dyDescent="0.3">
      <c r="A13391" s="11"/>
      <c r="B13391" s="8"/>
    </row>
    <row r="13392" spans="1:2" x14ac:dyDescent="0.3">
      <c r="A13392" s="11"/>
      <c r="B13392" s="8"/>
    </row>
    <row r="13393" spans="1:2" x14ac:dyDescent="0.3">
      <c r="A13393" s="11"/>
      <c r="B13393" s="8"/>
    </row>
    <row r="13394" spans="1:2" x14ac:dyDescent="0.3">
      <c r="A13394" s="11"/>
      <c r="B13394" s="8"/>
    </row>
    <row r="13395" spans="1:2" x14ac:dyDescent="0.3">
      <c r="A13395" s="11"/>
      <c r="B13395" s="8"/>
    </row>
    <row r="13396" spans="1:2" x14ac:dyDescent="0.3">
      <c r="A13396" s="11"/>
      <c r="B13396" s="8"/>
    </row>
    <row r="13397" spans="1:2" x14ac:dyDescent="0.3">
      <c r="A13397" s="11"/>
      <c r="B13397" s="8"/>
    </row>
    <row r="13398" spans="1:2" x14ac:dyDescent="0.3">
      <c r="A13398" s="11"/>
      <c r="B13398" s="8"/>
    </row>
    <row r="13399" spans="1:2" x14ac:dyDescent="0.3">
      <c r="A13399" s="11"/>
      <c r="B13399" s="8"/>
    </row>
    <row r="13400" spans="1:2" x14ac:dyDescent="0.3">
      <c r="A13400" s="11"/>
      <c r="B13400" s="8"/>
    </row>
    <row r="13401" spans="1:2" x14ac:dyDescent="0.3">
      <c r="A13401" s="11"/>
      <c r="B13401" s="8"/>
    </row>
    <row r="13402" spans="1:2" x14ac:dyDescent="0.3">
      <c r="A13402" s="11"/>
      <c r="B13402" s="8"/>
    </row>
    <row r="13403" spans="1:2" x14ac:dyDescent="0.3">
      <c r="A13403" s="11"/>
      <c r="B13403" s="8"/>
    </row>
    <row r="13404" spans="1:2" x14ac:dyDescent="0.3">
      <c r="A13404" s="11"/>
      <c r="B13404" s="8"/>
    </row>
    <row r="13405" spans="1:2" x14ac:dyDescent="0.3">
      <c r="A13405" s="11"/>
      <c r="B13405" s="8"/>
    </row>
    <row r="13406" spans="1:2" x14ac:dyDescent="0.3">
      <c r="A13406" s="11"/>
      <c r="B13406" s="8"/>
    </row>
    <row r="13407" spans="1:2" x14ac:dyDescent="0.3">
      <c r="A13407" s="11"/>
      <c r="B13407" s="8"/>
    </row>
    <row r="13408" spans="1:2" x14ac:dyDescent="0.3">
      <c r="A13408" s="11"/>
      <c r="B13408" s="8"/>
    </row>
    <row r="13409" spans="1:2" x14ac:dyDescent="0.3">
      <c r="A13409" s="11"/>
      <c r="B13409" s="8"/>
    </row>
    <row r="13410" spans="1:2" x14ac:dyDescent="0.3">
      <c r="A13410" s="11"/>
      <c r="B13410" s="8"/>
    </row>
    <row r="13411" spans="1:2" x14ac:dyDescent="0.3">
      <c r="A13411" s="11"/>
      <c r="B13411" s="8"/>
    </row>
    <row r="13412" spans="1:2" x14ac:dyDescent="0.3">
      <c r="A13412" s="11"/>
      <c r="B13412" s="8"/>
    </row>
    <row r="13413" spans="1:2" x14ac:dyDescent="0.3">
      <c r="A13413" s="11"/>
      <c r="B13413" s="8"/>
    </row>
    <row r="13414" spans="1:2" x14ac:dyDescent="0.3">
      <c r="A13414" s="11"/>
      <c r="B13414" s="8"/>
    </row>
    <row r="13415" spans="1:2" x14ac:dyDescent="0.3">
      <c r="A13415" s="11"/>
      <c r="B13415" s="8"/>
    </row>
    <row r="13416" spans="1:2" x14ac:dyDescent="0.3">
      <c r="A13416" s="11"/>
      <c r="B13416" s="8"/>
    </row>
    <row r="13417" spans="1:2" x14ac:dyDescent="0.3">
      <c r="A13417" s="11"/>
      <c r="B13417" s="8"/>
    </row>
    <row r="13418" spans="1:2" x14ac:dyDescent="0.3">
      <c r="A13418" s="11"/>
      <c r="B13418" s="8"/>
    </row>
    <row r="13419" spans="1:2" x14ac:dyDescent="0.3">
      <c r="A13419" s="11"/>
      <c r="B13419" s="8"/>
    </row>
    <row r="13420" spans="1:2" x14ac:dyDescent="0.3">
      <c r="A13420" s="11"/>
      <c r="B13420" s="8"/>
    </row>
    <row r="13421" spans="1:2" x14ac:dyDescent="0.3">
      <c r="A13421" s="11"/>
      <c r="B13421" s="8"/>
    </row>
    <row r="13422" spans="1:2" x14ac:dyDescent="0.3">
      <c r="A13422" s="11"/>
      <c r="B13422" s="8"/>
    </row>
    <row r="13423" spans="1:2" x14ac:dyDescent="0.3">
      <c r="A13423" s="11"/>
      <c r="B13423" s="8"/>
    </row>
    <row r="13424" spans="1:2" x14ac:dyDescent="0.3">
      <c r="A13424" s="11"/>
      <c r="B13424" s="8"/>
    </row>
    <row r="13425" spans="1:2" x14ac:dyDescent="0.3">
      <c r="A13425" s="11"/>
      <c r="B13425" s="8"/>
    </row>
    <row r="13426" spans="1:2" x14ac:dyDescent="0.3">
      <c r="A13426" s="11"/>
      <c r="B13426" s="8"/>
    </row>
    <row r="13427" spans="1:2" x14ac:dyDescent="0.3">
      <c r="A13427" s="11"/>
      <c r="B13427" s="8"/>
    </row>
    <row r="13428" spans="1:2" x14ac:dyDescent="0.3">
      <c r="A13428" s="11"/>
      <c r="B13428" s="8"/>
    </row>
    <row r="13429" spans="1:2" x14ac:dyDescent="0.3">
      <c r="A13429" s="11"/>
      <c r="B13429" s="8"/>
    </row>
    <row r="13430" spans="1:2" x14ac:dyDescent="0.3">
      <c r="A13430" s="11"/>
      <c r="B13430" s="8"/>
    </row>
    <row r="13431" spans="1:2" x14ac:dyDescent="0.3">
      <c r="A13431" s="11"/>
      <c r="B13431" s="8"/>
    </row>
    <row r="13432" spans="1:2" x14ac:dyDescent="0.3">
      <c r="A13432" s="11"/>
      <c r="B13432" s="8"/>
    </row>
    <row r="13433" spans="1:2" x14ac:dyDescent="0.3">
      <c r="A13433" s="11"/>
      <c r="B13433" s="8"/>
    </row>
    <row r="13434" spans="1:2" x14ac:dyDescent="0.3">
      <c r="A13434" s="11"/>
      <c r="B13434" s="8"/>
    </row>
    <row r="13435" spans="1:2" x14ac:dyDescent="0.3">
      <c r="A13435" s="11"/>
      <c r="B13435" s="8"/>
    </row>
    <row r="13436" spans="1:2" x14ac:dyDescent="0.3">
      <c r="A13436" s="11"/>
      <c r="B13436" s="8"/>
    </row>
    <row r="13437" spans="1:2" x14ac:dyDescent="0.3">
      <c r="A13437" s="11"/>
      <c r="B13437" s="8"/>
    </row>
    <row r="13438" spans="1:2" x14ac:dyDescent="0.3">
      <c r="A13438" s="11"/>
      <c r="B13438" s="8"/>
    </row>
    <row r="13439" spans="1:2" x14ac:dyDescent="0.3">
      <c r="A13439" s="11"/>
      <c r="B13439" s="8"/>
    </row>
    <row r="13440" spans="1:2" x14ac:dyDescent="0.3">
      <c r="A13440" s="11"/>
      <c r="B13440" s="8"/>
    </row>
    <row r="13441" spans="1:2" x14ac:dyDescent="0.3">
      <c r="A13441" s="11"/>
      <c r="B13441" s="8"/>
    </row>
    <row r="13442" spans="1:2" x14ac:dyDescent="0.3">
      <c r="A13442" s="11"/>
      <c r="B13442" s="8"/>
    </row>
    <row r="13443" spans="1:2" x14ac:dyDescent="0.3">
      <c r="A13443" s="11"/>
      <c r="B13443" s="8"/>
    </row>
    <row r="13444" spans="1:2" x14ac:dyDescent="0.3">
      <c r="A13444" s="11"/>
      <c r="B13444" s="8"/>
    </row>
    <row r="13445" spans="1:2" x14ac:dyDescent="0.3">
      <c r="A13445" s="11"/>
      <c r="B13445" s="8"/>
    </row>
    <row r="13446" spans="1:2" x14ac:dyDescent="0.3">
      <c r="A13446" s="11"/>
      <c r="B13446" s="8"/>
    </row>
    <row r="13447" spans="1:2" x14ac:dyDescent="0.3">
      <c r="A13447" s="11"/>
      <c r="B13447" s="8"/>
    </row>
    <row r="13448" spans="1:2" x14ac:dyDescent="0.3">
      <c r="A13448" s="11"/>
      <c r="B13448" s="8"/>
    </row>
    <row r="13449" spans="1:2" x14ac:dyDescent="0.3">
      <c r="A13449" s="11"/>
      <c r="B13449" s="8"/>
    </row>
    <row r="13450" spans="1:2" x14ac:dyDescent="0.3">
      <c r="A13450" s="11"/>
      <c r="B13450" s="8"/>
    </row>
    <row r="13451" spans="1:2" x14ac:dyDescent="0.3">
      <c r="A13451" s="11"/>
      <c r="B13451" s="8"/>
    </row>
    <row r="13452" spans="1:2" x14ac:dyDescent="0.3">
      <c r="A13452" s="11"/>
      <c r="B13452" s="8"/>
    </row>
    <row r="13453" spans="1:2" x14ac:dyDescent="0.3">
      <c r="A13453" s="11"/>
      <c r="B13453" s="8"/>
    </row>
    <row r="13454" spans="1:2" x14ac:dyDescent="0.3">
      <c r="A13454" s="11"/>
      <c r="B13454" s="8"/>
    </row>
    <row r="13455" spans="1:2" x14ac:dyDescent="0.3">
      <c r="A13455" s="11"/>
      <c r="B13455" s="8"/>
    </row>
    <row r="13456" spans="1:2" x14ac:dyDescent="0.3">
      <c r="A13456" s="11"/>
      <c r="B13456" s="8"/>
    </row>
    <row r="13457" spans="1:2" x14ac:dyDescent="0.3">
      <c r="A13457" s="11"/>
      <c r="B13457" s="8"/>
    </row>
    <row r="13458" spans="1:2" x14ac:dyDescent="0.3">
      <c r="A13458" s="11"/>
      <c r="B13458" s="8"/>
    </row>
    <row r="13459" spans="1:2" x14ac:dyDescent="0.3">
      <c r="A13459" s="11"/>
      <c r="B13459" s="8"/>
    </row>
    <row r="13460" spans="1:2" x14ac:dyDescent="0.3">
      <c r="A13460" s="11"/>
      <c r="B13460" s="8"/>
    </row>
    <row r="13461" spans="1:2" x14ac:dyDescent="0.3">
      <c r="A13461" s="11"/>
      <c r="B13461" s="8"/>
    </row>
    <row r="13462" spans="1:2" x14ac:dyDescent="0.3">
      <c r="A13462" s="11"/>
      <c r="B13462" s="8"/>
    </row>
    <row r="13463" spans="1:2" x14ac:dyDescent="0.3">
      <c r="A13463" s="11"/>
      <c r="B13463" s="8"/>
    </row>
    <row r="13464" spans="1:2" x14ac:dyDescent="0.3">
      <c r="A13464" s="11"/>
      <c r="B13464" s="8"/>
    </row>
    <row r="13465" spans="1:2" x14ac:dyDescent="0.3">
      <c r="A13465" s="11"/>
      <c r="B13465" s="8"/>
    </row>
    <row r="13466" spans="1:2" x14ac:dyDescent="0.3">
      <c r="A13466" s="11"/>
      <c r="B13466" s="8"/>
    </row>
    <row r="13467" spans="1:2" x14ac:dyDescent="0.3">
      <c r="A13467" s="11"/>
      <c r="B13467" s="8"/>
    </row>
    <row r="13468" spans="1:2" x14ac:dyDescent="0.3">
      <c r="A13468" s="11"/>
      <c r="B13468" s="8"/>
    </row>
    <row r="13469" spans="1:2" x14ac:dyDescent="0.3">
      <c r="A13469" s="11"/>
      <c r="B13469" s="8"/>
    </row>
    <row r="13470" spans="1:2" x14ac:dyDescent="0.3">
      <c r="A13470" s="11"/>
      <c r="B13470" s="8"/>
    </row>
    <row r="13471" spans="1:2" x14ac:dyDescent="0.3">
      <c r="A13471" s="11"/>
      <c r="B13471" s="8"/>
    </row>
    <row r="13472" spans="1:2" x14ac:dyDescent="0.3">
      <c r="A13472" s="11"/>
      <c r="B13472" s="8"/>
    </row>
    <row r="13473" spans="1:2" x14ac:dyDescent="0.3">
      <c r="A13473" s="11"/>
      <c r="B13473" s="8"/>
    </row>
    <row r="13474" spans="1:2" x14ac:dyDescent="0.3">
      <c r="A13474" s="11"/>
      <c r="B13474" s="8"/>
    </row>
    <row r="13475" spans="1:2" x14ac:dyDescent="0.3">
      <c r="A13475" s="11"/>
      <c r="B13475" s="8"/>
    </row>
    <row r="13476" spans="1:2" x14ac:dyDescent="0.3">
      <c r="A13476" s="11"/>
      <c r="B13476" s="8"/>
    </row>
    <row r="13477" spans="1:2" x14ac:dyDescent="0.3">
      <c r="A13477" s="11"/>
      <c r="B13477" s="8"/>
    </row>
    <row r="13478" spans="1:2" x14ac:dyDescent="0.3">
      <c r="A13478" s="11"/>
      <c r="B13478" s="8"/>
    </row>
    <row r="13479" spans="1:2" x14ac:dyDescent="0.3">
      <c r="A13479" s="11"/>
      <c r="B13479" s="8"/>
    </row>
    <row r="13480" spans="1:2" x14ac:dyDescent="0.3">
      <c r="A13480" s="11"/>
      <c r="B13480" s="8"/>
    </row>
    <row r="13481" spans="1:2" x14ac:dyDescent="0.3">
      <c r="A13481" s="11"/>
      <c r="B13481" s="8"/>
    </row>
    <row r="13482" spans="1:2" x14ac:dyDescent="0.3">
      <c r="A13482" s="11"/>
      <c r="B13482" s="8"/>
    </row>
    <row r="13483" spans="1:2" x14ac:dyDescent="0.3">
      <c r="A13483" s="11"/>
      <c r="B13483" s="8"/>
    </row>
    <row r="13484" spans="1:2" x14ac:dyDescent="0.3">
      <c r="A13484" s="11"/>
      <c r="B13484" s="8"/>
    </row>
    <row r="13485" spans="1:2" x14ac:dyDescent="0.3">
      <c r="A13485" s="11"/>
      <c r="B13485" s="8"/>
    </row>
    <row r="13486" spans="1:2" x14ac:dyDescent="0.3">
      <c r="A13486" s="11"/>
      <c r="B13486" s="8"/>
    </row>
    <row r="13487" spans="1:2" x14ac:dyDescent="0.3">
      <c r="A13487" s="11"/>
      <c r="B13487" s="8"/>
    </row>
    <row r="13488" spans="1:2" x14ac:dyDescent="0.3">
      <c r="A13488" s="11"/>
      <c r="B13488" s="8"/>
    </row>
    <row r="13489" spans="1:2" x14ac:dyDescent="0.3">
      <c r="A13489" s="11"/>
      <c r="B13489" s="8"/>
    </row>
    <row r="13490" spans="1:2" x14ac:dyDescent="0.3">
      <c r="A13490" s="11"/>
      <c r="B13490" s="8"/>
    </row>
    <row r="13491" spans="1:2" x14ac:dyDescent="0.3">
      <c r="A13491" s="11"/>
      <c r="B13491" s="8"/>
    </row>
    <row r="13492" spans="1:2" x14ac:dyDescent="0.3">
      <c r="A13492" s="11"/>
      <c r="B13492" s="8"/>
    </row>
    <row r="13493" spans="1:2" x14ac:dyDescent="0.3">
      <c r="A13493" s="11"/>
      <c r="B13493" s="8"/>
    </row>
    <row r="13494" spans="1:2" x14ac:dyDescent="0.3">
      <c r="A13494" s="11"/>
      <c r="B13494" s="8"/>
    </row>
    <row r="13495" spans="1:2" x14ac:dyDescent="0.3">
      <c r="A13495" s="11"/>
      <c r="B13495" s="8"/>
    </row>
    <row r="13496" spans="1:2" x14ac:dyDescent="0.3">
      <c r="A13496" s="11"/>
      <c r="B13496" s="8"/>
    </row>
    <row r="13497" spans="1:2" x14ac:dyDescent="0.3">
      <c r="A13497" s="11"/>
      <c r="B13497" s="8"/>
    </row>
    <row r="13498" spans="1:2" x14ac:dyDescent="0.3">
      <c r="A13498" s="11"/>
      <c r="B13498" s="8"/>
    </row>
    <row r="13499" spans="1:2" x14ac:dyDescent="0.3">
      <c r="A13499" s="11"/>
      <c r="B13499" s="8"/>
    </row>
    <row r="13500" spans="1:2" x14ac:dyDescent="0.3">
      <c r="A13500" s="11"/>
      <c r="B13500" s="8"/>
    </row>
    <row r="13501" spans="1:2" x14ac:dyDescent="0.3">
      <c r="A13501" s="11"/>
      <c r="B13501" s="8"/>
    </row>
    <row r="13502" spans="1:2" x14ac:dyDescent="0.3">
      <c r="A13502" s="11"/>
      <c r="B13502" s="8"/>
    </row>
    <row r="13503" spans="1:2" x14ac:dyDescent="0.3">
      <c r="A13503" s="11"/>
      <c r="B13503" s="8"/>
    </row>
    <row r="13504" spans="1:2" x14ac:dyDescent="0.3">
      <c r="A13504" s="11"/>
      <c r="B13504" s="8"/>
    </row>
    <row r="13505" spans="1:2" x14ac:dyDescent="0.3">
      <c r="A13505" s="11"/>
      <c r="B13505" s="8"/>
    </row>
    <row r="13506" spans="1:2" x14ac:dyDescent="0.3">
      <c r="A13506" s="11"/>
      <c r="B13506" s="8"/>
    </row>
    <row r="13507" spans="1:2" x14ac:dyDescent="0.3">
      <c r="A13507" s="11"/>
      <c r="B13507" s="8"/>
    </row>
    <row r="13508" spans="1:2" x14ac:dyDescent="0.3">
      <c r="A13508" s="11"/>
      <c r="B13508" s="8"/>
    </row>
    <row r="13509" spans="1:2" x14ac:dyDescent="0.3">
      <c r="A13509" s="11"/>
      <c r="B13509" s="8"/>
    </row>
    <row r="13510" spans="1:2" x14ac:dyDescent="0.3">
      <c r="A13510" s="11"/>
      <c r="B13510" s="8"/>
    </row>
    <row r="13511" spans="1:2" x14ac:dyDescent="0.3">
      <c r="A13511" s="11"/>
      <c r="B13511" s="8"/>
    </row>
    <row r="13512" spans="1:2" x14ac:dyDescent="0.3">
      <c r="A13512" s="11"/>
      <c r="B13512" s="8"/>
    </row>
    <row r="13513" spans="1:2" x14ac:dyDescent="0.3">
      <c r="A13513" s="11"/>
      <c r="B13513" s="8"/>
    </row>
    <row r="13514" spans="1:2" x14ac:dyDescent="0.3">
      <c r="A13514" s="11"/>
      <c r="B13514" s="8"/>
    </row>
    <row r="13515" spans="1:2" x14ac:dyDescent="0.3">
      <c r="A13515" s="11"/>
      <c r="B13515" s="8"/>
    </row>
    <row r="13516" spans="1:2" x14ac:dyDescent="0.3">
      <c r="A13516" s="11"/>
      <c r="B13516" s="8"/>
    </row>
    <row r="13517" spans="1:2" x14ac:dyDescent="0.3">
      <c r="A13517" s="11"/>
      <c r="B13517" s="8"/>
    </row>
    <row r="13518" spans="1:2" x14ac:dyDescent="0.3">
      <c r="A13518" s="11"/>
      <c r="B13518" s="8"/>
    </row>
    <row r="13519" spans="1:2" x14ac:dyDescent="0.3">
      <c r="A13519" s="11"/>
      <c r="B13519" s="8"/>
    </row>
    <row r="13520" spans="1:2" x14ac:dyDescent="0.3">
      <c r="A13520" s="11"/>
      <c r="B13520" s="8"/>
    </row>
    <row r="13521" spans="1:2" x14ac:dyDescent="0.3">
      <c r="A13521" s="11"/>
      <c r="B13521" s="8"/>
    </row>
    <row r="13522" spans="1:2" x14ac:dyDescent="0.3">
      <c r="A13522" s="11"/>
      <c r="B13522" s="8"/>
    </row>
    <row r="13523" spans="1:2" x14ac:dyDescent="0.3">
      <c r="A13523" s="11"/>
      <c r="B13523" s="8"/>
    </row>
    <row r="13524" spans="1:2" x14ac:dyDescent="0.3">
      <c r="A13524" s="11"/>
      <c r="B13524" s="8"/>
    </row>
    <row r="13525" spans="1:2" x14ac:dyDescent="0.3">
      <c r="A13525" s="11"/>
      <c r="B13525" s="8"/>
    </row>
    <row r="13526" spans="1:2" x14ac:dyDescent="0.3">
      <c r="A13526" s="11"/>
      <c r="B13526" s="8"/>
    </row>
    <row r="13527" spans="1:2" x14ac:dyDescent="0.3">
      <c r="A13527" s="11"/>
      <c r="B13527" s="8"/>
    </row>
    <row r="13528" spans="1:2" x14ac:dyDescent="0.3">
      <c r="A13528" s="11"/>
      <c r="B13528" s="8"/>
    </row>
    <row r="13529" spans="1:2" x14ac:dyDescent="0.3">
      <c r="A13529" s="11"/>
      <c r="B13529" s="8"/>
    </row>
    <row r="13530" spans="1:2" x14ac:dyDescent="0.3">
      <c r="A13530" s="11"/>
      <c r="B13530" s="8"/>
    </row>
    <row r="13531" spans="1:2" x14ac:dyDescent="0.3">
      <c r="A13531" s="11"/>
      <c r="B13531" s="8"/>
    </row>
    <row r="13532" spans="1:2" x14ac:dyDescent="0.3">
      <c r="A13532" s="11"/>
      <c r="B13532" s="8"/>
    </row>
    <row r="13533" spans="1:2" x14ac:dyDescent="0.3">
      <c r="A13533" s="11"/>
      <c r="B13533" s="8"/>
    </row>
    <row r="13534" spans="1:2" x14ac:dyDescent="0.3">
      <c r="A13534" s="11"/>
      <c r="B13534" s="8"/>
    </row>
    <row r="13535" spans="1:2" x14ac:dyDescent="0.3">
      <c r="A13535" s="11"/>
      <c r="B13535" s="8"/>
    </row>
    <row r="13536" spans="1:2" x14ac:dyDescent="0.3">
      <c r="A13536" s="11"/>
      <c r="B13536" s="8"/>
    </row>
    <row r="13537" spans="1:2" x14ac:dyDescent="0.3">
      <c r="A13537" s="11"/>
      <c r="B13537" s="8"/>
    </row>
    <row r="13538" spans="1:2" x14ac:dyDescent="0.3">
      <c r="A13538" s="11"/>
      <c r="B13538" s="8"/>
    </row>
    <row r="13539" spans="1:2" x14ac:dyDescent="0.3">
      <c r="A13539" s="11"/>
      <c r="B13539" s="8"/>
    </row>
    <row r="13540" spans="1:2" x14ac:dyDescent="0.3">
      <c r="A13540" s="11"/>
      <c r="B13540" s="8"/>
    </row>
    <row r="13541" spans="1:2" x14ac:dyDescent="0.3">
      <c r="A13541" s="11"/>
      <c r="B13541" s="8"/>
    </row>
    <row r="13542" spans="1:2" x14ac:dyDescent="0.3">
      <c r="A13542" s="11"/>
      <c r="B13542" s="8"/>
    </row>
    <row r="13543" spans="1:2" x14ac:dyDescent="0.3">
      <c r="A13543" s="11"/>
      <c r="B13543" s="8"/>
    </row>
    <row r="13544" spans="1:2" x14ac:dyDescent="0.3">
      <c r="A13544" s="11"/>
      <c r="B13544" s="8"/>
    </row>
  </sheetData>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D918A75-4395-45B4-8E41-20BE0EDD7909}">
  <dimension ref="A1:N66"/>
  <sheetViews>
    <sheetView workbookViewId="0"/>
  </sheetViews>
  <sheetFormatPr defaultRowHeight="14.5" x14ac:dyDescent="0.35"/>
  <cols>
    <col min="1" max="14" width="15.7265625" customWidth="1"/>
  </cols>
  <sheetData>
    <row r="1" spans="1:14" x14ac:dyDescent="0.35">
      <c r="A1" s="1" t="s">
        <v>4</v>
      </c>
      <c r="B1" s="1">
        <v>8</v>
      </c>
    </row>
    <row r="2" spans="1:14" x14ac:dyDescent="0.35">
      <c r="A2" s="1" t="s">
        <v>3</v>
      </c>
      <c r="B2" s="1" t="s">
        <v>65</v>
      </c>
    </row>
    <row r="3" spans="1:14" x14ac:dyDescent="0.35">
      <c r="A3" s="1" t="s">
        <v>5</v>
      </c>
      <c r="B3" s="3" t="s">
        <v>66</v>
      </c>
    </row>
    <row r="4" spans="1:14" x14ac:dyDescent="0.35">
      <c r="A4" s="1" t="s">
        <v>2</v>
      </c>
      <c r="B4" s="3" t="s">
        <v>67</v>
      </c>
    </row>
    <row r="5" spans="1:14" x14ac:dyDescent="0.35">
      <c r="A5" s="1" t="s">
        <v>1</v>
      </c>
      <c r="B5" s="1" t="s">
        <v>68</v>
      </c>
    </row>
    <row r="7" spans="1:14" x14ac:dyDescent="0.35">
      <c r="A7" s="5" t="s">
        <v>83</v>
      </c>
      <c r="B7" s="3" t="s">
        <v>69</v>
      </c>
      <c r="C7" s="3" t="s">
        <v>70</v>
      </c>
      <c r="D7" s="3" t="s">
        <v>74</v>
      </c>
      <c r="E7" s="3" t="s">
        <v>73</v>
      </c>
      <c r="F7" s="3" t="s">
        <v>71</v>
      </c>
      <c r="G7" s="3" t="s">
        <v>72</v>
      </c>
      <c r="H7" s="3" t="s">
        <v>19</v>
      </c>
      <c r="I7" s="3" t="s">
        <v>75</v>
      </c>
      <c r="J7" s="3"/>
      <c r="K7" s="3"/>
      <c r="L7" s="3"/>
      <c r="M7" s="3"/>
      <c r="N7" s="3"/>
    </row>
    <row r="8" spans="1:14" x14ac:dyDescent="0.35">
      <c r="A8" s="5" t="s">
        <v>76</v>
      </c>
      <c r="B8" s="3">
        <v>16.761875039886224</v>
      </c>
      <c r="C8" s="3">
        <v>5.6197049000000003</v>
      </c>
      <c r="D8" s="3">
        <v>-8.9908006000000018</v>
      </c>
      <c r="E8" s="3">
        <v>-7.3700358000000001</v>
      </c>
      <c r="F8" s="3">
        <v>-26.766529889129998</v>
      </c>
      <c r="G8" s="3">
        <v>7.6586463</v>
      </c>
      <c r="H8" s="3">
        <v>6.34570511087</v>
      </c>
      <c r="I8" s="3">
        <v>-13.087134960113776</v>
      </c>
      <c r="J8" s="3"/>
      <c r="K8" s="3"/>
      <c r="L8" s="3"/>
      <c r="M8" s="3"/>
      <c r="N8" s="3"/>
    </row>
    <row r="9" spans="1:14" x14ac:dyDescent="0.35">
      <c r="A9" s="5" t="s">
        <v>77</v>
      </c>
      <c r="B9" s="3">
        <v>7.0340692678012919</v>
      </c>
      <c r="C9" s="3">
        <v>15.584136000000001</v>
      </c>
      <c r="D9" s="3">
        <v>-5.8408220999999996</v>
      </c>
      <c r="E9" s="3">
        <v>-17.469654000000002</v>
      </c>
      <c r="F9" s="3">
        <v>3.9496961025599999</v>
      </c>
      <c r="G9" s="3">
        <v>6.8426363999999991</v>
      </c>
      <c r="H9" s="3">
        <v>1.2875027025599999</v>
      </c>
      <c r="I9" s="3">
        <v>10.100059267801285</v>
      </c>
      <c r="J9" s="3"/>
      <c r="K9" s="3"/>
      <c r="L9" s="3"/>
      <c r="M9" s="3"/>
      <c r="N9" s="3"/>
    </row>
    <row r="10" spans="1:14" x14ac:dyDescent="0.35">
      <c r="A10" s="5" t="s">
        <v>78</v>
      </c>
      <c r="B10" s="3">
        <v>7.3984657337939002</v>
      </c>
      <c r="C10" s="3">
        <v>12.006181499999999</v>
      </c>
      <c r="D10" s="3">
        <v>-7.1799831000000003</v>
      </c>
      <c r="E10" s="3">
        <v>-14.070803999999999</v>
      </c>
      <c r="F10" s="3">
        <v>6.316989360780001</v>
      </c>
      <c r="G10" s="3">
        <v>7.89785</v>
      </c>
      <c r="H10" s="3">
        <v>5.9078811607800006</v>
      </c>
      <c r="I10" s="3">
        <v>12.368695733793899</v>
      </c>
      <c r="J10" s="3"/>
      <c r="K10" s="3"/>
      <c r="L10" s="3"/>
      <c r="M10" s="3"/>
      <c r="N10" s="3"/>
    </row>
    <row r="11" spans="1:14" x14ac:dyDescent="0.35">
      <c r="A11" s="5"/>
      <c r="B11" s="3" t="s">
        <v>11</v>
      </c>
      <c r="C11" s="3"/>
      <c r="D11" s="3"/>
      <c r="E11" s="3"/>
      <c r="F11" s="3"/>
      <c r="G11" s="3"/>
      <c r="H11" s="3"/>
      <c r="I11" s="3"/>
      <c r="J11" s="3"/>
      <c r="K11" s="3"/>
      <c r="L11" s="3"/>
      <c r="M11" s="3"/>
      <c r="N11" s="3"/>
    </row>
    <row r="12" spans="1:14" x14ac:dyDescent="0.35">
      <c r="A12" s="5" t="s">
        <v>79</v>
      </c>
      <c r="B12" s="3">
        <v>11.390035339416618</v>
      </c>
      <c r="C12" s="3">
        <v>36.027301999999999</v>
      </c>
      <c r="D12" s="3">
        <v>-17.985003599999999</v>
      </c>
      <c r="E12" s="3">
        <v>-27.522215999999997</v>
      </c>
      <c r="F12" s="3">
        <v>8.0621839248999994</v>
      </c>
      <c r="G12" s="3">
        <v>8.4002625999999996</v>
      </c>
      <c r="H12" s="3">
        <v>0.26566802490000024</v>
      </c>
      <c r="I12" s="3">
        <v>18.372535339416615</v>
      </c>
      <c r="J12" s="3"/>
      <c r="K12" s="3"/>
      <c r="L12" s="3"/>
      <c r="M12" s="3"/>
      <c r="N12" s="3"/>
    </row>
    <row r="13" spans="1:14" x14ac:dyDescent="0.35">
      <c r="A13" s="5" t="s">
        <v>80</v>
      </c>
      <c r="B13" s="3">
        <v>0</v>
      </c>
      <c r="C13" s="3">
        <v>39.58</v>
      </c>
      <c r="D13" s="3">
        <v>-22</v>
      </c>
      <c r="E13" s="3">
        <v>-24.8</v>
      </c>
      <c r="F13" s="3">
        <v>27.900000000000002</v>
      </c>
      <c r="G13" s="3">
        <v>0</v>
      </c>
      <c r="H13" s="3">
        <v>0</v>
      </c>
      <c r="I13" s="3">
        <v>20.680999999999997</v>
      </c>
      <c r="J13" s="3"/>
      <c r="K13" s="3"/>
      <c r="L13" s="3"/>
      <c r="M13" s="3"/>
      <c r="N13" s="3"/>
    </row>
    <row r="14" spans="1:14" x14ac:dyDescent="0.35">
      <c r="A14" s="5" t="s">
        <v>81</v>
      </c>
      <c r="B14" s="3">
        <v>10.361156822683805</v>
      </c>
      <c r="C14" s="3">
        <v>57.284739000000002</v>
      </c>
      <c r="D14" s="3">
        <v>-7.5646688999999991</v>
      </c>
      <c r="E14" s="3">
        <v>-34.463185000000003</v>
      </c>
      <c r="F14" s="3">
        <v>1.1098830980799996</v>
      </c>
      <c r="G14" s="3">
        <v>5.6914313999999999</v>
      </c>
      <c r="H14" s="3">
        <v>2.1009851980799996</v>
      </c>
      <c r="I14" s="3">
        <v>32.419356822683795</v>
      </c>
      <c r="J14" s="3"/>
      <c r="K14" s="3"/>
      <c r="L14" s="3"/>
      <c r="M14" s="3"/>
      <c r="N14" s="3"/>
    </row>
    <row r="15" spans="1:14" x14ac:dyDescent="0.35">
      <c r="A15" s="5" t="s">
        <v>82</v>
      </c>
      <c r="B15" s="3">
        <v>7.3784592326770317</v>
      </c>
      <c r="C15" s="3">
        <v>41.077714999999998</v>
      </c>
      <c r="D15" s="3">
        <v>-11.254208099999998</v>
      </c>
      <c r="E15" s="3">
        <v>-29.831655999999999</v>
      </c>
      <c r="F15" s="3">
        <v>31.930388782799991</v>
      </c>
      <c r="G15" s="3">
        <v>0.67801309999999992</v>
      </c>
      <c r="H15" s="3">
        <v>0.44245378280000003</v>
      </c>
      <c r="I15" s="3">
        <v>39.978759232677021</v>
      </c>
      <c r="J15" s="3"/>
      <c r="K15" s="3"/>
      <c r="L15" s="3"/>
      <c r="M15" s="3"/>
      <c r="N15" s="3"/>
    </row>
    <row r="16" spans="1:14" x14ac:dyDescent="0.35">
      <c r="A16" s="5"/>
      <c r="B16" s="3"/>
      <c r="C16" s="3"/>
      <c r="D16" s="3"/>
      <c r="E16" s="3"/>
      <c r="F16" s="3"/>
      <c r="G16" s="3"/>
      <c r="H16" s="3"/>
      <c r="I16" s="3"/>
      <c r="J16" s="3"/>
      <c r="K16" s="3"/>
      <c r="L16" s="3"/>
      <c r="M16" s="3"/>
      <c r="N16" s="3"/>
    </row>
    <row r="17" spans="1:14" x14ac:dyDescent="0.35">
      <c r="A17" s="5"/>
      <c r="B17" s="3"/>
      <c r="C17" s="3"/>
      <c r="D17" s="3"/>
      <c r="E17" s="3"/>
      <c r="F17" s="3"/>
      <c r="G17" s="3"/>
      <c r="H17" s="3"/>
      <c r="I17" s="3"/>
      <c r="J17" s="3"/>
      <c r="K17" s="3"/>
      <c r="L17" s="3"/>
      <c r="M17" s="3"/>
      <c r="N17" s="3"/>
    </row>
    <row r="18" spans="1:14" x14ac:dyDescent="0.35">
      <c r="A18" s="5"/>
      <c r="B18" s="3"/>
      <c r="C18" s="3"/>
      <c r="D18" s="3"/>
      <c r="E18" s="3"/>
      <c r="F18" s="3"/>
      <c r="G18" s="3"/>
      <c r="H18" s="3"/>
      <c r="I18" s="3"/>
      <c r="J18" s="3"/>
      <c r="K18" s="3"/>
      <c r="L18" s="3"/>
      <c r="M18" s="3"/>
      <c r="N18" s="3"/>
    </row>
    <row r="19" spans="1:14" x14ac:dyDescent="0.35">
      <c r="A19" s="5"/>
      <c r="B19" s="3"/>
      <c r="C19" s="3"/>
      <c r="D19" s="3"/>
      <c r="E19" s="3"/>
      <c r="F19" s="3"/>
      <c r="G19" s="3"/>
      <c r="H19" s="3"/>
      <c r="I19" s="3"/>
      <c r="J19" s="3"/>
      <c r="K19" s="3"/>
      <c r="L19" s="3"/>
      <c r="M19" s="3"/>
      <c r="N19" s="3"/>
    </row>
    <row r="20" spans="1:14" x14ac:dyDescent="0.35">
      <c r="A20" s="5"/>
      <c r="B20" s="3"/>
      <c r="C20" s="3"/>
      <c r="D20" s="3"/>
      <c r="E20" s="3"/>
      <c r="F20" s="3"/>
      <c r="G20" s="3"/>
      <c r="H20" s="3"/>
      <c r="I20" s="3"/>
      <c r="J20" s="3"/>
      <c r="K20" s="3"/>
      <c r="L20" s="3"/>
      <c r="M20" s="3"/>
      <c r="N20" s="3"/>
    </row>
    <row r="21" spans="1:14" x14ac:dyDescent="0.35">
      <c r="A21" s="5"/>
      <c r="B21" s="3"/>
      <c r="C21" s="3"/>
      <c r="D21" s="3"/>
      <c r="E21" s="3"/>
      <c r="F21" s="3"/>
      <c r="G21" s="3"/>
      <c r="H21" s="3"/>
      <c r="I21" s="3"/>
      <c r="J21" s="3"/>
      <c r="K21" s="3"/>
      <c r="L21" s="3"/>
      <c r="M21" s="3"/>
      <c r="N21" s="3"/>
    </row>
    <row r="22" spans="1:14" x14ac:dyDescent="0.35">
      <c r="A22" s="5"/>
      <c r="B22" s="3"/>
      <c r="C22" s="3"/>
      <c r="D22" s="3"/>
      <c r="E22" s="3"/>
      <c r="F22" s="3"/>
      <c r="G22" s="3"/>
      <c r="H22" s="3"/>
      <c r="I22" s="3"/>
      <c r="J22" s="3"/>
      <c r="K22" s="3"/>
      <c r="L22" s="3"/>
      <c r="M22" s="3"/>
      <c r="N22" s="3"/>
    </row>
    <row r="23" spans="1:14" x14ac:dyDescent="0.35">
      <c r="A23" s="5"/>
      <c r="B23" s="3"/>
      <c r="C23" s="3"/>
      <c r="D23" s="3"/>
      <c r="E23" s="3"/>
      <c r="F23" s="3"/>
      <c r="G23" s="3"/>
      <c r="H23" s="3"/>
      <c r="I23" s="3"/>
      <c r="J23" s="3"/>
      <c r="K23" s="3"/>
      <c r="L23" s="3"/>
      <c r="M23" s="3"/>
      <c r="N23" s="3"/>
    </row>
    <row r="24" spans="1:14" x14ac:dyDescent="0.35">
      <c r="A24" s="5"/>
      <c r="B24" s="3"/>
      <c r="C24" s="3"/>
      <c r="D24" s="3"/>
      <c r="E24" s="3"/>
      <c r="F24" s="3"/>
      <c r="G24" s="3"/>
      <c r="H24" s="3"/>
      <c r="I24" s="3"/>
      <c r="J24" s="3"/>
      <c r="K24" s="3"/>
      <c r="L24" s="3"/>
      <c r="M24" s="3"/>
      <c r="N24" s="3"/>
    </row>
    <row r="25" spans="1:14" x14ac:dyDescent="0.35">
      <c r="A25" s="5"/>
      <c r="B25" s="3"/>
      <c r="C25" s="3"/>
      <c r="D25" s="3"/>
      <c r="E25" s="3"/>
      <c r="F25" s="3"/>
      <c r="G25" s="3"/>
      <c r="H25" s="3"/>
      <c r="I25" s="3"/>
      <c r="J25" s="3"/>
      <c r="K25" s="3"/>
      <c r="L25" s="3"/>
      <c r="M25" s="3"/>
      <c r="N25" s="3"/>
    </row>
    <row r="26" spans="1:14" x14ac:dyDescent="0.35">
      <c r="A26" s="5"/>
      <c r="B26" s="3"/>
      <c r="C26" s="3"/>
      <c r="D26" s="3"/>
      <c r="E26" s="3"/>
      <c r="F26" s="3"/>
      <c r="G26" s="3"/>
      <c r="H26" s="3"/>
      <c r="I26" s="3"/>
      <c r="J26" s="3"/>
      <c r="K26" s="3"/>
      <c r="L26" s="3"/>
      <c r="M26" s="3"/>
      <c r="N26" s="3"/>
    </row>
    <row r="27" spans="1:14" x14ac:dyDescent="0.35">
      <c r="A27" s="5"/>
      <c r="B27" s="3"/>
      <c r="C27" s="3"/>
      <c r="D27" s="3"/>
      <c r="E27" s="3"/>
      <c r="F27" s="3"/>
      <c r="G27" s="3"/>
      <c r="H27" s="3"/>
      <c r="I27" s="3"/>
      <c r="J27" s="3"/>
      <c r="K27" s="3"/>
      <c r="L27" s="3"/>
      <c r="M27" s="3"/>
      <c r="N27" s="3"/>
    </row>
    <row r="28" spans="1:14" x14ac:dyDescent="0.35">
      <c r="A28" s="5"/>
      <c r="B28" s="3"/>
      <c r="C28" s="3"/>
      <c r="D28" s="3"/>
      <c r="E28" s="3"/>
      <c r="F28" s="3"/>
      <c r="G28" s="3"/>
      <c r="H28" s="3"/>
      <c r="I28" s="3"/>
      <c r="J28" s="3"/>
      <c r="K28" s="3"/>
      <c r="L28" s="3"/>
      <c r="M28" s="3"/>
      <c r="N28" s="3"/>
    </row>
    <row r="29" spans="1:14" x14ac:dyDescent="0.35">
      <c r="A29" s="5"/>
      <c r="B29" s="3"/>
      <c r="C29" s="3"/>
      <c r="D29" s="3"/>
      <c r="E29" s="3"/>
      <c r="F29" s="3"/>
      <c r="G29" s="3"/>
      <c r="H29" s="3"/>
      <c r="I29" s="3"/>
      <c r="J29" s="3"/>
      <c r="K29" s="3"/>
      <c r="L29" s="3"/>
      <c r="M29" s="3"/>
      <c r="N29" s="3"/>
    </row>
    <row r="30" spans="1:14" x14ac:dyDescent="0.35">
      <c r="A30" s="5"/>
      <c r="B30" s="3"/>
      <c r="C30" s="3"/>
      <c r="D30" s="3"/>
      <c r="E30" s="3"/>
      <c r="F30" s="3"/>
      <c r="G30" s="3"/>
      <c r="H30" s="3"/>
      <c r="I30" s="3"/>
      <c r="J30" s="3"/>
      <c r="K30" s="3"/>
      <c r="L30" s="3"/>
      <c r="M30" s="3"/>
      <c r="N30" s="3"/>
    </row>
    <row r="31" spans="1:14" x14ac:dyDescent="0.35">
      <c r="A31" s="5"/>
      <c r="B31" s="3"/>
      <c r="C31" s="3"/>
      <c r="D31" s="3"/>
      <c r="E31" s="3"/>
      <c r="F31" s="3"/>
      <c r="G31" s="3"/>
      <c r="H31" s="3"/>
      <c r="I31" s="3"/>
      <c r="J31" s="3"/>
      <c r="K31" s="3"/>
      <c r="L31" s="3"/>
      <c r="M31" s="3"/>
      <c r="N31" s="3"/>
    </row>
    <row r="32" spans="1:14" x14ac:dyDescent="0.35">
      <c r="A32" s="5"/>
      <c r="B32" s="3"/>
      <c r="C32" s="3"/>
      <c r="D32" s="3"/>
      <c r="E32" s="3"/>
      <c r="F32" s="3"/>
      <c r="G32" s="3"/>
      <c r="H32" s="3"/>
      <c r="I32" s="3"/>
      <c r="J32" s="3"/>
      <c r="K32" s="3"/>
      <c r="L32" s="3"/>
      <c r="M32" s="3"/>
      <c r="N32" s="3"/>
    </row>
    <row r="33" spans="1:14" x14ac:dyDescent="0.35">
      <c r="A33" s="5"/>
      <c r="B33" s="3"/>
      <c r="C33" s="3"/>
      <c r="D33" s="3"/>
      <c r="E33" s="3"/>
      <c r="F33" s="3"/>
      <c r="G33" s="3"/>
      <c r="H33" s="3"/>
      <c r="I33" s="3"/>
      <c r="J33" s="3"/>
      <c r="K33" s="3"/>
      <c r="L33" s="3"/>
      <c r="M33" s="3"/>
      <c r="N33" s="3"/>
    </row>
    <row r="34" spans="1:14" x14ac:dyDescent="0.35">
      <c r="A34" s="5"/>
      <c r="B34" s="3"/>
      <c r="C34" s="3"/>
      <c r="D34" s="3"/>
      <c r="E34" s="3"/>
      <c r="F34" s="3"/>
      <c r="G34" s="3"/>
      <c r="H34" s="3"/>
      <c r="I34" s="3"/>
      <c r="J34" s="3"/>
      <c r="K34" s="3"/>
      <c r="L34" s="3"/>
      <c r="M34" s="3"/>
      <c r="N34" s="3"/>
    </row>
    <row r="35" spans="1:14" x14ac:dyDescent="0.35">
      <c r="A35" s="5"/>
      <c r="B35" s="3"/>
      <c r="C35" s="3"/>
      <c r="D35" s="3"/>
      <c r="E35" s="3"/>
      <c r="F35" s="3"/>
      <c r="G35" s="3"/>
      <c r="H35" s="3"/>
      <c r="I35" s="3"/>
      <c r="J35" s="3"/>
      <c r="K35" s="3"/>
      <c r="L35" s="3"/>
      <c r="M35" s="3"/>
      <c r="N35" s="3"/>
    </row>
    <row r="36" spans="1:14" x14ac:dyDescent="0.35">
      <c r="A36" s="5"/>
      <c r="B36" s="3"/>
      <c r="C36" s="3"/>
      <c r="D36" s="3"/>
      <c r="E36" s="3"/>
      <c r="F36" s="3"/>
      <c r="G36" s="3"/>
      <c r="H36" s="3"/>
      <c r="I36" s="3"/>
      <c r="J36" s="3"/>
      <c r="K36" s="3"/>
      <c r="L36" s="3"/>
      <c r="M36" s="3"/>
      <c r="N36" s="3"/>
    </row>
    <row r="37" spans="1:14" x14ac:dyDescent="0.35">
      <c r="A37" s="5"/>
      <c r="B37" s="3"/>
      <c r="C37" s="3"/>
      <c r="D37" s="3"/>
      <c r="E37" s="3"/>
      <c r="F37" s="3"/>
      <c r="G37" s="3"/>
      <c r="H37" s="3"/>
      <c r="I37" s="3"/>
      <c r="J37" s="3"/>
      <c r="K37" s="3"/>
      <c r="L37" s="3"/>
      <c r="M37" s="3"/>
      <c r="N37" s="3"/>
    </row>
    <row r="38" spans="1:14" x14ac:dyDescent="0.35">
      <c r="A38" s="5"/>
      <c r="B38" s="3"/>
      <c r="C38" s="3"/>
      <c r="D38" s="3"/>
      <c r="E38" s="3"/>
      <c r="F38" s="3"/>
      <c r="G38" s="3"/>
      <c r="H38" s="3"/>
      <c r="I38" s="3"/>
      <c r="J38" s="3"/>
      <c r="K38" s="3"/>
      <c r="L38" s="3"/>
      <c r="M38" s="3"/>
      <c r="N38" s="3"/>
    </row>
    <row r="39" spans="1:14" x14ac:dyDescent="0.35">
      <c r="A39" s="5"/>
      <c r="B39" s="3"/>
      <c r="C39" s="3"/>
      <c r="D39" s="3"/>
      <c r="E39" s="3"/>
      <c r="F39" s="3"/>
      <c r="G39" s="3"/>
      <c r="H39" s="3"/>
      <c r="I39" s="3"/>
      <c r="J39" s="3"/>
      <c r="K39" s="3"/>
      <c r="L39" s="3"/>
      <c r="M39" s="3"/>
      <c r="N39" s="3"/>
    </row>
    <row r="40" spans="1:14" x14ac:dyDescent="0.35">
      <c r="A40" s="5"/>
      <c r="B40" s="3"/>
      <c r="C40" s="3"/>
      <c r="D40" s="3"/>
      <c r="E40" s="3"/>
      <c r="F40" s="3"/>
      <c r="G40" s="3"/>
      <c r="H40" s="3"/>
      <c r="I40" s="3"/>
      <c r="J40" s="3"/>
      <c r="K40" s="3"/>
      <c r="L40" s="3"/>
      <c r="M40" s="3"/>
      <c r="N40" s="3"/>
    </row>
    <row r="41" spans="1:14" x14ac:dyDescent="0.35">
      <c r="A41" s="5"/>
      <c r="B41" s="3"/>
      <c r="C41" s="3"/>
      <c r="D41" s="3"/>
      <c r="E41" s="3"/>
      <c r="F41" s="3"/>
      <c r="G41" s="3"/>
      <c r="H41" s="3"/>
      <c r="I41" s="3"/>
      <c r="J41" s="3"/>
      <c r="K41" s="3"/>
      <c r="L41" s="3"/>
      <c r="M41" s="3"/>
      <c r="N41" s="3"/>
    </row>
    <row r="42" spans="1:14" x14ac:dyDescent="0.35">
      <c r="A42" s="5"/>
      <c r="B42" s="3"/>
      <c r="C42" s="3"/>
      <c r="D42" s="3"/>
      <c r="E42" s="3"/>
      <c r="F42" s="3"/>
      <c r="G42" s="3"/>
      <c r="H42" s="3"/>
      <c r="I42" s="3"/>
      <c r="J42" s="3"/>
      <c r="K42" s="3"/>
      <c r="L42" s="3"/>
      <c r="M42" s="3"/>
      <c r="N42" s="3"/>
    </row>
    <row r="43" spans="1:14" x14ac:dyDescent="0.35">
      <c r="A43" s="5"/>
      <c r="B43" s="3"/>
      <c r="C43" s="3"/>
      <c r="D43" s="3"/>
      <c r="E43" s="3"/>
      <c r="F43" s="3"/>
      <c r="G43" s="3"/>
      <c r="H43" s="3"/>
      <c r="I43" s="3"/>
      <c r="J43" s="3"/>
      <c r="K43" s="3"/>
      <c r="L43" s="3"/>
      <c r="M43" s="3"/>
      <c r="N43" s="3"/>
    </row>
    <row r="44" spans="1:14" x14ac:dyDescent="0.35">
      <c r="A44" s="5"/>
      <c r="B44" s="3"/>
      <c r="C44" s="3"/>
      <c r="D44" s="3"/>
      <c r="E44" s="3"/>
      <c r="F44" s="3"/>
      <c r="G44" s="3"/>
      <c r="H44" s="3"/>
      <c r="I44" s="3"/>
      <c r="J44" s="3"/>
      <c r="K44" s="3"/>
      <c r="L44" s="3"/>
      <c r="M44" s="3"/>
      <c r="N44" s="3"/>
    </row>
    <row r="45" spans="1:14" x14ac:dyDescent="0.35">
      <c r="A45" s="5"/>
      <c r="B45" s="3"/>
      <c r="C45" s="3"/>
      <c r="D45" s="3"/>
      <c r="E45" s="3"/>
      <c r="F45" s="3"/>
      <c r="G45" s="3"/>
      <c r="H45" s="3"/>
      <c r="I45" s="3"/>
      <c r="J45" s="3"/>
      <c r="K45" s="3"/>
      <c r="L45" s="3"/>
      <c r="M45" s="3"/>
      <c r="N45" s="3"/>
    </row>
    <row r="46" spans="1:14" x14ac:dyDescent="0.35">
      <c r="A46" s="5"/>
      <c r="B46" s="3"/>
      <c r="C46" s="3"/>
      <c r="D46" s="3"/>
      <c r="E46" s="3"/>
      <c r="F46" s="3"/>
      <c r="G46" s="3"/>
      <c r="H46" s="3"/>
      <c r="I46" s="3"/>
      <c r="J46" s="3"/>
      <c r="K46" s="3"/>
      <c r="L46" s="3"/>
      <c r="M46" s="3"/>
      <c r="N46" s="3"/>
    </row>
    <row r="47" spans="1:14" x14ac:dyDescent="0.35">
      <c r="A47" s="5"/>
      <c r="B47" s="3"/>
      <c r="C47" s="3"/>
      <c r="D47" s="3"/>
      <c r="E47" s="3"/>
      <c r="F47" s="3"/>
      <c r="G47" s="3"/>
      <c r="H47" s="3"/>
      <c r="I47" s="3"/>
      <c r="J47" s="3"/>
      <c r="K47" s="3"/>
      <c r="L47" s="3"/>
      <c r="M47" s="3"/>
      <c r="N47" s="3"/>
    </row>
    <row r="48" spans="1:14" x14ac:dyDescent="0.35">
      <c r="A48" s="5"/>
      <c r="B48" s="3"/>
      <c r="C48" s="3"/>
      <c r="D48" s="3"/>
      <c r="E48" s="3"/>
      <c r="F48" s="3"/>
      <c r="G48" s="3"/>
      <c r="H48" s="3"/>
      <c r="I48" s="3"/>
      <c r="J48" s="3"/>
      <c r="K48" s="3"/>
      <c r="L48" s="3"/>
      <c r="M48" s="3"/>
      <c r="N48" s="3"/>
    </row>
    <row r="49" spans="1:14" x14ac:dyDescent="0.35">
      <c r="A49" s="5"/>
      <c r="B49" s="3"/>
      <c r="C49" s="3"/>
      <c r="D49" s="3"/>
      <c r="E49" s="3"/>
      <c r="F49" s="3"/>
      <c r="G49" s="3"/>
      <c r="H49" s="3"/>
      <c r="I49" s="3"/>
      <c r="J49" s="3"/>
      <c r="K49" s="3"/>
      <c r="L49" s="3"/>
      <c r="M49" s="3"/>
      <c r="N49" s="3"/>
    </row>
    <row r="50" spans="1:14" x14ac:dyDescent="0.35">
      <c r="A50" s="5"/>
      <c r="B50" s="3"/>
      <c r="C50" s="3"/>
      <c r="D50" s="3"/>
      <c r="E50" s="3"/>
      <c r="F50" s="3"/>
      <c r="G50" s="3"/>
      <c r="H50" s="3"/>
      <c r="I50" s="3"/>
      <c r="J50" s="3"/>
      <c r="K50" s="3"/>
      <c r="L50" s="3"/>
      <c r="M50" s="3"/>
      <c r="N50" s="3"/>
    </row>
    <row r="51" spans="1:14" x14ac:dyDescent="0.35">
      <c r="A51" s="5"/>
      <c r="B51" s="3"/>
      <c r="C51" s="3"/>
      <c r="D51" s="3"/>
      <c r="E51" s="3"/>
      <c r="F51" s="3"/>
      <c r="G51" s="3"/>
      <c r="H51" s="3"/>
      <c r="I51" s="3"/>
      <c r="J51" s="3"/>
      <c r="K51" s="3"/>
      <c r="L51" s="3"/>
      <c r="M51" s="3"/>
      <c r="N51" s="3"/>
    </row>
    <row r="52" spans="1:14" x14ac:dyDescent="0.35">
      <c r="A52" s="5"/>
      <c r="B52" s="3"/>
      <c r="C52" s="3"/>
      <c r="D52" s="3"/>
      <c r="E52" s="3"/>
      <c r="F52" s="3"/>
      <c r="G52" s="3"/>
      <c r="H52" s="3"/>
      <c r="I52" s="3"/>
      <c r="J52" s="3"/>
      <c r="K52" s="3"/>
      <c r="L52" s="3"/>
      <c r="M52" s="3"/>
      <c r="N52" s="3"/>
    </row>
    <row r="53" spans="1:14" x14ac:dyDescent="0.35">
      <c r="A53" s="5"/>
      <c r="B53" s="3"/>
      <c r="C53" s="3"/>
      <c r="D53" s="3"/>
      <c r="E53" s="3"/>
      <c r="F53" s="3"/>
      <c r="G53" s="3"/>
      <c r="H53" s="3"/>
      <c r="I53" s="3"/>
      <c r="J53" s="3"/>
      <c r="K53" s="3"/>
      <c r="L53" s="3"/>
      <c r="M53" s="3"/>
      <c r="N53" s="3"/>
    </row>
    <row r="54" spans="1:14" x14ac:dyDescent="0.35">
      <c r="A54" s="5"/>
      <c r="B54" s="3"/>
      <c r="C54" s="3"/>
      <c r="D54" s="3"/>
      <c r="E54" s="3"/>
      <c r="F54" s="3"/>
      <c r="G54" s="3"/>
      <c r="H54" s="3"/>
      <c r="I54" s="3"/>
      <c r="J54" s="3"/>
      <c r="K54" s="3"/>
      <c r="L54" s="3"/>
      <c r="M54" s="3"/>
      <c r="N54" s="3"/>
    </row>
    <row r="55" spans="1:14" x14ac:dyDescent="0.35">
      <c r="A55" s="5"/>
      <c r="B55" s="3"/>
      <c r="C55" s="3"/>
      <c r="D55" s="3"/>
      <c r="E55" s="3"/>
      <c r="F55" s="3"/>
      <c r="G55" s="3"/>
      <c r="H55" s="3"/>
      <c r="I55" s="3"/>
      <c r="J55" s="3"/>
      <c r="K55" s="3"/>
      <c r="L55" s="3"/>
      <c r="M55" s="3"/>
      <c r="N55" s="3"/>
    </row>
    <row r="56" spans="1:14" x14ac:dyDescent="0.35">
      <c r="A56" s="5"/>
      <c r="B56" s="3"/>
      <c r="C56" s="3"/>
      <c r="D56" s="3"/>
      <c r="E56" s="3"/>
      <c r="F56" s="3"/>
      <c r="G56" s="3"/>
      <c r="H56" s="3"/>
      <c r="I56" s="3"/>
      <c r="J56" s="3"/>
      <c r="K56" s="3"/>
      <c r="L56" s="3"/>
      <c r="M56" s="3"/>
      <c r="N56" s="3"/>
    </row>
    <row r="57" spans="1:14" x14ac:dyDescent="0.35">
      <c r="A57" s="5"/>
      <c r="B57" s="3"/>
      <c r="C57" s="3"/>
      <c r="D57" s="3"/>
      <c r="E57" s="3"/>
      <c r="F57" s="3"/>
      <c r="G57" s="3"/>
      <c r="H57" s="3"/>
      <c r="I57" s="3"/>
      <c r="J57" s="3"/>
      <c r="K57" s="3"/>
      <c r="L57" s="3"/>
      <c r="M57" s="3"/>
      <c r="N57" s="3"/>
    </row>
    <row r="58" spans="1:14" x14ac:dyDescent="0.35">
      <c r="A58" s="5"/>
      <c r="B58" s="3"/>
      <c r="C58" s="3"/>
      <c r="D58" s="3"/>
      <c r="E58" s="3"/>
      <c r="F58" s="3"/>
      <c r="G58" s="3"/>
      <c r="H58" s="3"/>
      <c r="I58" s="3"/>
      <c r="J58" s="3"/>
      <c r="K58" s="3"/>
      <c r="L58" s="3"/>
      <c r="M58" s="3"/>
      <c r="N58" s="3"/>
    </row>
    <row r="59" spans="1:14" x14ac:dyDescent="0.35">
      <c r="A59" s="5"/>
      <c r="B59" s="3"/>
      <c r="C59" s="3"/>
      <c r="D59" s="3"/>
      <c r="E59" s="3"/>
      <c r="F59" s="3"/>
      <c r="G59" s="3"/>
      <c r="H59" s="3"/>
      <c r="I59" s="3"/>
      <c r="J59" s="3"/>
      <c r="K59" s="3"/>
      <c r="L59" s="3"/>
      <c r="M59" s="3"/>
      <c r="N59" s="3"/>
    </row>
    <row r="60" spans="1:14" x14ac:dyDescent="0.35">
      <c r="A60" s="5"/>
      <c r="B60" s="3"/>
      <c r="C60" s="3"/>
      <c r="D60" s="3"/>
      <c r="E60" s="3"/>
      <c r="F60" s="3"/>
      <c r="G60" s="3"/>
      <c r="H60" s="3"/>
      <c r="I60" s="3"/>
      <c r="J60" s="3"/>
      <c r="K60" s="3"/>
      <c r="L60" s="3"/>
      <c r="M60" s="3"/>
      <c r="N60" s="3"/>
    </row>
    <row r="61" spans="1:14" x14ac:dyDescent="0.35">
      <c r="A61" s="5"/>
      <c r="B61" s="3"/>
      <c r="C61" s="3"/>
      <c r="D61" s="3"/>
      <c r="E61" s="3"/>
      <c r="F61" s="3"/>
      <c r="G61" s="3"/>
      <c r="H61" s="3"/>
      <c r="I61" s="3"/>
      <c r="J61" s="3"/>
      <c r="K61" s="3"/>
      <c r="L61" s="3"/>
      <c r="M61" s="3"/>
      <c r="N61" s="3"/>
    </row>
    <row r="62" spans="1:14" x14ac:dyDescent="0.35">
      <c r="A62" s="5"/>
      <c r="B62" s="3"/>
      <c r="C62" s="3"/>
      <c r="D62" s="3"/>
      <c r="E62" s="3"/>
      <c r="F62" s="3"/>
      <c r="G62" s="3"/>
      <c r="H62" s="3"/>
      <c r="I62" s="3"/>
      <c r="J62" s="3"/>
      <c r="K62" s="3"/>
      <c r="L62" s="3"/>
      <c r="M62" s="3"/>
      <c r="N62" s="3"/>
    </row>
    <row r="63" spans="1:14" x14ac:dyDescent="0.35">
      <c r="A63" s="5"/>
      <c r="B63" s="3"/>
      <c r="C63" s="3"/>
      <c r="D63" s="3"/>
      <c r="E63" s="3"/>
      <c r="F63" s="3"/>
      <c r="G63" s="3"/>
      <c r="H63" s="3"/>
      <c r="I63" s="3"/>
      <c r="J63" s="3"/>
      <c r="K63" s="3"/>
      <c r="L63" s="3"/>
      <c r="M63" s="3"/>
      <c r="N63" s="3"/>
    </row>
    <row r="64" spans="1:14" x14ac:dyDescent="0.35">
      <c r="A64" s="5"/>
      <c r="B64" s="3"/>
      <c r="C64" s="3"/>
      <c r="D64" s="3"/>
      <c r="E64" s="3"/>
      <c r="F64" s="3"/>
      <c r="G64" s="3"/>
      <c r="H64" s="3"/>
      <c r="I64" s="3"/>
      <c r="J64" s="3"/>
      <c r="K64" s="3"/>
      <c r="L64" s="3"/>
      <c r="M64" s="3"/>
      <c r="N64" s="3"/>
    </row>
    <row r="65" spans="1:14" x14ac:dyDescent="0.35">
      <c r="A65" s="5"/>
      <c r="B65" s="3"/>
      <c r="C65" s="3"/>
      <c r="D65" s="3"/>
      <c r="E65" s="3"/>
      <c r="F65" s="3"/>
      <c r="G65" s="3"/>
      <c r="H65" s="3"/>
      <c r="I65" s="3"/>
      <c r="J65" s="3"/>
      <c r="K65" s="3"/>
      <c r="L65" s="3"/>
      <c r="M65" s="3"/>
      <c r="N65" s="3"/>
    </row>
    <row r="66" spans="1:14" x14ac:dyDescent="0.35">
      <c r="A66" s="5"/>
      <c r="B66" s="3"/>
      <c r="C66" s="3"/>
      <c r="D66" s="3"/>
      <c r="E66" s="3"/>
      <c r="F66" s="3"/>
      <c r="G66" s="3"/>
      <c r="H66" s="3"/>
      <c r="I66" s="3"/>
      <c r="J66" s="3"/>
      <c r="K66" s="3"/>
      <c r="L66" s="3"/>
      <c r="M66" s="3"/>
      <c r="N66" s="3"/>
    </row>
  </sheetData>
  <pageMargins left="0.7" right="0.7" top="0.75" bottom="0.75" header="0.3" footer="0.3"/>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AEFA549-40C3-4A74-9518-658AFD3A4839}">
  <dimension ref="A1:C10"/>
  <sheetViews>
    <sheetView workbookViewId="0"/>
  </sheetViews>
  <sheetFormatPr defaultColWidth="9.1796875" defaultRowHeight="14" x14ac:dyDescent="0.3"/>
  <cols>
    <col min="1" max="14" width="15.7265625" style="1" customWidth="1"/>
    <col min="15" max="16384" width="9.1796875" style="1"/>
  </cols>
  <sheetData>
    <row r="1" spans="1:3" x14ac:dyDescent="0.3">
      <c r="A1" s="1" t="s">
        <v>4</v>
      </c>
      <c r="B1" s="1">
        <v>9</v>
      </c>
    </row>
    <row r="2" spans="1:3" x14ac:dyDescent="0.3">
      <c r="A2" s="1" t="s">
        <v>3</v>
      </c>
      <c r="B2" s="14" t="s">
        <v>84</v>
      </c>
    </row>
    <row r="3" spans="1:3" x14ac:dyDescent="0.3">
      <c r="A3" s="1" t="s">
        <v>5</v>
      </c>
      <c r="B3" s="1" t="s">
        <v>85</v>
      </c>
    </row>
    <row r="4" spans="1:3" x14ac:dyDescent="0.3">
      <c r="A4" s="1" t="s">
        <v>2</v>
      </c>
      <c r="B4" s="1" t="s">
        <v>86</v>
      </c>
    </row>
    <row r="5" spans="1:3" x14ac:dyDescent="0.3">
      <c r="A5" s="1" t="s">
        <v>1</v>
      </c>
      <c r="B5" s="1" t="s">
        <v>87</v>
      </c>
    </row>
    <row r="7" spans="1:3" x14ac:dyDescent="0.3">
      <c r="A7" s="1" t="s">
        <v>195</v>
      </c>
      <c r="B7" s="1" t="s">
        <v>88</v>
      </c>
      <c r="C7" s="1" t="s">
        <v>89</v>
      </c>
    </row>
    <row r="8" spans="1:3" x14ac:dyDescent="0.3">
      <c r="A8" s="1" t="s">
        <v>90</v>
      </c>
      <c r="B8" s="3">
        <v>77.814372083429234</v>
      </c>
      <c r="C8" s="3">
        <v>0.52440999999999993</v>
      </c>
    </row>
    <row r="9" spans="1:3" x14ac:dyDescent="0.3">
      <c r="A9" s="1" t="s">
        <v>91</v>
      </c>
      <c r="B9" s="3">
        <v>20.661292990729891</v>
      </c>
      <c r="C9" s="3">
        <v>-1.58142</v>
      </c>
    </row>
    <row r="10" spans="1:3" x14ac:dyDescent="0.3">
      <c r="A10" s="1" t="s">
        <v>92</v>
      </c>
      <c r="B10" s="3">
        <v>1.5243349258408856</v>
      </c>
      <c r="C10" s="3">
        <v>2.3593200000000003</v>
      </c>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58FDB258-840B-4189-80A1-0F857939EFFB}">
  <ds:schemaRefs/>
</ds:datastoreItem>
</file>

<file path=customXml/itemProps2.xml><?xml version="1.0" encoding="utf-8"?>
<ds:datastoreItem xmlns:ds="http://schemas.openxmlformats.org/officeDocument/2006/customXml" ds:itemID="{46E56178-A09E-4724-8840-5C719A4A3FCD}">
  <ds:schemaRefs/>
</ds:datastoreItem>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2" baseType="variant">
      <vt:variant>
        <vt:lpstr>Werkbladen</vt:lpstr>
      </vt:variant>
      <vt:variant>
        <vt:i4>20</vt:i4>
      </vt:variant>
    </vt:vector>
  </HeadingPairs>
  <TitlesOfParts>
    <vt:vector size="20" baseType="lpstr">
      <vt:lpstr>Figuur 1</vt:lpstr>
      <vt:lpstr>Figuur 2</vt:lpstr>
      <vt:lpstr>Figuur 3</vt:lpstr>
      <vt:lpstr>Figuur 4</vt:lpstr>
      <vt:lpstr>Figuur 5</vt:lpstr>
      <vt:lpstr>Figuur 6</vt:lpstr>
      <vt:lpstr>Figuur 7</vt:lpstr>
      <vt:lpstr>Figuur 8</vt:lpstr>
      <vt:lpstr>Figuur 9</vt:lpstr>
      <vt:lpstr>Figuur 10</vt:lpstr>
      <vt:lpstr>Figuur 11</vt:lpstr>
      <vt:lpstr>Figuur 12</vt:lpstr>
      <vt:lpstr>Figuur 13</vt:lpstr>
      <vt:lpstr>Figuur 14</vt:lpstr>
      <vt:lpstr>Figuur 15</vt:lpstr>
      <vt:lpstr>Figuur 16</vt:lpstr>
      <vt:lpstr>Figuur 17</vt:lpstr>
      <vt:lpstr>Figuur 18</vt:lpstr>
      <vt:lpstr>Figuur 19</vt:lpstr>
      <vt:lpstr>Figuur 20</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8-01T14:41:22Z</dcterms:created>
  <dcterms:modified xsi:type="dcterms:W3CDTF">2025-11-14T13:14:4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970965601742225776</vt:lpwstr>
  </property>
  <property fmtid="{D5CDD505-2E9C-101B-9397-08002B2CF9AE}" pid="4" name="TemplafyUserProfileId">
    <vt:lpwstr>638161930297079230</vt:lpwstr>
  </property>
  <property fmtid="{D5CDD505-2E9C-101B-9397-08002B2CF9AE}" pid="5" name="TemplafyFromBlank">
    <vt:bool>true</vt:bool>
  </property>
</Properties>
</file>